
<file path=[Content_Types].xml><?xml version="1.0" encoding="utf-8"?>
<Types xmlns="http://schemas.openxmlformats.org/package/2006/content-types">
  <Override PartName="/xl/worksheets/sheet15.xml" ContentType="application/vnd.openxmlformats-officedocument.spreadsheetml.worksheet+xml"/>
  <Override PartName="/xl/worksheets/sheet16.xml" ContentType="application/vnd.openxmlformats-officedocument.spreadsheetml.worksheet+xml"/>
  <Default Extension="bin" ContentType="application/vnd.openxmlformats-officedocument.spreadsheetml.printerSettings"/>
  <Override PartName="/xl/worksheets/sheet9.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Default Extension="rels" ContentType="application/vnd.openxmlformats-package.relationships+xml"/>
  <Default Extension="xml" ContentType="application/xml"/>
  <Override PartName="/xl/workbook.xml" ContentType="application/vnd.openxmlformats-officedocument.spreadsheetml.sheet.main+xml"/>
  <Override PartName="/xl/worksheets/sheet4.xml" ContentType="application/vnd.openxmlformats-officedocument.spreadsheetml.worksheet+xml"/>
  <Override PartName="/xl/worksheets/sheet5.xml" ContentType="application/vnd.openxmlformats-officedocument.spreadsheetml.worksheet+xml"/>
  <Override PartName="/xl/worksheets/sheet10.xml" ContentType="application/vnd.openxmlformats-officedocument.spreadsheetml.worksheet+xml"/>
  <Override PartName="/xl/externalLinks/externalLink4.xml" ContentType="application/vnd.openxmlformats-officedocument.spreadsheetml.externalLink+xml"/>
  <Override PartName="/docProps/app.xml" ContentType="application/vnd.openxmlformats-officedocument.extended-properties+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comments2.xml" ContentType="application/vnd.openxmlformats-officedocument.spreadsheetml.comments+xml"/>
  <Override PartName="/xl/worksheets/sheet1.xml" ContentType="application/vnd.openxmlformats-officedocument.spreadsheetml.worksheet+xml"/>
  <Override PartName="/xl/externalLinks/externalLink1.xml" ContentType="application/vnd.openxmlformats-officedocument.spreadsheetml.externalLink+xml"/>
  <Default Extension="vml" ContentType="application/vnd.openxmlformats-officedocument.vmlDrawing"/>
  <Override PartName="/xl/comments1.xml" ContentType="application/vnd.openxmlformats-officedocument.spreadsheetml.comments+xml"/>
  <Override PartName="/xl/calcChain.xml" ContentType="application/vnd.openxmlformats-officedocument.spreadsheetml.calcChain+xml"/>
  <Override PartName="/xl/worksheets/sheet19.xml" ContentType="application/vnd.openxmlformats-officedocument.spreadsheetml.worksheet+xml"/>
  <Override PartName="/xl/sharedStrings.xml" ContentType="application/vnd.openxmlformats-officedocument.spreadsheetml.sharedStrings+xml"/>
  <Override PartName="/xl/worksheets/sheet17.xml" ContentType="application/vnd.openxmlformats-officedocument.spreadsheetml.worksheet+xml"/>
  <Override PartName="/xl/worksheets/sheet18.xml" ContentType="application/vnd.openxmlformats-officedocument.spreadsheetml.worksheet+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4" lowestEdited="6" rupBuild="4507"/>
  <workbookPr filterPrivacy="1" defaultThemeVersion="124226"/>
  <bookViews>
    <workbookView xWindow="0" yWindow="0" windowWidth="28800" windowHeight="11730" tabRatio="886" firstSheet="12" activeTab="12"/>
  </bookViews>
  <sheets>
    <sheet name="Сводная на 30.06.2024" sheetId="22" r:id="rId1"/>
    <sheet name="Свод на 1.07 2025" sheetId="27" r:id="rId2"/>
    <sheet name="27.11.24" sheetId="26" state="hidden" r:id="rId3"/>
    <sheet name="Петрозаводский" sheetId="13" r:id="rId4"/>
    <sheet name="Костомукша" sheetId="21" r:id="rId5"/>
    <sheet name="Беломорский " sheetId="12" r:id="rId6"/>
    <sheet name="Калевальский " sheetId="19" r:id="rId7"/>
    <sheet name="Кемский" sheetId="7" r:id="rId8"/>
    <sheet name="Кондопожский" sheetId="15" r:id="rId9"/>
    <sheet name="Лахденпохский" sheetId="4" r:id="rId10"/>
    <sheet name="Лоухский" sheetId="20" r:id="rId11"/>
    <sheet name="Медвежьегорский" sheetId="16" r:id="rId12"/>
    <sheet name="Муезерский" sheetId="14" r:id="rId13"/>
    <sheet name="Олонецкий" sheetId="8" r:id="rId14"/>
    <sheet name="Питкярантский" sheetId="9" r:id="rId15"/>
    <sheet name="Прионежский" sheetId="10" r:id="rId16"/>
    <sheet name="Пряжинский " sheetId="11" r:id="rId17"/>
    <sheet name="Пудожский" sheetId="17" r:id="rId18"/>
    <sheet name="Сегежский" sheetId="6" r:id="rId19"/>
    <sheet name="Суоярвский" sheetId="2" r:id="rId20"/>
    <sheet name="Сортавальский" sheetId="18" r:id="rId21"/>
  </sheets>
  <externalReferences>
    <externalReference r:id="rId22"/>
    <externalReference r:id="rId23"/>
    <externalReference r:id="rId24"/>
    <externalReference r:id="rId25"/>
  </externalReferences>
  <definedNames>
    <definedName name="_xlnm._FilterDatabase" localSheetId="5" hidden="1">'Беломорский '!$A$13:$AP$41</definedName>
    <definedName name="_xlnm._FilterDatabase" localSheetId="6" hidden="1">'Калевальский '!$A$14:$XDF$38</definedName>
    <definedName name="_xlnm._FilterDatabase" localSheetId="7" hidden="1">Кемский!$A$14:$R$38</definedName>
    <definedName name="_xlnm._FilterDatabase" localSheetId="8" hidden="1">Кондопожский!$A$14:$Q$83</definedName>
    <definedName name="_xlnm._FilterDatabase" localSheetId="4" hidden="1">Костомукша!$A$14:$Q$34</definedName>
    <definedName name="_xlnm._FilterDatabase" localSheetId="9" hidden="1">Лахденпохский!$A$14:$R$88</definedName>
    <definedName name="_xlnm._FilterDatabase" localSheetId="10" hidden="1">Лоухский!$A$14:$XEC$77</definedName>
    <definedName name="_xlnm._FilterDatabase" localSheetId="11" hidden="1">Медвежьегорский!$A$14:$S$102</definedName>
    <definedName name="_xlnm._FilterDatabase" localSheetId="12" hidden="1">Муезерский!$A$14:$R$31</definedName>
    <definedName name="_xlnm._FilterDatabase" localSheetId="13" hidden="1">Олонецкий!$A$14:$AB$112</definedName>
    <definedName name="_xlnm._FilterDatabase" localSheetId="3" hidden="1">Петрозаводский!$A$13:$O$121</definedName>
    <definedName name="_xlnm._FilterDatabase" localSheetId="14" hidden="1">Питкярантский!$A$13:$Q$68</definedName>
    <definedName name="_xlnm._FilterDatabase" localSheetId="15" hidden="1">Прионежский!$A$14:$DQ$84</definedName>
    <definedName name="_xlnm._FilterDatabase" localSheetId="16" hidden="1">'Пряжинский '!$A$14:$DP$95</definedName>
    <definedName name="_xlnm._FilterDatabase" localSheetId="17" hidden="1">Пудожский!$A$13:$R$55</definedName>
    <definedName name="_xlnm._FilterDatabase" localSheetId="18" hidden="1">Сегежский!$A$13:$Q$47</definedName>
    <definedName name="_xlnm._FilterDatabase" localSheetId="20" hidden="1">Сортавальский!$A$14:$R$187</definedName>
    <definedName name="_xlnm._FilterDatabase" localSheetId="19" hidden="1">Суоярвский!$A$14:$R$54</definedName>
  </definedNames>
  <calcPr calcId="125725" refMode="R1C1" concurrentCalc="0"/>
</workbook>
</file>

<file path=xl/calcChain.xml><?xml version="1.0" encoding="utf-8"?>
<calcChain xmlns="http://schemas.openxmlformats.org/spreadsheetml/2006/main">
  <c r="I21" i="22"/>
  <c r="K21"/>
  <c r="F21"/>
  <c r="E21"/>
  <c r="C21"/>
  <c r="K20"/>
  <c r="J20"/>
  <c r="F20"/>
  <c r="E20"/>
  <c r="C20"/>
  <c r="J19"/>
  <c r="I19"/>
  <c r="H19"/>
  <c r="K19"/>
  <c r="F19"/>
  <c r="D19"/>
  <c r="E19"/>
  <c r="C19"/>
  <c r="J18"/>
  <c r="G18"/>
  <c r="K18"/>
  <c r="F18"/>
  <c r="E18"/>
  <c r="D18"/>
  <c r="K17"/>
  <c r="J17"/>
  <c r="D17"/>
  <c r="F17"/>
  <c r="C17"/>
  <c r="B17"/>
  <c r="J16"/>
  <c r="K16"/>
  <c r="D16"/>
  <c r="F16"/>
  <c r="C16"/>
  <c r="J15"/>
  <c r="K15"/>
  <c r="F15"/>
  <c r="C15"/>
  <c r="E15"/>
  <c r="J14"/>
  <c r="G14"/>
  <c r="K14"/>
  <c r="F14"/>
  <c r="E14"/>
  <c r="J13"/>
  <c r="I13"/>
  <c r="H13"/>
  <c r="G13"/>
  <c r="K13"/>
  <c r="B13"/>
  <c r="F13"/>
  <c r="E13"/>
  <c r="G12"/>
  <c r="K12"/>
  <c r="F12"/>
  <c r="C12"/>
  <c r="E12"/>
  <c r="D12"/>
  <c r="K11"/>
  <c r="D11"/>
  <c r="B11"/>
  <c r="F11"/>
  <c r="K10"/>
  <c r="D10"/>
  <c r="F10"/>
  <c r="C10"/>
  <c r="K9"/>
  <c r="F9"/>
  <c r="C9"/>
  <c r="E9"/>
  <c r="I8"/>
  <c r="H8"/>
  <c r="G8"/>
  <c r="K8"/>
  <c r="D8"/>
  <c r="F8"/>
  <c r="B8"/>
  <c r="C8"/>
  <c r="P7"/>
  <c r="G7"/>
  <c r="H7"/>
  <c r="K7"/>
  <c r="J7"/>
  <c r="D7"/>
  <c r="F7"/>
  <c r="E7"/>
  <c r="C7"/>
  <c r="B7"/>
  <c r="J6"/>
  <c r="I6"/>
  <c r="H6"/>
  <c r="G6"/>
  <c r="K6"/>
  <c r="D6"/>
  <c r="B6"/>
  <c r="F6"/>
  <c r="E6"/>
  <c r="J5"/>
  <c r="J22"/>
  <c r="I5"/>
  <c r="H5"/>
  <c r="G5"/>
  <c r="K5"/>
  <c r="D5"/>
  <c r="E5"/>
  <c r="B5"/>
  <c r="F5"/>
  <c r="Q4"/>
  <c r="N4"/>
  <c r="G4"/>
  <c r="H4"/>
  <c r="I4"/>
  <c r="K4"/>
  <c r="I22"/>
  <c r="H22"/>
  <c r="G22"/>
  <c r="D4"/>
  <c r="B4"/>
  <c r="B22"/>
  <c r="K22"/>
  <c r="E11"/>
  <c r="D22"/>
  <c r="F4"/>
  <c r="F22"/>
  <c r="E22"/>
  <c r="C22"/>
  <c r="C5"/>
  <c r="E8"/>
  <c r="C11"/>
  <c r="E17"/>
  <c r="E16"/>
  <c r="C6"/>
  <c r="E10"/>
  <c r="C13"/>
  <c r="C14"/>
  <c r="C18"/>
  <c r="L22" i="27"/>
  <c r="M22"/>
  <c r="L76" i="11"/>
  <c r="C4" i="22"/>
  <c r="E4"/>
  <c r="A16" i="20"/>
  <c r="A17"/>
  <c r="A18"/>
  <c r="A19"/>
  <c r="A20"/>
  <c r="A21"/>
  <c r="A22"/>
  <c r="A23"/>
  <c r="A24"/>
  <c r="A25"/>
  <c r="A26"/>
  <c r="A27"/>
  <c r="A28"/>
  <c r="A29"/>
  <c r="A30"/>
  <c r="A31"/>
  <c r="A32"/>
  <c r="A33"/>
  <c r="A34"/>
  <c r="A35"/>
  <c r="A36"/>
  <c r="A37"/>
  <c r="A38"/>
  <c r="A39"/>
  <c r="A40"/>
  <c r="A41"/>
  <c r="A42"/>
  <c r="A43"/>
  <c r="A44"/>
  <c r="A45"/>
  <c r="A46"/>
  <c r="A47"/>
  <c r="A48"/>
  <c r="A49"/>
  <c r="A50"/>
  <c r="A51"/>
  <c r="A52"/>
  <c r="A53"/>
  <c r="A54"/>
  <c r="A55"/>
  <c r="A56"/>
  <c r="A57"/>
  <c r="A58"/>
  <c r="A59"/>
  <c r="A60"/>
  <c r="A61"/>
  <c r="A62"/>
  <c r="A63"/>
  <c r="A16" i="4"/>
  <c r="A17"/>
  <c r="A18"/>
  <c r="A19"/>
  <c r="A20"/>
  <c r="A21"/>
  <c r="A22"/>
  <c r="A23"/>
  <c r="A24"/>
  <c r="A25"/>
  <c r="A26"/>
  <c r="A27"/>
  <c r="A28"/>
  <c r="A29"/>
  <c r="A30"/>
  <c r="A31"/>
  <c r="A32"/>
  <c r="A33"/>
  <c r="A34"/>
  <c r="A35"/>
  <c r="A36"/>
  <c r="A37"/>
  <c r="A38"/>
  <c r="A39"/>
  <c r="A40"/>
  <c r="A41"/>
  <c r="A42"/>
  <c r="A43"/>
  <c r="A44"/>
  <c r="A45"/>
  <c r="A46"/>
  <c r="A47"/>
  <c r="A48"/>
  <c r="A49"/>
  <c r="A50"/>
  <c r="A51"/>
  <c r="A52"/>
  <c r="A53"/>
  <c r="A54"/>
  <c r="A55"/>
  <c r="A56"/>
  <c r="A57"/>
  <c r="A58"/>
  <c r="A59"/>
  <c r="A60"/>
  <c r="A61"/>
  <c r="A62"/>
  <c r="A63"/>
  <c r="A64"/>
  <c r="A65"/>
  <c r="A66"/>
  <c r="A67"/>
  <c r="A68"/>
  <c r="A69"/>
  <c r="A70"/>
  <c r="A71"/>
  <c r="A72"/>
  <c r="A73"/>
  <c r="A74"/>
  <c r="A75"/>
  <c r="A76"/>
  <c r="A77"/>
  <c r="A78"/>
  <c r="A79"/>
  <c r="A80"/>
  <c r="A81"/>
  <c r="A82"/>
  <c r="A83"/>
  <c r="A84"/>
  <c r="A85"/>
  <c r="A86"/>
  <c r="A87"/>
  <c r="A88"/>
  <c r="M73"/>
  <c r="M72"/>
  <c r="M71"/>
  <c r="M69"/>
  <c r="M68"/>
  <c r="M67"/>
  <c r="M65"/>
  <c r="M64"/>
  <c r="M63"/>
  <c r="M62"/>
  <c r="M61"/>
  <c r="M60"/>
  <c r="M59"/>
  <c r="M58"/>
  <c r="M57"/>
  <c r="M56"/>
  <c r="M55"/>
  <c r="M54"/>
  <c r="M53"/>
  <c r="M52"/>
  <c r="M51"/>
  <c r="M50"/>
  <c r="M49"/>
  <c r="M48"/>
  <c r="M47"/>
  <c r="M46"/>
  <c r="M45"/>
  <c r="M44"/>
  <c r="M43"/>
  <c r="M42"/>
  <c r="M41"/>
  <c r="M40"/>
  <c r="M39"/>
  <c r="M38"/>
  <c r="M37"/>
  <c r="M36"/>
  <c r="M35"/>
  <c r="M34"/>
  <c r="M33"/>
  <c r="M32"/>
  <c r="M31"/>
  <c r="M30"/>
  <c r="M27"/>
  <c r="M26"/>
  <c r="M25"/>
  <c r="M24"/>
  <c r="M23"/>
  <c r="M22"/>
  <c r="M21"/>
  <c r="M20"/>
  <c r="M19"/>
  <c r="M18"/>
  <c r="M17"/>
  <c r="M16"/>
  <c r="M15"/>
  <c r="A176" i="18"/>
  <c r="A177"/>
  <c r="A178"/>
  <c r="A179"/>
  <c r="A180"/>
  <c r="A181"/>
  <c r="A182"/>
  <c r="A183"/>
  <c r="A184"/>
  <c r="A185"/>
  <c r="A186"/>
  <c r="A187"/>
  <c r="A166"/>
  <c r="A167"/>
  <c r="A168"/>
  <c r="A169"/>
  <c r="A170"/>
  <c r="A171"/>
  <c r="A172"/>
  <c r="A173"/>
  <c r="C3"/>
  <c r="C3" i="10"/>
  <c r="F3" i="9"/>
  <c r="Q64"/>
  <c r="N64"/>
  <c r="M64"/>
  <c r="L64"/>
  <c r="K64"/>
  <c r="J64"/>
  <c r="H64"/>
  <c r="C3" i="16"/>
  <c r="A16" i="21"/>
  <c r="A17"/>
  <c r="A18"/>
  <c r="A19"/>
  <c r="A20"/>
  <c r="A21"/>
  <c r="A22"/>
  <c r="A23"/>
  <c r="A24"/>
  <c r="A25"/>
  <c r="A26"/>
  <c r="A27"/>
  <c r="A28"/>
  <c r="A29"/>
  <c r="A30"/>
  <c r="A31"/>
  <c r="A32"/>
  <c r="A33"/>
  <c r="K8" i="14"/>
  <c r="J8"/>
  <c r="A76" i="15"/>
  <c r="A77"/>
  <c r="A78"/>
  <c r="A79"/>
  <c r="A80"/>
  <c r="A81"/>
  <c r="A82"/>
  <c r="A83"/>
  <c r="A16"/>
  <c r="A17"/>
  <c r="A18"/>
  <c r="A19"/>
  <c r="A20"/>
  <c r="A21"/>
  <c r="A22"/>
  <c r="A23"/>
  <c r="A24"/>
  <c r="A25"/>
  <c r="A26"/>
  <c r="A27"/>
  <c r="A28"/>
  <c r="A29"/>
  <c r="A30"/>
  <c r="A31"/>
  <c r="A32"/>
  <c r="A33"/>
  <c r="A34"/>
  <c r="A35"/>
  <c r="A36"/>
  <c r="A37"/>
  <c r="A38"/>
  <c r="A39"/>
  <c r="A40"/>
  <c r="A41"/>
  <c r="A42"/>
  <c r="A43"/>
  <c r="A44"/>
  <c r="A45"/>
  <c r="A46"/>
  <c r="A47"/>
  <c r="A48"/>
  <c r="A49"/>
  <c r="A50"/>
  <c r="A51"/>
  <c r="A52"/>
  <c r="A53"/>
  <c r="A54"/>
  <c r="A55"/>
  <c r="A56"/>
  <c r="A57"/>
  <c r="A58"/>
  <c r="A59"/>
  <c r="A60"/>
  <c r="A61"/>
  <c r="A62"/>
  <c r="A63"/>
  <c r="A64"/>
  <c r="A65"/>
  <c r="A66"/>
  <c r="A67"/>
  <c r="A68"/>
  <c r="A69"/>
  <c r="A70"/>
  <c r="A71"/>
  <c r="A72"/>
  <c r="A73"/>
  <c r="K63"/>
  <c r="K54"/>
  <c r="K30"/>
  <c r="K8"/>
  <c r="J8"/>
  <c r="C3"/>
  <c r="K8" i="7"/>
  <c r="J8"/>
  <c r="K8" i="19"/>
  <c r="J8"/>
  <c r="F3"/>
  <c r="F3" i="21"/>
  <c r="K7" i="13"/>
  <c r="J7"/>
  <c r="F3"/>
  <c r="J7" i="18"/>
  <c r="J7" i="2"/>
  <c r="J6" i="6"/>
  <c r="J6" i="17"/>
  <c r="J7" i="11"/>
  <c r="J7" i="10"/>
  <c r="J7" i="8"/>
  <c r="J7" i="16"/>
  <c r="J7" i="20"/>
  <c r="J7" i="4"/>
  <c r="H7" i="15"/>
  <c r="J7" i="7"/>
  <c r="H5" i="13"/>
  <c r="H6" i="21"/>
  <c r="J98" i="16"/>
  <c r="I21" i="27"/>
  <c r="K21"/>
  <c r="F21"/>
  <c r="E21"/>
  <c r="K20"/>
  <c r="F20"/>
  <c r="E20"/>
  <c r="J19"/>
  <c r="I19"/>
  <c r="H19"/>
  <c r="D19"/>
  <c r="F19"/>
  <c r="J18"/>
  <c r="G18"/>
  <c r="D18"/>
  <c r="F18"/>
  <c r="E18"/>
  <c r="J17"/>
  <c r="K17"/>
  <c r="D17"/>
  <c r="J16"/>
  <c r="K16"/>
  <c r="D16"/>
  <c r="F16"/>
  <c r="C16"/>
  <c r="J15"/>
  <c r="K15"/>
  <c r="F15"/>
  <c r="E15"/>
  <c r="J14"/>
  <c r="G14"/>
  <c r="F14"/>
  <c r="E14"/>
  <c r="J13"/>
  <c r="B13"/>
  <c r="F13"/>
  <c r="C13"/>
  <c r="K12"/>
  <c r="F12"/>
  <c r="C12"/>
  <c r="K11"/>
  <c r="K10"/>
  <c r="D10"/>
  <c r="F10"/>
  <c r="C10"/>
  <c r="K9"/>
  <c r="F9"/>
  <c r="E9"/>
  <c r="I8"/>
  <c r="H8"/>
  <c r="G8"/>
  <c r="D8"/>
  <c r="J7"/>
  <c r="H7"/>
  <c r="G7"/>
  <c r="D7"/>
  <c r="B7"/>
  <c r="J6"/>
  <c r="I6"/>
  <c r="H6"/>
  <c r="G6"/>
  <c r="D6"/>
  <c r="B6"/>
  <c r="J5"/>
  <c r="I5"/>
  <c r="H5"/>
  <c r="G5"/>
  <c r="D5"/>
  <c r="I4"/>
  <c r="H4"/>
  <c r="G4"/>
  <c r="D4"/>
  <c r="B4"/>
  <c r="K18"/>
  <c r="F5"/>
  <c r="C5"/>
  <c r="K6"/>
  <c r="C14"/>
  <c r="K8"/>
  <c r="K5"/>
  <c r="F4"/>
  <c r="E4"/>
  <c r="H22"/>
  <c r="C9"/>
  <c r="F11"/>
  <c r="C11"/>
  <c r="F17"/>
  <c r="E17"/>
  <c r="F6"/>
  <c r="E6"/>
  <c r="F8"/>
  <c r="C8"/>
  <c r="F7"/>
  <c r="E7"/>
  <c r="K13"/>
  <c r="J22"/>
  <c r="D22"/>
  <c r="G22"/>
  <c r="I22"/>
  <c r="K19"/>
  <c r="K7"/>
  <c r="C18"/>
  <c r="K14"/>
  <c r="C21"/>
  <c r="E13"/>
  <c r="E19"/>
  <c r="C19"/>
  <c r="K4"/>
  <c r="E16"/>
  <c r="B22"/>
  <c r="C20"/>
  <c r="C15"/>
  <c r="E10"/>
  <c r="E12"/>
  <c r="E5"/>
  <c r="C6"/>
  <c r="F22"/>
  <c r="E22"/>
  <c r="E8"/>
  <c r="C4"/>
  <c r="C17"/>
  <c r="E11"/>
  <c r="C7"/>
  <c r="K22"/>
  <c r="C22"/>
  <c r="C3" i="13"/>
  <c r="E20" i="26"/>
  <c r="E19"/>
  <c r="E17"/>
  <c r="E16"/>
  <c r="E15"/>
  <c r="E14"/>
  <c r="E9"/>
  <c r="E5"/>
  <c r="E4"/>
  <c r="C21"/>
  <c r="F21"/>
  <c r="E18"/>
  <c r="B6"/>
  <c r="B5"/>
  <c r="B4"/>
  <c r="F3" i="2"/>
  <c r="F3" i="6"/>
  <c r="F3" i="17"/>
  <c r="C4" i="9"/>
  <c r="C3"/>
  <c r="J7" i="6"/>
  <c r="K7"/>
  <c r="K8" i="21"/>
  <c r="J8"/>
  <c r="C3"/>
  <c r="K8" i="20"/>
  <c r="J8"/>
  <c r="F3"/>
  <c r="C3"/>
  <c r="C3" i="19"/>
  <c r="K98" i="16"/>
  <c r="L98"/>
  <c r="R98"/>
  <c r="C3" i="14"/>
  <c r="A119" i="13"/>
  <c r="A106" i="11"/>
  <c r="A102"/>
  <c r="A100"/>
  <c r="K8"/>
  <c r="J8"/>
  <c r="C3"/>
  <c r="M7" i="9"/>
  <c r="K7"/>
  <c r="F93"/>
  <c r="H93"/>
  <c r="K93"/>
  <c r="A16" i="8"/>
  <c r="A17"/>
  <c r="A18"/>
  <c r="A19"/>
  <c r="A20"/>
  <c r="A21"/>
  <c r="A22"/>
  <c r="A23"/>
  <c r="A24"/>
  <c r="A25"/>
  <c r="A26"/>
  <c r="A27"/>
  <c r="A28"/>
  <c r="A29"/>
  <c r="A30"/>
  <c r="A31"/>
  <c r="A32"/>
  <c r="A33"/>
  <c r="A34"/>
  <c r="A35"/>
  <c r="A36"/>
  <c r="A37"/>
  <c r="A38"/>
  <c r="A39"/>
  <c r="A40"/>
  <c r="A41"/>
  <c r="A42"/>
  <c r="A43"/>
  <c r="A44"/>
  <c r="A45"/>
  <c r="A46"/>
  <c r="A47"/>
  <c r="A48"/>
  <c r="A49"/>
  <c r="A50"/>
  <c r="A51"/>
  <c r="A52"/>
  <c r="A53"/>
  <c r="A54"/>
  <c r="A55"/>
  <c r="A56"/>
  <c r="A57"/>
  <c r="A58"/>
  <c r="A59"/>
  <c r="A60"/>
  <c r="A61"/>
  <c r="A62"/>
  <c r="A63"/>
  <c r="A69"/>
  <c r="A70"/>
  <c r="A71"/>
  <c r="A72"/>
  <c r="A73"/>
  <c r="A74"/>
  <c r="A75"/>
  <c r="A76"/>
  <c r="A77"/>
  <c r="A78"/>
  <c r="A79"/>
  <c r="A80"/>
  <c r="A81"/>
  <c r="A82"/>
  <c r="A83"/>
  <c r="A84"/>
  <c r="A85"/>
  <c r="A86"/>
  <c r="A87"/>
  <c r="A88"/>
  <c r="A89"/>
  <c r="A90"/>
  <c r="A91"/>
  <c r="A92"/>
  <c r="A93"/>
  <c r="A94"/>
  <c r="A95"/>
  <c r="A96"/>
  <c r="A97"/>
  <c r="A98"/>
  <c r="A99"/>
  <c r="A100"/>
  <c r="A101"/>
  <c r="A102"/>
  <c r="A103"/>
  <c r="A104"/>
  <c r="A105"/>
  <c r="A106"/>
  <c r="A107"/>
  <c r="A108"/>
  <c r="A109"/>
  <c r="A110"/>
  <c r="A111"/>
  <c r="A112"/>
  <c r="C3" i="4"/>
  <c r="F3"/>
  <c r="C3" i="2"/>
  <c r="J8"/>
  <c r="K8"/>
</calcChain>
</file>

<file path=xl/comments1.xml><?xml version="1.0" encoding="utf-8"?>
<comments xmlns="http://schemas.openxmlformats.org/spreadsheetml/2006/main">
  <authors>
    <author>Автор</author>
  </authors>
  <commentList>
    <comment ref="O18" authorId="0">
      <text>
        <r>
          <rPr>
            <sz val="11"/>
            <color rgb="FF000000"/>
            <rFont val="Calibri"/>
            <family val="2"/>
            <charset val="1"/>
          </rPr>
          <t xml:space="preserve">Автор:
</t>
        </r>
      </text>
    </comment>
    <comment ref="O19" authorId="0">
      <text>
        <r>
          <rPr>
            <sz val="11"/>
            <color rgb="FF000000"/>
            <rFont val="Calibri"/>
            <family val="2"/>
            <charset val="1"/>
          </rPr>
          <t xml:space="preserve">Автор:
</t>
        </r>
      </text>
    </comment>
    <comment ref="O24" authorId="0">
      <text>
        <r>
          <rPr>
            <sz val="11"/>
            <color rgb="FF000000"/>
            <rFont val="Calibri"/>
            <family val="2"/>
            <charset val="1"/>
          </rPr>
          <t xml:space="preserve">Автор:
</t>
        </r>
      </text>
    </comment>
    <comment ref="O30" authorId="0">
      <text>
        <r>
          <rPr>
            <sz val="11"/>
            <color rgb="FF000000"/>
            <rFont val="Calibri"/>
            <family val="2"/>
            <charset val="1"/>
          </rPr>
          <t xml:space="preserve">Автор:
</t>
        </r>
      </text>
    </comment>
  </commentList>
</comments>
</file>

<file path=xl/comments2.xml><?xml version="1.0" encoding="utf-8"?>
<comments xmlns="http://schemas.openxmlformats.org/spreadsheetml/2006/main">
  <authors>
    <author>Автор</author>
  </authors>
  <commentList>
    <comment ref="O15" authorId="0">
      <text>
        <r>
          <rPr>
            <b/>
            <sz val="9"/>
            <color indexed="81"/>
            <rFont val="Tahoma"/>
            <family val="2"/>
            <charset val="204"/>
          </rPr>
          <t xml:space="preserve">Автор:
</t>
        </r>
      </text>
    </comment>
    <comment ref="O16" authorId="0">
      <text>
        <r>
          <rPr>
            <b/>
            <sz val="9"/>
            <color indexed="81"/>
            <rFont val="Tahoma"/>
            <family val="2"/>
            <charset val="204"/>
          </rPr>
          <t xml:space="preserve">Автор:
</t>
        </r>
      </text>
    </comment>
    <comment ref="O36" authorId="0">
      <text>
        <r>
          <rPr>
            <b/>
            <sz val="9"/>
            <color indexed="81"/>
            <rFont val="Tahoma"/>
            <family val="2"/>
            <charset val="204"/>
          </rPr>
          <t xml:space="preserve">Автор:
</t>
        </r>
      </text>
    </comment>
    <comment ref="O43" authorId="0">
      <text>
        <r>
          <rPr>
            <b/>
            <sz val="9"/>
            <color indexed="81"/>
            <rFont val="Tahoma"/>
            <family val="2"/>
            <charset val="204"/>
          </rPr>
          <t xml:space="preserve">Автор:
</t>
        </r>
      </text>
    </comment>
    <comment ref="O46" authorId="0">
      <text>
        <r>
          <rPr>
            <b/>
            <sz val="9"/>
            <color indexed="81"/>
            <rFont val="Tahoma"/>
            <family val="2"/>
            <charset val="204"/>
          </rPr>
          <t xml:space="preserve">Автор:
</t>
        </r>
      </text>
    </comment>
  </commentList>
</comments>
</file>

<file path=xl/sharedStrings.xml><?xml version="1.0" encoding="utf-8"?>
<sst xmlns="http://schemas.openxmlformats.org/spreadsheetml/2006/main" count="58457" uniqueCount="5083">
  <si>
    <t>действия</t>
  </si>
  <si>
    <t>красные комментарии</t>
  </si>
  <si>
    <t>внесены изменения</t>
  </si>
  <si>
    <t xml:space="preserve">пока нет ничего, деятельность вдет, прорабатываем </t>
  </si>
  <si>
    <t>дом -  10:16:0090501:236, зу 10:16:0090501:1</t>
  </si>
  <si>
    <t>Громов Дмитрий Андреевич</t>
  </si>
  <si>
    <t>Гocтeвoй дoм «Kарельскaя Тpехгоpкa»</t>
  </si>
  <si>
    <t>дом стоит на продаже, деятельность не ведется</t>
  </si>
  <si>
    <t>отсутсвует информация</t>
  </si>
  <si>
    <t>информация отсутсвует</t>
  </si>
  <si>
    <t>нет</t>
  </si>
  <si>
    <t>ждем добавления ОКВЭД 68,20</t>
  </si>
  <si>
    <t>Объект начали сдавать с 2023 года</t>
  </si>
  <si>
    <t>Категория земель: Земли сельскохозяйственного назначения
для садоводства 10:16:0100701:140(15)</t>
  </si>
  <si>
    <t>Овсянникова Алена Павловна</t>
  </si>
  <si>
    <t>ИП</t>
  </si>
  <si>
    <t xml:space="preserve">Нелегальные объекты размещения </t>
  </si>
  <si>
    <t>добавлены новые</t>
  </si>
  <si>
    <t>10:16:0101601:188 здание, ЗУ - 10:16:0101601:35 Земли сельскохозяйственного назначения</t>
  </si>
  <si>
    <t xml:space="preserve">информация отсутсвует </t>
  </si>
  <si>
    <t>68.20.2 Аренда и управление собственным или арендованным нежилым недвижимым имуществом</t>
  </si>
  <si>
    <t>101600389305</t>
  </si>
  <si>
    <t xml:space="preserve">Запевалкин Юрий Владимирович 
</t>
  </si>
  <si>
    <t>переведены с нелегалов</t>
  </si>
  <si>
    <t>10:16:0080302:69 Земли сельскохозяйственного назначения
для ведения дачного хозяйства</t>
  </si>
  <si>
    <t>780434284179</t>
  </si>
  <si>
    <t xml:space="preserve">Тимофеев Геннадий Аркадьевич </t>
  </si>
  <si>
    <t>НП НПД</t>
  </si>
  <si>
    <t>База "Тихая Лоймола" на берегу озера Лоймоланъярви            (5 домиков) респ. Карелия, Суорярвский р-н, пос. Лоймола, ул. Тихая, 6</t>
  </si>
  <si>
    <t>10:16:0050601:385 Категория земель: Земли сельскохозяйственного назначения 10:16:0050601:386  Категория земель: Земли сельскохозяйственного назначения  
для индивидуального садоводствадля индивидуального садоводства</t>
  </si>
  <si>
    <t>780523111266</t>
  </si>
  <si>
    <t>Гоголушко Сергей Павлович</t>
  </si>
  <si>
    <t>База отдыха "Красные камни"</t>
  </si>
  <si>
    <t>68.20.2 - Аренда и управление собственным или арендованным нежилым недвижимым имуществом</t>
  </si>
  <si>
    <t>101600006087</t>
  </si>
  <si>
    <t>Прокопович Ирина Геннадьевна</t>
  </si>
  <si>
    <t>Дом в поселке Поросозеро, на озере Мегриярви</t>
  </si>
  <si>
    <t>10:16:0060604:59  Земли поселений (земли населенных пунктов)</t>
  </si>
  <si>
    <t>68.20.2 - Аренда и управление собственным или
арендованным нежилым недвижимым
имуществом,                   55.20-Деятельность по предоставлению мест для
краткосрочного проживания</t>
  </si>
  <si>
    <t>100501089059</t>
  </si>
  <si>
    <t xml:space="preserve">Ригоева Наталья Владимировна                   </t>
  </si>
  <si>
    <t>Гостевой дом "Прозрачный берег" п. Суйстамо, 59</t>
  </si>
  <si>
    <t>Категория земель: Земли сельскохозяйственного назначения
Ведение огородничества.Территориальная зона СХ-2 - зона сельскохозяйственного назначения 10:16:0090501:46</t>
  </si>
  <si>
    <t>100109474146</t>
  </si>
  <si>
    <t xml:space="preserve">Коршунов Александр Васильевич </t>
  </si>
  <si>
    <t>Люкс Коттеджи с.Вешкелица ур. Инжунаволок, с. Вешкелица, ул.Пляжная д. 5, д.1 и д.3</t>
  </si>
  <si>
    <t>Категория и виды разрешенного использования:
* Земли населенных пунктов
* Для ведения личного подсобного хозяйства 10:16:0090101:92</t>
  </si>
  <si>
    <t>100104477714</t>
  </si>
  <si>
    <t>Свирид Андрей Анатольевич</t>
  </si>
  <si>
    <t>Гостевой дом "Меличуярви",                      с. Вешкелица, Школьная ул., 24,д.28</t>
  </si>
  <si>
    <t>сдает декларацию 3-НДФЛ</t>
  </si>
  <si>
    <t>101600380239</t>
  </si>
  <si>
    <t xml:space="preserve">Ванюков А. А. </t>
  </si>
  <si>
    <t>ФЛ</t>
  </si>
  <si>
    <t xml:space="preserve">Гостевой дом «Карельская изба на Финском хуторе», Суоярвский р-н, Суоярвское лесничество, кв. 56, выдел «А», ор-р оз. Салонъярви </t>
  </si>
  <si>
    <t>Кадастровый номер 10:16:0010525:12 Категория земель:Земли поселений (земли населенных пунктов), занятого админитсративным помещением и помещениями магазина</t>
  </si>
  <si>
    <t>Присвоенная категория (звездность): без звёзд Номер свидетельства: 10/АА-063/117-2023 Дата выдачи свидетельства:28.02.2023 Срок действия:28.02.2026</t>
  </si>
  <si>
    <t>55.10 Деятельность гостиниц и прочих мест для временного проживания     55.20 Деятельность по предоставлению месткраткосрочного прибывания  55.90 Деятельность по предоставлению прочих мест для временного проживания</t>
  </si>
  <si>
    <t>1001158803</t>
  </si>
  <si>
    <t xml:space="preserve">ООО "Лидер" </t>
  </si>
  <si>
    <t>ООО</t>
  </si>
  <si>
    <t>Хостел "Комфорт центр" г. Суоярви, ул. Ленина 37</t>
  </si>
  <si>
    <t xml:space="preserve">Земли населенных пунктов с видом разрешенного использования: 
* Для размещения гостиниц
* гостиницы и гостиничные комплексы. Территориальная зона - Р(в). Зона рекреационного назначения отдыха у воды.
Кадастровый номер: 10:16:0010110:2
</t>
  </si>
  <si>
    <t>55.10 Деятельность гостиниц и прочих мест для временного проживания</t>
  </si>
  <si>
    <t>Загородный дом «Comfort Lodge»  г.Суоярви, остров Любви</t>
  </si>
  <si>
    <t>Земли поселений (земли населенных объектов) для размещения здания бани, производственной и обслуживающей территории. Кадастровый номер: 10:16:0010307:20</t>
  </si>
  <si>
    <t xml:space="preserve">Присвоенная категория : без звёзд Номер свидетельства: 10/АА-063/118-2023 Дата выдачи свидетельства:28.02.2023  Срок действия:28.02.2026 </t>
  </si>
  <si>
    <t>Мини-гостиница «Комфорт» с банным комплексом  г.Суоярви, ул.Октябрьская, д.5, пом.2</t>
  </si>
  <si>
    <t xml:space="preserve">Земли поселений (земли населенных объектов) для расположения здания туристического комплекса.
Кадастровый номер: 10:16:0030102:14.
</t>
  </si>
  <si>
    <t>Дополнительные виды деятельности:  55.1, 55.10 Деятельность гостиниц и прочих мест для временного проживания;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si>
  <si>
    <t>1016042576</t>
  </si>
  <si>
    <t xml:space="preserve">ООО «РОД.НЯ» </t>
  </si>
  <si>
    <t>Лесной отель «Вегарус», Суоярвский район,   пос.Вегарус, ул. Заречная, д.3</t>
  </si>
  <si>
    <t>10:16:0020105:57 Собственность д.19 кв 1.</t>
  </si>
  <si>
    <t>101601888473</t>
  </si>
  <si>
    <t xml:space="preserve"> Савицкас Андрей Викторович </t>
  </si>
  <si>
    <t>Суоярвский район, пос. Поросозеро, Набережная ул., 19</t>
  </si>
  <si>
    <t>Земли сельскохозяйственного назначения
для дачного строительства 10:16:0090503:132</t>
  </si>
  <si>
    <t>10302922519</t>
  </si>
  <si>
    <t xml:space="preserve">Вербицкая Светлана Юрьевна </t>
  </si>
  <si>
    <t>Гостевой дом "Лесной очаг" 100 кв.м, Суоярвский район,   п. Игнойла</t>
  </si>
  <si>
    <t>Кадастровый номер 10:16:0090502:549; 10:16:0090502:550; 10:16:0090502:551; 10:16:0090502:552; 10:16:0090502:553; 10:16:0090502:555; 10:16:0090502:556; 10:16:0090502:557           земли с/х назначения</t>
  </si>
  <si>
    <t>102001586264</t>
  </si>
  <si>
    <t>Полевая Наталья Богдановна</t>
  </si>
  <si>
    <t>Кадастровый номер 10:16:01010112:326</t>
  </si>
  <si>
    <t>101600556210</t>
  </si>
  <si>
    <t>Кракулев Андрей Васильевич</t>
  </si>
  <si>
    <t>Дом  70 м2, Суоярвский район, г. Суоярви, ул. Набережная, д.33</t>
  </si>
  <si>
    <t>Кадастровый номер 10:16:0101601:199 земли с/х назначения</t>
  </si>
  <si>
    <t>101601524564</t>
  </si>
  <si>
    <t>Диев Роман Николаевич</t>
  </si>
  <si>
    <t>Гостевые дома "папаРома" г. Суоярви, урочище Бродное</t>
  </si>
  <si>
    <t>Кадастровый номер: 10:16:0070101:440
Категория земель: Земли поселений (земли населенных пунктов)
Двухквартирные жилые дома с приквартирными (приусадебными) участками с возможностью содержания птицы и скота....</t>
  </si>
  <si>
    <t>780159654800</t>
  </si>
  <si>
    <t>Петрова Юлия Михайловна</t>
  </si>
  <si>
    <t>Гостевой Дом "Tapio koti" Суоярвский район,  п. Пийтсиеки, ул. Октябрьская, д.11 кв.2</t>
  </si>
  <si>
    <t>марсалимова заменена на якимова</t>
  </si>
  <si>
    <t xml:space="preserve">Кадастровый номер: 10:16:0010521:46
Категория земель: Земли поселений (земли населенных пунктов)
для расположения здания пивного бара
</t>
  </si>
  <si>
    <t>524000471290</t>
  </si>
  <si>
    <t>Якимов Леонид Валерьевич</t>
  </si>
  <si>
    <t>Гостевой Дом «ВЯЛИКУЛЯ», Суоярвский район,  Суоярви, ул. Ленина, 12</t>
  </si>
  <si>
    <t>Земли поселений для строительства жилого дома с кадастровым номером участка 10:16:0090104:26</t>
  </si>
  <si>
    <t>101600017787</t>
  </si>
  <si>
    <t xml:space="preserve"> Погребовский Игорь Дмитриевич</t>
  </si>
  <si>
    <t>Дом  Суоярвский район, с.Вешкелица, ул.Мира, д.19</t>
  </si>
  <si>
    <t>Соловей Инесса смена собственника</t>
  </si>
  <si>
    <t>Земельный участок частная собственность с видом разрешенного использования: для с/х производства для дачного строительства. Кадастровый номер 10:16:0090501:90  на участке нежилой дом 10:16:0090501:95 - нежилой дом , 10:16:0090501:88 и 71-</t>
  </si>
  <si>
    <t xml:space="preserve">68.20.2 - Аренда и управление собственным или
арендованным нежилым недвижимым
имуществом
</t>
  </si>
  <si>
    <t xml:space="preserve">Жилой дом 
Кадастровый номер
10:16:0000000:2321
Жилой дом площадью 160 кв.м. Частная собственность.
Кадастровый номер 10:16:0000000:245 - Жилой дом, 10:16:0010111:21 - Земли поселений 
</t>
  </si>
  <si>
    <t>101600150404</t>
  </si>
  <si>
    <t xml:space="preserve"> Антоненко Ольга Богдановна </t>
  </si>
  <si>
    <t>Гостевой дом, Суоярвский район, п. Поросозеро, ул. Заводская, д. 9</t>
  </si>
  <si>
    <t>Жилой дом площадью 160 кв.м. Частная собственность. Кадастровый номер 10:16:0000000:245 - Жилой дом, 10:16:0010111:21 - Земли поселений (земли населенных пунктов) для обслуживания собственного жилого дома и пр.</t>
  </si>
  <si>
    <t>101600136784</t>
  </si>
  <si>
    <t>Любин Георгий Александрович</t>
  </si>
  <si>
    <t xml:space="preserve">Коттедж «Дом Любина» Суоярвский район, г. Суоярви, д. 1А </t>
  </si>
  <si>
    <t>100111649844</t>
  </si>
  <si>
    <t>Полянская Светлана Владимировна</t>
  </si>
  <si>
    <t>Гостевой дом «Инжунаволок»  Суоярвский район, урочище Инжунаволок</t>
  </si>
  <si>
    <t xml:space="preserve">Кадастровый номер зем.участок 10:16:0080204:307 
 Земли поселений (земли населенных пунктов) - 10:16:0080204:311 - номер з/у по информации УФНС </t>
  </si>
  <si>
    <t>344811416579</t>
  </si>
  <si>
    <t>Петренко Анна Владимировна</t>
  </si>
  <si>
    <t>Модульный домик "Ярвитало" на берегу озера Мустаярви,Суоярвский район, п. Райконкосски, ул. Комсомольская</t>
  </si>
  <si>
    <t xml:space="preserve">Земли поселений (земли населенных объектов) для размещения здания гостиницы.
Кадастровый номер: 10:16:0010309:4
Частная собственность
</t>
  </si>
  <si>
    <t>Присвоенная категория (звездность): Без звезд  Номер свидетельства: 10/АА-063/122-2023
Дата выдачи свидетельства:31.03.2023
Срок действия:31.03.2026</t>
  </si>
  <si>
    <t>Дополнительный вид деятельности:  55.10 Деятельность гостиниц и прочих мест для временного проживания</t>
  </si>
  <si>
    <t>100487736865</t>
  </si>
  <si>
    <t>Самохвалов Алексей Иванович</t>
  </si>
  <si>
    <t>Гостиница «Карелия», Суоярвский район,   г. Суоярви, ул. Шельшакова, д. 1</t>
  </si>
  <si>
    <t xml:space="preserve">Земельный участок является частной собственностью с видом разрешенного использования:
Земли сельскохозяйственного назначения, 
Для иных видов сельскохозяйственного использования
Кадастровый номер участка
10:16:0050601:113 
</t>
  </si>
  <si>
    <t xml:space="preserve">  55.20 Деятельность по предоставлению
мест для краткосрочного проживания     </t>
  </si>
  <si>
    <t>10.09.2022</t>
  </si>
  <si>
    <t>101602577946</t>
  </si>
  <si>
    <t>Щербаков Анатолий Андреевич</t>
  </si>
  <si>
    <t>Турбаза Эхкиля  Суоярвский район, п. Леппяниеми, урочище Экхиля</t>
  </si>
  <si>
    <t xml:space="preserve">10:16:0010528:905 Категория земель: Земли поселений (земли населенных пунктов)
для расположения и эксплуатации производственного здания диспетчерской
</t>
  </si>
  <si>
    <t xml:space="preserve">Дополнительный вид деятельности: 68.20 Аренда и управление собственным или арендованным недвижимым имуществом </t>
  </si>
  <si>
    <t>101601984900</t>
  </si>
  <si>
    <t>Макаревич Оксана Николаевна</t>
  </si>
  <si>
    <t>Хостел, Суоярвский район, г. Суоярви, ул. Ленина 30Б</t>
  </si>
  <si>
    <t>ждем открытие после перерасчета пенсии</t>
  </si>
  <si>
    <t xml:space="preserve">Земли с/х  назначения. Разрешенное использование: для туристической деятельности и индивидуального садоводства. Частная собственность.
Кадастровый номер: 10:16:0101702:174
</t>
  </si>
  <si>
    <t>Дополнительный вид деятельности: 55.20 Деятельность по предоставлению мест для краткосрочного проживания</t>
  </si>
  <si>
    <t>101600400301</t>
  </si>
  <si>
    <t>Знаменская Светлана Васильевна</t>
  </si>
  <si>
    <t xml:space="preserve">Туристичекая база "Медвежья лапа"  Суоярвский район, п.Каратсалми </t>
  </si>
  <si>
    <t xml:space="preserve">Земли сельскохозяйственного назначения
Кадастровый номер: 10:16:0090502:412
Собственность публично-правовых образований
Вид разрешенного использования (по договору аренды): садоводство
10:16:0090502:28 -нарушений нет
</t>
  </si>
  <si>
    <t>Дополнительные виды деятельности:  55.10 Деятельность гостиниц и прочих мест для временного проживания;              55.90 Деятельность по предоставлению прочих мест для временного проживания</t>
  </si>
  <si>
    <t>100100747529</t>
  </si>
  <si>
    <t>Тренькин Николай Александрович</t>
  </si>
  <si>
    <t>База отдыха «Лагиламба»  Суоярвский район, с.Вешкелица , урочище Лагиламба</t>
  </si>
  <si>
    <t xml:space="preserve">68.20 Аренда и управление собственным или арендованным недвижимым имуществом </t>
  </si>
  <si>
    <t>100411164343</t>
  </si>
  <si>
    <t>Румянцева Тятьяна Александровна</t>
  </si>
  <si>
    <t>Гостевой дом "Карельские Закаты"  Суоярвский район, урочище Инжунаволок</t>
  </si>
  <si>
    <t>Гостевой дом «Белые ночи» , Суоярвский район, урочище Инжунаволок</t>
  </si>
  <si>
    <t xml:space="preserve"> </t>
  </si>
  <si>
    <t xml:space="preserve">Легальные объекты размещения </t>
  </si>
  <si>
    <t>Суоярвский муниципальный округ</t>
  </si>
  <si>
    <t xml:space="preserve">Примечания (меры государственной поддержки, проверки, обращения, запросы и прочее) </t>
  </si>
  <si>
    <t>Проблемные вопросы</t>
  </si>
  <si>
    <t>Сведения о земельном участке (кадастровый номер, категория земель, вид разрешенного использования)</t>
  </si>
  <si>
    <t>Сведения о создании условий для доступности объекта людям с ограниченными возможностями здоровья</t>
  </si>
  <si>
    <t>Год открытия объекта</t>
  </si>
  <si>
    <t xml:space="preserve">Количество рабочих мест </t>
  </si>
  <si>
    <t xml:space="preserve">Количество койко/мест </t>
  </si>
  <si>
    <t xml:space="preserve">Количество номеров/строений </t>
  </si>
  <si>
    <t>Сведения об основном виде деятельности      по ОКВЭД</t>
  </si>
  <si>
    <t xml:space="preserve">Дата регистрации </t>
  </si>
  <si>
    <t>ИНН</t>
  </si>
  <si>
    <t>Наименование субъекта</t>
  </si>
  <si>
    <t>Организационо-правовая форма (ЮЛ, ИП, НП НПД, ФЛ)</t>
  </si>
  <si>
    <t xml:space="preserve">Наименование объекта, адрес,  контактные данные </t>
  </si>
  <si>
    <t>№ п/п</t>
  </si>
  <si>
    <t xml:space="preserve">Реестр объектов временного размещения, расположенных на территории Республики Карелия, в разрезе муниципальных районов и городских округов </t>
  </si>
  <si>
    <t xml:space="preserve">* у одного хозяйствующего субъекта может быть несколько туристических объектов </t>
  </si>
  <si>
    <t>ФЛ (сдают отчетность по форме 3-НДФЛ)</t>
  </si>
  <si>
    <t>Нелегальные туристические объекты</t>
  </si>
  <si>
    <t>2.</t>
  </si>
  <si>
    <t>ЮЛ</t>
  </si>
  <si>
    <t>Легальные туристические объекты</t>
  </si>
  <si>
    <t xml:space="preserve">1. </t>
  </si>
  <si>
    <t xml:space="preserve">Итого </t>
  </si>
  <si>
    <t>Итого</t>
  </si>
  <si>
    <t xml:space="preserve">Кол-во </t>
  </si>
  <si>
    <t>Организационно-правовая форма легального хозяйствующего субъекта (п. 1,  2)*</t>
  </si>
  <si>
    <t xml:space="preserve">Наименование категории туристического объекта </t>
  </si>
  <si>
    <t>Легализация туристических объектов в Суоярвском муниципальном округе</t>
  </si>
  <si>
    <t>https://selohotel.ru/</t>
  </si>
  <si>
    <t>https://villy-uley.ru/karelia/</t>
  </si>
  <si>
    <t>100-150</t>
  </si>
  <si>
    <t>ООО "Ладога"</t>
  </si>
  <si>
    <t>Туристический комплекс "Альдауга", Анна Алексеевна Михайлова, 8-921-932-90-98</t>
  </si>
  <si>
    <t>Планируется к открытию</t>
  </si>
  <si>
    <t>Усадьба Кильпола, Солнечная ул., 47А, посёлок Тиурула (остров Кильпола), vk.com/kilpolanaladoge
+7 (909) 590-81-27,
+7 (981) 176-07-06</t>
  </si>
  <si>
    <t>Требуется проверка:</t>
  </si>
  <si>
    <t>ЗУ в собственности</t>
  </si>
  <si>
    <t>Лахденпохский район, поселок Харвиа, База отдыха "Ладогорье" +7(931)9213230304</t>
  </si>
  <si>
    <t>По информации собственника база отдыха не функционирует, вид деятельности не соответствует, объявления, отзывы есть</t>
  </si>
  <si>
    <t>-</t>
  </si>
  <si>
    <t>101200971678  101200971678</t>
  </si>
  <si>
    <t>Батюк Андрей Георгиевич  Дмитриева Светлана Евгеньевна</t>
  </si>
  <si>
    <t>База отдыха "Руккола" Лахденпохский р-н,  в районе пос. Микли</t>
  </si>
  <si>
    <t xml:space="preserve"> Земли поселений (земли населенных пунктов) 10:12:0010303:209.  Помещения в аренде 10:12:0010303:77.</t>
  </si>
  <si>
    <t xml:space="preserve">55.10 Деятельность гостиниц и прочих мест
для временного проживания
</t>
  </si>
  <si>
    <t>1035000476</t>
  </si>
  <si>
    <t>ООО "МОХ"                                               ген. Директор Черниховская Анастасия Михайловна</t>
  </si>
  <si>
    <t>Мотель "МОХ";  г.Лахденпохья, ул. Красноармейская, д.8 Б;   89119230808 Станислав;  89110524260 администратор;  9230808@gmail.com</t>
  </si>
  <si>
    <t xml:space="preserve"> 10:12:0022202:1220                    земли с/х назначения для ведения крестьянского (фермерского) хозяйства</t>
  </si>
  <si>
    <t>Дополнительные виды деятельности: 55.20 Деятельность по предоставлению
мест для краткосрочного проживания</t>
  </si>
  <si>
    <t>781147910346</t>
  </si>
  <si>
    <t>Полевшиков Андрей Владимирович</t>
  </si>
  <si>
    <t>КФХ</t>
  </si>
  <si>
    <t>Коттеджи "Карельские Лага"   cdipoy@gmail.com</t>
  </si>
  <si>
    <t>781411027106</t>
  </si>
  <si>
    <t xml:space="preserve">Муранова Э.Ю. </t>
  </si>
  <si>
    <t>Ретрит-центр "Остров", Лахденпохский р-н, п. Сикопохья</t>
  </si>
  <si>
    <t>420402491779</t>
  </si>
  <si>
    <t>Иваненко Павел Николаевич</t>
  </si>
  <si>
    <t>База отдыха Ladoga Helmi, https://ladoga-helmi.ru, Лахденпохский район, п. Харвиа</t>
  </si>
  <si>
    <t>1 или 2 дома?</t>
  </si>
  <si>
    <t xml:space="preserve">Доролнительные виды деятельности: 55.10 Деятельность гостиниц и прочих мест
для временного проживания, 55.30
</t>
  </si>
  <si>
    <t>1012008736</t>
  </si>
  <si>
    <t>ООО "Фишфорель"</t>
  </si>
  <si>
    <t>Хаус-бот "Дом в Акуловке", Лахденпохский район, п.  Коконниэми  http://akulovkatour.com/,  +7 (911) 428 20 20</t>
  </si>
  <si>
    <t>16 хаус-ботов +9 домов</t>
  </si>
  <si>
    <t>780538709066</t>
  </si>
  <si>
    <t>Глебко Сергей Михайлович</t>
  </si>
  <si>
    <t>Profishers, Лахденпохский район, Озёрная ул., 3, посёлок Коконниэми, хаус-боты и гостевые дома, profishers.ru, +7 (951) 661-49-73</t>
  </si>
  <si>
    <t>Летние дома сдаются с мая по октябрь</t>
  </si>
  <si>
    <t>ЗУ в собственности 10:12:0050802:30</t>
  </si>
  <si>
    <t>55.30 Деятельность по предоставлению мест для временного проживания в кемпингах, жилых автофургонах и туристических автоприцепах</t>
  </si>
  <si>
    <t>7814558904</t>
  </si>
  <si>
    <t>АО "Ленинградский Северный завод"</t>
  </si>
  <si>
    <t>База отдыха "Вятиккя", +7 (921) 953-30-65 (Зарипов Михаил Васильевич администратор)
+7 (921) 984-33-82 (Козырев Дмитрий СПб)
Республика Карелия, Лахденпохский район, пос. Вятиккя, ул. Гардымова Г.П., дом 2
https://vk.com/vatikkakarelia</t>
  </si>
  <si>
    <t>Проблемные вопросы: необходима помощь  (консультация) в решении вопроса с дорогой к озеру,по пляжу и гаражу для лодки. Планирует стоительство дома для проживания, требуется зУ под дачное строение или ИЖС</t>
  </si>
  <si>
    <t>ЗУ в собственности 10:12:0022202:24, 10:12:0022202:25, 10:12:0022202:752</t>
  </si>
  <si>
    <t>780533365252</t>
  </si>
  <si>
    <t>Великанов Виктор Владимирович</t>
  </si>
  <si>
    <t>Parkonmaki Village, +7 
+7 (921) 189-43-53
 , Лахденпохский район, п. Парконмяки
parkonmaki-village.ru шатры</t>
  </si>
  <si>
    <t>14</t>
  </si>
  <si>
    <t>Дополнительные виды деятельности: 55.30, 55.90</t>
  </si>
  <si>
    <t>781313795501</t>
  </si>
  <si>
    <t>Шагойко Денис Сергеевич</t>
  </si>
  <si>
    <t>Гостевой дом "У Архипыча", Лахденпохский район, о. Кильпола, п. Тиурула, 89219951195</t>
  </si>
  <si>
    <t>10:12:0040501:46</t>
  </si>
  <si>
    <t>55.20 Деятельность по предоставлению
мест для краткосрочного проживания, дополнительные виды деятельности: 55.10, 55.30, 55.90</t>
  </si>
  <si>
    <t>7814577216</t>
  </si>
  <si>
    <t>ООО "Союз поддержки бизнеса и туризма"</t>
  </si>
  <si>
    <t>Глэмпинг "ЭтоЖизнь",  Лахденпохский район, п. Куянсуо, Набережная ул., д. 27, https://karelialife.ru/, +7 921 314-88-33</t>
  </si>
  <si>
    <t>10:12:0022202:676                      Земли с/х назначения для сельскохозяйственного использования</t>
  </si>
  <si>
    <t xml:space="preserve">55.30 Деятельность по предоставлению
мест для временного проживания в
кемпингах, жилых автофургонах и
туристических автоприцепах    </t>
  </si>
  <si>
    <t>7838079080</t>
  </si>
  <si>
    <t>ООО "НП ИНДОР"</t>
  </si>
  <si>
    <t xml:space="preserve">Кемпинг-отель «Хюгге»   Лахденпохский р-н, в районе п.Оппола                                                          </t>
  </si>
  <si>
    <t>10:12:0022202:2388                  Земли с/х назначения для ЛПХ</t>
  </si>
  <si>
    <t xml:space="preserve">55.30 Деятельность по предоставлению
мест для временного проживания в
кемпингах, жилых автофургонах и
туристических автоприцепах   </t>
  </si>
  <si>
    <t>1035000356</t>
  </si>
  <si>
    <t>ООО "ДЗЕН"</t>
  </si>
  <si>
    <t>глэмпинг RADOSTLAND, Лахденпохский район, в районе п.Лумиваара</t>
  </si>
  <si>
    <t xml:space="preserve"> 10:12:0022202:1921 10:12:0022202:1922                     Земли с/х назначения для малоэтажной застройки (размещения дачного дома)</t>
  </si>
  <si>
    <t>1000000482</t>
  </si>
  <si>
    <t xml:space="preserve">ООО "Берег Ладоги"  </t>
  </si>
  <si>
    <t>Гостевой комплекс "Берег Ладоги", Лахденпохский район, п. Кокониэми</t>
  </si>
  <si>
    <t>10:12:0050901:209 земли сельхоз назначения, рыборазведение, правообладатель ЗАО "ВИРТА"</t>
  </si>
  <si>
    <t>2024</t>
  </si>
  <si>
    <t>1035000290</t>
  </si>
  <si>
    <t xml:space="preserve">ООО "Терве Ранта"   </t>
  </si>
  <si>
    <t>Мини - отель "Терве Ранта",  Лахденпохский район, п. Соскуа, ул. Дачная, д. 32</t>
  </si>
  <si>
    <t>10:12:0050109:23                         земли поселений под ИЖС  10:12:0050109:25                        земли поселений под ЛПХ , 10:12:0050109:334                      земли поселений для туристического обслуживания</t>
  </si>
  <si>
    <t>Отель "Терве Ранта", Terve Ranta Hotel Лахденпохский район, п. Куркиеки,  ул. Ленина д. 23а</t>
  </si>
  <si>
    <t>Коттеджи "Терве Ранта", Лахденпохский район, пос. Куркиеки, ул. Гористая 3а</t>
  </si>
  <si>
    <t>собственность/ земли населенных пунктов/ 10:12:0011605:38/ для нужд обороны</t>
  </si>
  <si>
    <t>1012008140</t>
  </si>
  <si>
    <t>ООО "Яккимма"</t>
  </si>
  <si>
    <t>Гостиничный комплекс «Яккимма», г. Лахденпохья, ул. Малиновского, д. 1а</t>
  </si>
  <si>
    <t>квартал10:12:0010701:251 аренда Для индивидуального жилищного строительства. Территориальная зона - Ж1.  земли населенных пунктов, кадастровый         10:12:0010601:134 Гостиничное обслуживание. Территориальная зона - ОД-1. Зона делового, общественного и коммерческого назначения</t>
  </si>
  <si>
    <t>Присвоена категория: "без звёзд"
№ свидетельства АА-008/379-2022
Срок действия свидетельства до 28 марта 2025 г</t>
  </si>
  <si>
    <t>1012007644</t>
  </si>
  <si>
    <t xml:space="preserve">ООО "Рундук" </t>
  </si>
  <si>
    <t>гостиница «Карлен»,  г.Лахденпохья, Набережная ул., д.2А, 8 (921) 526-85-05</t>
  </si>
  <si>
    <t>долевая собственность/земли сельскохозяйственного назначения/ 10:12:0041001:435/ для дачного строительства</t>
  </si>
  <si>
    <t>68.20 Аренда и управление собственным или арендованным недвижимым имуществом Дополнительный вид деятельности: 79.11 Деятельность туристических агентств</t>
  </si>
  <si>
    <t>1012010485</t>
  </si>
  <si>
    <t>ЗАО «Северо-западный совет по развитию туризма»</t>
  </si>
  <si>
    <t>База отдыха «Ламбушка» , Лахденпохский район, д.Куянсуо, ул. Руденко, д.30</t>
  </si>
  <si>
    <t xml:space="preserve">доп.виды 55.10, 55.20, 55.90  </t>
  </si>
  <si>
    <t xml:space="preserve"> 1035000275 </t>
  </si>
  <si>
    <t xml:space="preserve"> ООО "Ладожские шхеры"                               </t>
  </si>
  <si>
    <t>База  отдыха "Триумф", Лахденпохский район, п.Терву, Заречная ул, д. 1
Севернее поселения Терву, https://triumf-karelia.ru,+7 (921)  999-49-29</t>
  </si>
  <si>
    <t xml:space="preserve">10:12:0050107:4, категория: НП,  ВРИ: для обслуживания и содержания гостиницы, частная собственность </t>
  </si>
  <si>
    <t>Присвоена категория: "без звёзд"
№ свидетельства 10/АА-036/065-2021
Срок действия свидетельства до 08 февр. 2025 г</t>
  </si>
  <si>
    <t>1012012041</t>
  </si>
  <si>
    <t>ООО Курки</t>
  </si>
  <si>
    <t>Гостевой дом «Курки», Лахденпохский район, пос.Куркиеки, ул.Алховская, дом 9</t>
  </si>
  <si>
    <t>В собственности / земли населенных пунктов 10:12:0011605:47/ для нужд обороны</t>
  </si>
  <si>
    <t>1012009377</t>
  </si>
  <si>
    <t>ООО "Второй городок"</t>
  </si>
  <si>
    <t>База отдыха «Щучье озеро»  г.Лахденпохья, улица Малиновского, 2Б</t>
  </si>
  <si>
    <t>10:12:0040104:23 без прав/ земли населенных пунктов/для строительства горнолыжной трассы</t>
  </si>
  <si>
    <t>1012002300</t>
  </si>
  <si>
    <t>ООО "Зима"</t>
  </si>
  <si>
    <t xml:space="preserve">База отдыха «Зима»         Лахденпохский район, пос.Хийтола, Куркиёкское ш., 10А  </t>
  </si>
  <si>
    <t>10:12:0051301:2350(земли рекреационного назначения);     10:12:0051301:2478 (земли запаса)</t>
  </si>
  <si>
    <t>1012012482</t>
  </si>
  <si>
    <t xml:space="preserve">ООО "Берлога"  </t>
  </si>
  <si>
    <t xml:space="preserve"> база отдыха «Берлога» Лахденпохский район, п.Лумиваара</t>
  </si>
  <si>
    <t>Перевод земли с/х в зону рекреации (2022 год)</t>
  </si>
  <si>
    <t>10:12:0051303:939,  категория: СХ, ВРИ: для дачного строительства, частная собственность</t>
  </si>
  <si>
    <t>1012012563</t>
  </si>
  <si>
    <t xml:space="preserve">База отдыха «Липпола», Лахденпохский район,               пос. Тиурула, ул.Лесная, 3      </t>
  </si>
  <si>
    <t>земли населенных пунктов под ИЖС;  10:12:0011605:166;  10:12:0011605:376 (кадастровый номер жилого дома)</t>
  </si>
  <si>
    <t>101200566824</t>
  </si>
  <si>
    <t>Ютанова Ольга Сергеевна</t>
  </si>
  <si>
    <t xml:space="preserve">База отдыха Филина гора, г. Лахденпохья,    ул. Тихая, д. 13  </t>
  </si>
  <si>
    <t>8 921 624-34-96</t>
  </si>
  <si>
    <t xml:space="preserve"> 10:12:0011004:22  Земли поселений (земли населенных пунктов)
под жилым домом</t>
  </si>
  <si>
    <t>101200748366</t>
  </si>
  <si>
    <t>Сосулин Сергей Валерьевич</t>
  </si>
  <si>
    <t>Гостевой дом Сорола г. Лахденпохья, ул. Заозёрная, 25</t>
  </si>
  <si>
    <t>10:12:0022201:26   Земли поселений (земли населенных пунктов)
для ведения личного подсобного хозяйства</t>
  </si>
  <si>
    <t>Услуга по временному проживанию</t>
  </si>
  <si>
    <t>101200560011</t>
  </si>
  <si>
    <t>Соколова Ангелина Викторовна</t>
  </si>
  <si>
    <t>Коттеджный комплекс «Кейхясярви», Лахденпохский район, р. Сикопохья</t>
  </si>
  <si>
    <t>101200566905</t>
  </si>
  <si>
    <t>Модина Анна Васильевна</t>
  </si>
  <si>
    <t>Аппартаменты (студия, 30 кв. м.)   г. Лахденпохья, ул. Ладожская, д. 16, кв. 33</t>
  </si>
  <si>
    <t>Дом для отпуска у Анны" 86 кв.м, г.Лахденпохья, Тихая ул., д.15 "</t>
  </si>
  <si>
    <t>101201383421</t>
  </si>
  <si>
    <t xml:space="preserve">Макеева Татьяна Юрьевна </t>
  </si>
  <si>
    <t>Гостевой дом "Дом на горе", Лахденпохский район, п. Куркиеки, Элинсенваарское шоссе, 9</t>
  </si>
  <si>
    <t>10:12:0022204941 (940;939)             В собственности/земли сельскохозяйственного назначения/под дачное строительство</t>
  </si>
  <si>
    <t>101200016122</t>
  </si>
  <si>
    <t>Лукьянов Вадим  Евгеньевич</t>
  </si>
  <si>
    <t>«Sorola Holiday home» гостевой дом, Лахденпохский район, г. Лахденпохья, Карельсккая ул., д.13</t>
  </si>
  <si>
    <t>объекты расположены в акватории Ладожского озера</t>
  </si>
  <si>
    <t>471203363920</t>
  </si>
  <si>
    <t xml:space="preserve">Солдатенко А.И. </t>
  </si>
  <si>
    <t>Плавучая база отдыха  «Houseboat Rauhala» Лахденпохья, пос. Раухала</t>
  </si>
  <si>
    <t>ИП Бояринова Елена Геннадьевна   780230415313 судится с Зиновьевым Ю.В., вопрос о собственнике объекта не решен</t>
  </si>
  <si>
    <t>471701811445</t>
  </si>
  <si>
    <t>Зиновьев Юрий Валентинович</t>
  </si>
  <si>
    <t>База отыдха "Kilpolansaari", Лахденпохский район, район пос.Тиурула, о.Кильпола, ул. Солнечная, д. 20, лит. Б  8-911-900-15-55, 8-911-700-22-77 Елена</t>
  </si>
  <si>
    <t>В собственности/ИЖС/ для дачного строительства / 10:10:0010142:178</t>
  </si>
  <si>
    <t>781713492170</t>
  </si>
  <si>
    <t>Хутор «Соромяки»,  Лахденпохский район, о.Кильпола</t>
  </si>
  <si>
    <t>10:12:0012103:293                        Для размещения производственной базы</t>
  </si>
  <si>
    <t xml:space="preserve"> 55.20 Деятельность по предоставлению мест для краткосрочного проживания</t>
  </si>
  <si>
    <t>101200012424</t>
  </si>
  <si>
    <t xml:space="preserve"> Манукян Агаси Вагаршакович</t>
  </si>
  <si>
    <t>Гостевой дом "Благодать-3", Лахденпохский район, г. Лахденпохья, Ленинградское ш., д.65</t>
  </si>
  <si>
    <t>10612:00222:02:1844 земли с/х дачное строительство</t>
  </si>
  <si>
    <t>614700051410</t>
  </si>
  <si>
    <t>Гетманский Александр Анатольевич</t>
  </si>
  <si>
    <t xml:space="preserve">Глэмпинг Soul Camp (база отдыха «Три Острова»), Лахденпохский р-н, п. Парконмяки, soulcamp.ru
+7 (911) 926-48-20                                 </t>
  </si>
  <si>
    <t>55.20 Деятельность по предоставлению
мест для краткосрочного проживания   Дополнительный вид деятельности:  55.10 Деятельность гостиниц и прочих мест для временного проживания</t>
  </si>
  <si>
    <t>781430600210</t>
  </si>
  <si>
    <t>Чабанюк Мария Юрьевна</t>
  </si>
  <si>
    <t>в собственности/ земли населенных пунктов кад. квартал 10:12:0020703-18 под ижс 10:12:0020703:33   10:12:0020703:16   10:12:0020703:23</t>
  </si>
  <si>
    <t>(55.20) Деятельность по предоставлению мест для краткосрочного проживания </t>
  </si>
  <si>
    <t>780601356820</t>
  </si>
  <si>
    <t>КФХ Лебедев  Николай Владимирович</t>
  </si>
  <si>
    <t>Коттеджный комплекс «Урочище Меклахти», Лахденпохский район, район пос. Кортела;  89219531120</t>
  </si>
  <si>
    <t>10:12:0051303:520 В собственности/земли сельскохозяйственного назначения/под дачное строительство</t>
  </si>
  <si>
    <t>780217016623</t>
  </si>
  <si>
    <t>База Отдыха «Канапелька», Лахденпохский район, п. Тиурула</t>
  </si>
  <si>
    <t xml:space="preserve">10:12:0022202-61(рядом с зу 10:12:0022202:951) без границ    Применительно к земельным участкам с кадастровыми номерами 10:12:0022202:246, 10:12:0022202:1862, 10:12:0022202:1863 установлена функциональная зона рекреации и туризма Земельные участки с кадастровыми номерами 10:12:0022202:246, 10:12:0022202:1862, 10:12:0022202:1863 отнесены к землмя ООТ (постановление Администрации Лахденпохского муниципального района от 27.07.2020 № 501 "Об отнесении земельных участков, расположенных на землях Мийнальского сельского поселения, к землям ососбо охраняемых территорий местного значения") </t>
  </si>
  <si>
    <t>Присвоена категория: "без звёзд"
№ свидетельства 47/2/158-2022 до 07.08.2025</t>
  </si>
  <si>
    <t>780434701055</t>
  </si>
  <si>
    <t>КФХ Павлова Ольга Андреевна</t>
  </si>
  <si>
    <t>База отдыха КФХ «Микли-Ольгино», Лахденпохский р-он, п. Микли, Район п. Микли ДНП, дом № 1981</t>
  </si>
  <si>
    <t>10:12:0022202:2557,          10:12:0022202:64,                       земли с/х, сельскохозяйственное использование</t>
  </si>
  <si>
    <t xml:space="preserve">55.20 Деятельность по предоставлению мест для краткосрочного проживания Дополнительные виды деятельности:  55.10 Деятельность гостиниц и прочих мест для временного проживания;            55.30 Деятельность по предоставлению
мест для временного проживания в
кемпингах, жилых автофургонах и
туристических автоприцепах    </t>
  </si>
  <si>
    <t>250670050685</t>
  </si>
  <si>
    <t>Прилепко Екатерина Леонидовна</t>
  </si>
  <si>
    <t>Глэмпинг Смородина, Лахденпохский район, в районе п.Микли</t>
  </si>
  <si>
    <t>Электричество, дорога, мост</t>
  </si>
  <si>
    <t>10:10:0010142:403,    10:10:0010142:367, земли с/х назначения, для дачного строительства</t>
  </si>
  <si>
    <t>79.12 Деятельность туроператоров Дополнительный вид деятельности: 79.11 Деятельность туристических агентств</t>
  </si>
  <si>
    <t>560909131250</t>
  </si>
  <si>
    <t>Кирлахти -Бухта Ясная, Лахденпохский район, п. Тиурула</t>
  </si>
  <si>
    <t xml:space="preserve">10:12:005040114                        земли населенных пунктов ИЖС </t>
  </si>
  <si>
    <t>55.20 Деятельность по предоставлению мест для краткосрочного проживания</t>
  </si>
  <si>
    <t>101201673829</t>
  </si>
  <si>
    <t>Прокопьева Вера Николаевна</t>
  </si>
  <si>
    <t>Хутор Ивановых, Лахденопский райн, п. Тервоярви, Центральная ул., д.1б</t>
  </si>
  <si>
    <t>Ремонт дорог, высокие налоги ЕНВД</t>
  </si>
  <si>
    <t>10:12:0022204:261 в собственности/земли сельскохозяйственного назначения/под строительство дачи</t>
  </si>
  <si>
    <t xml:space="preserve">79.90.2. Деятельность по предоставлению экскурсионных туристических услуг  Дополнительный вид деятельности: 68.20 Аренда и управление собственным или арендованным недвижимым имуществом </t>
  </si>
  <si>
    <t>780431352737</t>
  </si>
  <si>
    <t>Васильев Илья Вячеславович</t>
  </si>
  <si>
    <t>Эко-ферма "Долина водопадов", Лахденпохский район, п. Ихала</t>
  </si>
  <si>
    <t>Хутор "Рантамяки", Лахденпохский район, п. Харвиа</t>
  </si>
  <si>
    <t>10:12:0020101:42 В собственности/ земли населенных пунктов/для строительства здания под торговый центр</t>
  </si>
  <si>
    <t>55.90 Деятельность по предоставлению прочих мест для временного проживания</t>
  </si>
  <si>
    <t>780427684507</t>
  </si>
  <si>
    <t>Кириллов Дмитрий Сергеевич</t>
  </si>
  <si>
    <t xml:space="preserve"> Гостевой дом «Ихала», Лахденпохский район, п. Ихала, Центральная ул.. д.48</t>
  </si>
  <si>
    <t>собственность/земли сельскохозяйственного назначения/ Для дачного строительства / 10:10:0010142:32</t>
  </si>
  <si>
    <t>781413942206</t>
  </si>
  <si>
    <t>Гостевой комплекс «Удачный Отдых», Лахденпохский р-он,посёлок Тиурула,остров Кильпола, https://vk.com/club6204332, 8-981-105-65-65 ; 8-921-918-96-96</t>
  </si>
  <si>
    <t>10:12:0022202:1061/ Земли сельскохозяйственного назначения/ под дачное строительство/ собственность. 10:12:0022202:513/ Земли населённых пунктов/ для строительства дома-дачи/ долевая собственность. 10:12:0020401:23/ Земли населённых пунктов/ под строительство индивидуального жилого дома/ собственность</t>
  </si>
  <si>
    <t>781623966122</t>
  </si>
  <si>
    <t>Кузора Ирина Васильевна</t>
  </si>
  <si>
    <t>База отдыха «Хутор Микли», п.Микли</t>
  </si>
  <si>
    <t>Плохие дороги , нет Интернета, проблема с охраной зданий и территорий</t>
  </si>
  <si>
    <t>собственность/ для дачного строительства</t>
  </si>
  <si>
    <t xml:space="preserve">781116281507 </t>
  </si>
  <si>
    <t>Кокошникова Анна Валентиновна</t>
  </si>
  <si>
    <t>База отдыха «Аннилахти», ANNILAHTI, Лахденпохский район,  п. Харвиа, д. 1</t>
  </si>
  <si>
    <t>10:12:0051302:1155  Земли поселений/личное подсобное хозяйство, территориальная зона - Ж-1. Зона индивидуальной жилой застройки.</t>
  </si>
  <si>
    <t>780220623917</t>
  </si>
  <si>
    <t>Колесникова Татьяна Викторовна</t>
  </si>
  <si>
    <t xml:space="preserve">Гостевые дома "Бухта Терву"  Лахденпохский район, пос. Терву, ул.Ладожская, д.21; </t>
  </si>
  <si>
    <t>10:12:0022202:314                      земли рекреационного назначения</t>
  </si>
  <si>
    <t>782574888223</t>
  </si>
  <si>
    <t>Гаврилюк Татьяна Игоревна</t>
  </si>
  <si>
    <t xml:space="preserve">Парк-отель "Хутор Ярви"  Лахденпохский р-н, пос.Кортела, 77                    </t>
  </si>
  <si>
    <t>Плохая дорога. Частые отключения электроэнергии, портится оборудование и продукты в холодильниках проживающих.    Нет связи и Интернета. Перевод земель.</t>
  </si>
  <si>
    <t>Без границ Кв 10:12:0022201 без мелиорации под дачное строительство     10:12:0022201:314? (296)?</t>
  </si>
  <si>
    <t>101200869120</t>
  </si>
  <si>
    <t>Унгер Игорь Владимирович</t>
  </si>
  <si>
    <t xml:space="preserve">База отдыха «Ахвенлампи»  Лахденпохья, район пос. Сикопохья, </t>
  </si>
  <si>
    <t>10:12:0041003:319 земли сх, по ИЖС</t>
  </si>
  <si>
    <t>781403194914</t>
  </si>
  <si>
    <t>Бугаева Юлия Александровна</t>
  </si>
  <si>
    <t>Гостевой дом «Асилан»  Лахденпохский район, пос.Асилан</t>
  </si>
  <si>
    <t xml:space="preserve"> 10:12:0022204:636                     земли сельхозназначения       сельскохозяйственное использование</t>
  </si>
  <si>
    <t>101200027501</t>
  </si>
  <si>
    <t>Киселев Игорь Павлович</t>
  </si>
  <si>
    <t>база отдыха "Киселевка" Лахденпохский р-н,пос.Харвиа</t>
  </si>
  <si>
    <t>сделан запрос</t>
  </si>
  <si>
    <t>781703721400</t>
  </si>
  <si>
    <t>Лыков Владимир Октябревич</t>
  </si>
  <si>
    <t>В собственности/ дом на воде с договором водопользования. Расположен в кадастровом квартале 10:12:0022204 (рядом с участком 10:12:0022204:402 (без координат границ), категория: СХ, ВРИ: сельскохозяйственное использование</t>
  </si>
  <si>
    <t>100118394680</t>
  </si>
  <si>
    <t>Пузов Олег Владимирович</t>
  </si>
  <si>
    <t xml:space="preserve">Гостевой Дом «ХаусБот CLIFFHOUSE» (дом на воде)  Лахденпохский р-н, район пос. Сорола, пд.1  </t>
  </si>
  <si>
    <t>Гостевой Дом «ХаусБот Ковчег» (дом на воде)  Лахденпохский р-н, район пос. Сорола , пд.1</t>
  </si>
  <si>
    <t>земли населенных пунктов ИЖС   10:12:0010504:28;  10:12:0010504:54;      10:12:0010504:27;   10:12:0010504:32</t>
  </si>
  <si>
    <t>101200111841</t>
  </si>
  <si>
    <t>Петухов Вячеслав Федорович</t>
  </si>
  <si>
    <t xml:space="preserve">Дом отдыха «Holiday Home Karelia»  Лахденпохья, улица Бусалова, дом 36-Г                                             </t>
  </si>
  <si>
    <t>В собственности/ земли населенных пунктов 10:12:0010702:1 для производственной деятельности. гостиничное обслуживание</t>
  </si>
  <si>
    <t>100101942240</t>
  </si>
  <si>
    <t>Беляева Юлия Викторовна</t>
  </si>
  <si>
    <t>Гостевой Дом «Ладога-Марина»   г.Лахденпохья, ул.Заводская,д.24</t>
  </si>
  <si>
    <t>В собственности/земли сельскохозяйственного назначения/ под строительство дачи/ 10:12:0051301:337  10:12:0051301:1784   10:12:0051301:1844                   земли сельскохозяйственного назначения ведение садоводства  10:10:0030158:6                          земли сельскохозяйственного назначения ЛПХ       10:10:0030158:25</t>
  </si>
  <si>
    <t>781905752680</t>
  </si>
  <si>
    <t>Кропачев Владимир Николаевич</t>
  </si>
  <si>
    <t xml:space="preserve">Туристская база «Лена-Ладога» (Туристский клуб «Лена») 
 Лахденпохский р-н,  пос.Лумиваара   </t>
  </si>
  <si>
    <t>10:12:0022204:1013, 10:12:0022204:1014, 10:12:0022204:1015, 10:12:0022204:1012, 10:12:0022204:1016, 10:12:0022204:1017, 10:12:0022204:568, 10:12:0022204:596, 10:12:0022204:1620 10:12:0022204:1479 (СХ, ЛПХ), 10:12:0022204:1254, 10:12:0022204:234, 10:12:0022204:637, 10:12:0022204:1480 (СХ, ЛПХ) категория всех остальных СХ, ВРИ: для дачного строительства, частная собственность</t>
  </si>
  <si>
    <t>781610220753</t>
  </si>
  <si>
    <t xml:space="preserve">Коротаев Павел Владимирович </t>
  </si>
  <si>
    <t xml:space="preserve">Турбаза «Лумиваара»  Лахденпохский район пос.Харвиа   </t>
  </si>
  <si>
    <t>10:12:0020901:75   10:12:0020901:76   10:12:0020901:48                       земли поселений под ИЖС       10:12:0020901:290                      земли поселений под ЛПХ</t>
  </si>
  <si>
    <t xml:space="preserve">68.20.2 Аренда и управление собственным или арендованным недвижимым недвижимым имуществом </t>
  </si>
  <si>
    <t>101200854438</t>
  </si>
  <si>
    <t>Хлевной Виталий Геннадиевич</t>
  </si>
  <si>
    <t xml:space="preserve">Дом для отдыха Forest Rauhala Place  Лахденпохский р-н, пос. Раухала, ул. Лесная, д.8     </t>
  </si>
  <si>
    <t>Плохая связь, нет Интернета,  ремонт дороги</t>
  </si>
  <si>
    <t>10:10:0010142:710 земли сельскохозяйственного назначения/для дачного строительства</t>
  </si>
  <si>
    <t>ремонт дороги, высокие налоги, нужен перевод земель</t>
  </si>
  <si>
    <t xml:space="preserve"> 10:12:0022202:1780  10:12:0022202:1779 10:12:0022202:1661                       с/х земли под дачное строительство</t>
  </si>
  <si>
    <t xml:space="preserve">780618260019 </t>
  </si>
  <si>
    <t>Костыленко Ирина Владимировна</t>
  </si>
  <si>
    <t>База Отдыха «Лахденпохья Дивное»  (бывшая "Дивное") г.Лахденпохья, залив  Метсоланселька</t>
  </si>
  <si>
    <t xml:space="preserve">Проблема подключения к электросети. </t>
  </si>
  <si>
    <t>10:12:0022203:545 земли ООТ рекреаационного назначения.Собственность публично-правовых образований,аренда</t>
  </si>
  <si>
    <t>780439079952</t>
  </si>
  <si>
    <t>Меньщиков Павел Александрович</t>
  </si>
  <si>
    <t xml:space="preserve">база отдыха «Брусника Вилладж» Лахденпохский район, п. Ихала </t>
  </si>
  <si>
    <t>10:12:0022204:1257 10:12:0022204:1258 10:12:0022204:1272  10:12:0022204:1047                    земли сх для дачного строительства</t>
  </si>
  <si>
    <t>781426193882</t>
  </si>
  <si>
    <t>Огнев Валерий Владимирович</t>
  </si>
  <si>
    <t xml:space="preserve">гостевые дома «Белые росы» Лахденпохский район, п. Харвиа </t>
  </si>
  <si>
    <t>Плохая связь и Интернет. Нужен перевод земель. Дважды обращались в Администрацию и МИЗО</t>
  </si>
  <si>
    <t>10:12:0022204:1207 В собственности/земли сельскохозяйственного назначения/для ведения лпх</t>
  </si>
  <si>
    <t>781803144820</t>
  </si>
  <si>
    <t>Дмитриева Светлана Евгеньевна</t>
  </si>
  <si>
    <t xml:space="preserve"> база отдыха Хутор Салокюля» 
Лахденпохский район,
поселок Харвиа
</t>
  </si>
  <si>
    <t>10:12:0022204:364, категория: Земли особо охраняемых территорий и рекреационного назначения, частная собственность</t>
  </si>
  <si>
    <t>781650339459</t>
  </si>
  <si>
    <t>Жмуро Константин Павлович</t>
  </si>
  <si>
    <t xml:space="preserve">Отель «Sorola Village» Лахденпохский район, п.Сорола, </t>
  </si>
  <si>
    <t>Лахденпохский муниципальный район</t>
  </si>
  <si>
    <t xml:space="preserve">Легализация туристических объектов в Лахденпохском муниципальном районе </t>
  </si>
  <si>
    <t>На данный момент стройка приостановлена, всязи с участием в СВО</t>
  </si>
  <si>
    <t>10:06:0060202:262          Республика Карелия, муниципальный район Сегежский, сельское поселение
Поповпорожское, поселок Кяргозеро, улица Берёзовая, земельный участок 1а   Разрешенное использование:  Амбулаторно-поликлиническое обслуживание; Блокированная жилая застройка;
Бытовое обслуживание; Ведение огородничества; Гостиничное обслуживание;
Для ведения личного подсобного хозяйства; Для индивидуального жилищного
строительства; Магазины; Общественное питание; Передвижное жилье.</t>
  </si>
  <si>
    <t>2023 идет строительство глэмпингов, на данный момент проводят туры по Сегежскому округу</t>
  </si>
  <si>
    <t>участники программы "Гектар в Арктике"</t>
  </si>
  <si>
    <t>Сергеев Игорь         тел: 8-900-269-69-96)</t>
  </si>
  <si>
    <t>Турбаза  "4 Стихии Тур" Поповпорожское сельское поселение, Сегежский муниципальный округ, Республика Карелия, п. Кяргозеро, ул Березовая, 1а</t>
  </si>
  <si>
    <t xml:space="preserve">Земельный участок, 10:06:00503036:198
Российская Федерация, Республика Карелия, Сегежский район, Валдайское сельское поселение, д. Полга
Площадь декларированная: 425 кв.м
Разрешенное использование: 
Земли населенных пунктов
Валдайское сельское поселение
</t>
  </si>
  <si>
    <t>55.20 Деятельность по предоставлению
мест для краткосрочного проживания</t>
  </si>
  <si>
    <t>100601045866</t>
  </si>
  <si>
    <t>База отдыха,
д. Полга Вадлайское сельское поселение
 MAKBENZ117@YANDEX.RU</t>
  </si>
  <si>
    <t xml:space="preserve">Земли населённых пунктов. Земельный участок 10:06:0060101:229,
Российская Федерация, Республика Карелия, Сегежский муниципальный район, Поповпорожское сельское поселение, п Попов Порог, ул Коммунальная, д 4, площадь:
817 кв. м, разрешенное использование:
для индивидуального жилищного строительства. Территориальная зона Ж1 – Зона застройки индивидуальными жилыми домами Ж-1, Поповпорожское сельское поселение
</t>
  </si>
  <si>
    <t>Дата прекращения деятельности ИП:  06.12.2019, не является НП НПД на 22.08.2022</t>
  </si>
  <si>
    <t>100602204484</t>
  </si>
  <si>
    <t xml:space="preserve">Оськин Леонид Владимирович
</t>
  </si>
  <si>
    <t xml:space="preserve">Гостевой дом «Сегозерец»,
П. Попов Порог, ул. Коммунальная, дом 4
+7 921 465 0624 fishkatel@yandex.ru
</t>
  </si>
  <si>
    <t>Нелегальные объекты размещения</t>
  </si>
  <si>
    <t>55.20 предоставление мест для краткосрочного проживания</t>
  </si>
  <si>
    <t>100124119890</t>
  </si>
  <si>
    <t>ИП Демушкин Андрей Сергеевич                       тел:8-921-010-99-77</t>
  </si>
  <si>
    <t>100601807313</t>
  </si>
  <si>
    <t>Сдают жилой дом сезонно</t>
  </si>
  <si>
    <t xml:space="preserve">Земли населённых пунктов. Земельный участок 10:06:0060401:152,
Российская Федерация, Республика Карелия, Сегежский муниципальный район, Поповпорожское сельское поселение, д. Юркиннаволок, ул Озернная, д 9, площадь:
1500 кв. м, разрешенное использование:
для индивидуального жилищного строительства. 
</t>
  </si>
  <si>
    <t>100603986403</t>
  </si>
  <si>
    <t xml:space="preserve"> НП НПД</t>
  </si>
  <si>
    <t xml:space="preserve">Земли населённых пунктов. Земельный участок 10:06:0060401:26,
Российская Федерация, Республика Карелия, Сегежский муниципальный район, Поповпорожское сельское поселение, д. Юркиннаволок, ул Озернная, д 2, площадь:
1500 кв. м, разрешенное использование:
для садоводства. 
</t>
  </si>
  <si>
    <t>100116107806</t>
  </si>
  <si>
    <t>временно работают сезонно в связи с необходимостью доработки инфраструктуры для отдыха в зимний период</t>
  </si>
  <si>
    <t xml:space="preserve">Земельный участок, 10:06:0070101:142
Российская Федерация, Республика Карелия, Сегежский район, Поповпорожское сельское поселение, п. Волдозеро
Площадь декларированная: 9483 кв.м
Разрешенное использование:данные отсутствуют.
Земли населенных пунктов
Поповпорожское сельское поселение
</t>
  </si>
  <si>
    <t>спец.условия отсутствуют, но заезды во все палатки низкие, есть возможность передвижения ко всем местам общего пользования</t>
  </si>
  <si>
    <t>55.30 Деятельность по предоставлению
мест для временного проживания в
кемпингах, жилых автофургонах и
туристических автоприцепах</t>
  </si>
  <si>
    <t>100604257805</t>
  </si>
  <si>
    <t>работают пока сезонно в связи с необходимостью доработки проекта; турсезон 2023 г. начали в мае. 22.07.2022, 19.09.2022 снимался с регистрации на зимний период;  с 15.05.2023 зарегистрирован в качестве НП НПД</t>
  </si>
  <si>
    <t xml:space="preserve">Земельный участок, 
ЗУ 10:06:0060402:117 Российская Федерация, Республика Карелия, Сегежский район, Поповпорожское сельское поселение, д. Юркиннаволок
Площадь декларированная:
6 985 кв. м
Разрешенное использование:
Причалы для маломерных судов; Туристическое обслуживание Ж-1, Поповпорожское сельское поселение
</t>
  </si>
  <si>
    <t>спец.условия отсутствуют, но заезды во все дома низкие, есть дома с широкими дверными проемами и большим свободным пространством внутри</t>
  </si>
  <si>
    <t>100600751989</t>
  </si>
  <si>
    <t>Присвоенная категория (звездность): Без звезд № свидетельства: 10/АА-063/123-2023
Срок действия:15.05.2026</t>
  </si>
  <si>
    <t>100102664229</t>
  </si>
  <si>
    <t>2 специально оборудованных номера, туалеты, безпорожные входы/выходы, лифт</t>
  </si>
  <si>
    <t>Присвоена категория: "три звезды"
№ свидетельства 77/АА-115-2021/328-2021
Срок действия свидетельства до 19 дек. 2024 г</t>
  </si>
  <si>
    <t>55.10 Деятельность гостиниц и прочих мест
для временного проживания</t>
  </si>
  <si>
    <t xml:space="preserve"> 1006027709</t>
  </si>
  <si>
    <t>ЗУ 10:06:0010708:3, площадь 11 942 кв. м, разрешенное использование: для объектов общественно-делового значения, по документу:для размещения комплекса учебных зданий и территории автопарка, ОКС 10:06:0010708:18, Здание (Нежилое здание, учебное здание), площадь  848,4 кв.м., помещения гостиницы, расположены на первом этаже здания.  Земли поселений (земли населенных пунктов), КС</t>
  </si>
  <si>
    <t>1006000055</t>
  </si>
  <si>
    <t>Земли поселений (земли населенных пунктов).ЗУ 10:06:0040117:2, Республика Карелия, Сегежский район, пос.Надвоицы, ул.Ленина, д.1, 1 148 кв. м, разрешенное использование: для размещения объектов социального и коммунально-бытового назначения,по документу: для размещения здания общежития, без границ. На ЗУ расположено здание общежития с К№ 10:06:0000000:2137.  Встроенные помещения гостиницы с К№ 10:06:0040117:141, расположены в подвале, цокольном этаже, на первом и втором этажах четырехэтажного кирпичного здания общежития, площадь 806,9 кв.м. Собственник: Акционерное общество "Сибирско-Уральская Алюминиевая компания", ИНН: 6612005052. По сведениям из ЕГРН в указанном здании еще зарегистрированы права на помещение с К№10:06:0040117:140 и с К№10:06:0040117:142. О-1, Надвоицкое городское поселение</t>
  </si>
  <si>
    <t>Дополнительный вид деятельности:  55.1 Деятельность гостиниц и прочих мест для временного проживания</t>
  </si>
  <si>
    <t>1001209247</t>
  </si>
  <si>
    <t>Гостиница "Север" Сегежский район, пгт Надвоицы, ул. Ленина 1/4</t>
  </si>
  <si>
    <t xml:space="preserve">в 2022 году предоставлена субсидия связанная с приобретением новых объектов основных средств в целях создания, и (или) развития, и (или) модернизации производства товаров </t>
  </si>
  <si>
    <t xml:space="preserve">ЗУ 10:06:0074402:308, земли промышленности, энергетики, транспорта, связи, радиовещания, телевидения, информатики, земли для обеспечения
космической деятельности, земли обороны, безопасности и земли иного специального назначения, разрешенное использование: для размещения объектов дорожного сервиса в полосах отвода автомобильных дорог, по документу: объекты придорожного сервиса. ОКС 10:06:0074402:435, Российская Федерация, Республика Карелия, Сегежский район, 721 км.автодороги "Кола", Здание (Нежилое здание, Здание кафе «Трасса», двухэтажное.  кирпичное). Земли промышленности, энергетики, транспорта, связи, радиовещания, телевидения, информатики, земли для обеспечения космической деятельности, земли обороны, безопасности и земли иного специального назначения, Поповпорожское сельское поселение, градостроительный регламент не распространяется
</t>
  </si>
  <si>
    <t>1006003271</t>
  </si>
  <si>
    <t>ООО ПКФ "Топаз"</t>
  </si>
  <si>
    <t xml:space="preserve">ЗУ 10:06:0010719:167, Республика Карелия, Сегежский район, г. Сегежа, ул. Ленина, д. 3, для эксплуатации и
обслуживания многоквартирного жилого дома. Помещения гостиницы, расположены на первом этаже МКД. 
Земли поселений (земли
населенных пунктов), ОДЗ-
1, Сегежское городское поселение
</t>
  </si>
  <si>
    <t>ЗУ 10:06:0050602:19, Республика Карелия, Сегежский район.Земельный участок расположен в северо-восточной части кадастрового квартала 10:06:0050602, площадь: 27 627 кв. м., разрешенное использование: для размещения объектов (территорий) рекреационного назначения, по документу: размещение и эксплуатация нежилых объектов туристической базы ""Ветреный пояс"" ООО ПКФ ""Топаз"". ЗУ 10:06:0050602:27. Республика Карелия, Сегежский район, Валдайское сельское поселение, площадь: 13 153 кв. м., разрешенное использование:для размещения туристических баз, стационарных и палаточных туристско-оздоровительных лагерей, домов рыболова и охотника, детских туристических станций, по документу:для строительства второй очереди туристической базы "" Ветреный пояс"". Административное обследование по государственному земельному надзору проведено 18.09.2020  Управлением Росреестра по Республике Карелия. Земли особо
охраняемых территорий и объектов
Валдайское сельское поселение, градостроительный регламент не распространяется</t>
  </si>
  <si>
    <t xml:space="preserve">18 номеров по факту не предаставляются в связи с необходимостью кап.ремонта учтено с вычетом 18 </t>
  </si>
  <si>
    <t>ЗУ 10:06:0010720:5, разрешенное использование: для объектов общественно-делового значения, по документу: для размещения и эксплуатации четырехэтажного здания. Земельный участок находится в государственной собственности, сведения об обременениях отсутствуют. ОКС  10:06:0000000:3853, Республика Карелия, Сегежский район, г Сегежа, ул Гражданская, д 6. Здание (Нежилое здание, Гостиница "Выг"). В указанном здании зарегистрированы права на: 1)помещения, расположенные на I этаже № 27, 28, II, III, IV этажах четырехэтажного кирпичного здания гостиницы, К№ 10:06:0010719:235, площадь: 1169 кв.м. собственник :Лаврушов Александр Сергеевич; 2) встроенное помещение ресторана "Выг", К№ 10:06:0000000:15527, площадь: 360.5 кв.м., собственник: Лаврушов Александр Сергеевич. Земли поселений (земли населенных пунктов), ОДЗ- 2, Сегежское городское поселение</t>
  </si>
  <si>
    <t>1006027699</t>
  </si>
  <si>
    <t>ОКС 10:06:0010505:495, здание общежития, пятиэтажное с подвалом кирпичное, жилое; ЗУ 10:06:0010505:32, разрешенное использование: для объектов общественно- делового значения, по документу: для размещения и эксплуатации зданий и сооружений, площадь: 13 935 кв. м. Вид разрешенного использования "Общежития" относится  к основным видам  для данной территориальной зоны. Земли поселений (земли населенных пунктов), Ж-4, Сегежское городское поселение</t>
  </si>
  <si>
    <t>Присвоенная категория (звездность): без звёзд Номер свидетельства: 47/051/004-2023
Дата выдачи свидетельства:20.02.2023
Срок действия:19.02.2026</t>
  </si>
  <si>
    <t>1006002101</t>
  </si>
  <si>
    <t>Земли населённого пункта, для индивидуальной жилой застройки, 10:06:0060103:4, земельный участок оформлен под ИЖС, необходимо получить разрешение на условно- разрешенный вид использования. Ж-1, Поповпорожское сельское поселение</t>
  </si>
  <si>
    <t>100603304192</t>
  </si>
  <si>
    <t xml:space="preserve">10:06:0060103:129, Российская Федерация, Республика Карелия, Сегежский район, Поповпорожское сельское поселение, п. Попов Порог, площадь 1 500 кв. м. разрешенное использование: Индивидуальные малоэтажные жилые дома общим количеством этажей не более трех, включая мансардный этаж, и части таких домов, предназначенные для проживания одной семьи с придомовыми участками, предназначенными, в том числе, для ведения личного подсобного хозяйства. Территориальная зона - Ж1. Зона застройки индивидуальными жилыми домами. На земельном участке расположен  жилой дом 10:06:0060103:135.
10:06:0060103:131, Российская Федерация, Республика Карелия, Сегежский район, Поповпорожское сельское поселение, п. Попов Порог, площадь 1 500 кв. м. разрешенное использование: Индивидуальные малоэтажные жилые дома общим количеством этажей не более трех, включая мансардный этаж, и части таких домов, предназначенные для проживания одной семьи с придомовыми участками, предназначенными, в том числе, для ведения личного подсобного хозяйства. Территориальная зона - Ж1. Зона застройки индивидуальными жилыми домами. На земельном участке расположен жилой дом 10:06:0060103:136.
10:06:0060103:133 Российская Федерация, Республика Карелия, Сегежский район, Поповпорожское сельское поселение, п. Попов Порог, площадь 1 500 кв. м. разрешенное использование: Индивидуальные малоэтажные жилые дома общим количеством этажей не более трех, включая мансардный этаж, и части таких домов, предназначенные для проживания одной семьи с придомовыми участками, предназначенными, в том числе, для ведения личного подсобного хозяйства. Территориальная зона - Ж1. Зона застройки индивидуальными жилыми домами. На земельном участке расположен  жилой дом 10:06:0060103:139 и баня 10:06:0060103:141
</t>
  </si>
  <si>
    <t xml:space="preserve">Дополнительный вид деятельности: 68.20.1 Аренда и управление собственным
или арендованным жилым недвижимым
имуществом
</t>
  </si>
  <si>
    <t>623411256042</t>
  </si>
  <si>
    <t>ЗУ 10:06:0010714:2, Республика Карелия, Сегежский район, г Сегежа, ул Советская. На земельном участке расположено здание №"18а. Разрешенное использование: для объектов общественно-делового значения, по документу: для размещения и эксплуатации зданий учебного корпуса, общежития, пристройки к общежитию. Границы земельного участка на публичной кадастровой карте имеются, а согласно выписки из ЕГРН границы не установлены. Собственник ЗУ: Республика Карелия, ЗУ передан в постоянное (бессрочное) пользование государственному автономному профессиональному образовательному учреждению Республики Карелия"Северный колледж". Земли поселений (земли населенных пунктов), ОДЗ- 5</t>
  </si>
  <si>
    <t>100108906629</t>
  </si>
  <si>
    <t>в 2022 г.предоставлена субсидия связанная с приобретением основных средств</t>
  </si>
  <si>
    <t>Земли поселений (земли населенных пунктов). ЗУ 10:06:0011102:2, площадью 7 318 кв. м.,  Республика Карелия, Сегежский район, г. Сегежа. Земельный участок расположен в западной части кадастрового квартала 10:06:01 11 02,  имеет разрешенное использование: для размещения профилактория. На ЗУ расположен ОКС: нежилое здание, наименование: профилакторий, кадастровый номер: 10:06:0000000:14790, общая площадь: 4275,1 кв.м. ОКС фактически используется как гостиничный комплекс «Сегежа». Ж-4, Сегежское городское поселение</t>
  </si>
  <si>
    <t>100601389948</t>
  </si>
  <si>
    <t>данные уточняются</t>
  </si>
  <si>
    <t xml:space="preserve">Вид деятельности не относится к гостиничному делу и временному размещению  </t>
  </si>
  <si>
    <t>532100099381</t>
  </si>
  <si>
    <t>Славный Олег Алексеевич</t>
  </si>
  <si>
    <t>По адресу п. Попов Порог, ул. Коммунистическая, д. 1б располагается двухквартирный жилой дом. В ЕГРН зарегистрированы права на кв. №1 и кв. №2. Земельный участок возможно поставить на кадастровый учет только под многоквартирным домом Ж-1, Поповпорожское сельское поселение</t>
  </si>
  <si>
    <t>100604174059</t>
  </si>
  <si>
    <t>Земли поселений, для индивидуальной жилой завтройки.
Земельный участок с К№ 10:06:0050301:21, для индивидуальной жилой застройки. На указанном земельном участке расположен жилой дом с К№ 10:06:0050302:95
Ж-2,     Валдайское сельское поселение</t>
  </si>
  <si>
    <t>100601946927</t>
  </si>
  <si>
    <t>Кадастровый номер участка 10:06:0060103:134,Российская Федерация, Республика Карелия, Сегежский муниципальный район, Поповпорожское сельское поселение, п. Попов Порог, площадь: 3000 кв.м. Кадастровый номер жилого дома 10:06:0060103:138, Российская Федерация, Республика Карелия, Сегежский
район  Поповопорожское сельское поселение  п Попов
Земли населенных пунктов</t>
  </si>
  <si>
    <t>100604213526</t>
  </si>
  <si>
    <t>Земельный участок с К№10:06:0040203:13, Республика Карелия, Сегежский район, поселок Кочкома, улица Набережная. На земельном участке расположено здание - жилой дом №14. Разрешенное использование: для индивидуальной жилой застройки. Площадь земельного участка декларированная: 600 кв. м. Границы не установлены. На земельном участке расположен жилой дом с К№10:06:0040203:18, Республика Карелия, р-н Сегежский, п. Кочкома, ул. Набережная, д. 14,  площадь: 36,8 кв. м Ж-1 (зона индивидуального жилого строительства) Идельское сельское поселение</t>
  </si>
  <si>
    <t>100109238614</t>
  </si>
  <si>
    <t>Земельный участок расположен в кадастровыом квартале 10:06:0020502 СХ-2 (зона сельскохозяйственного использования за границами населенных пунктов) Чернопорожское сельское поселение</t>
  </si>
  <si>
    <t>Козлов Игорь Михайлович</t>
  </si>
  <si>
    <t>Земельный участок 10:06:0060102:57, Республика Карелия, Сегежский район, п. Попов Порог, ул. Коммунистическая. Площадь:1500 кв.м. Разрешенное использование: для индивидуальной жилой застройки, по документу: малоэтажная жилая застройка (индивидуальное жилищное строительство). ОКС: 10:06:0060102:59,  Жилой дом, Российская Федерация, Республика Карелия, Сегежский муниципальный район, Поповпорожское сельское поселение, п. Попов Порог, ул. Коммунистическая, д. 12. Ж-1, Поповпорожское сельское поселение</t>
  </si>
  <si>
    <t>100600095656</t>
  </si>
  <si>
    <t>Сегежский муниципальный округ</t>
  </si>
  <si>
    <t>В п.Попов Пороге деятельность не осуществляет так как перееха в Медвежьегорский район</t>
  </si>
  <si>
    <t>В Росреестре сведения о земельном участке отсутствуют. Скорей всего Коммунистическая, 9 – многоквартирный дом, т.к. в Росреестре есть квартира №1 по ул. Коммунистическая 9. Ж-1, Поповпорожское сельское поселение</t>
  </si>
  <si>
    <t>100603911221</t>
  </si>
  <si>
    <t xml:space="preserve"> Герасимов Иван Александрович
</t>
  </si>
  <si>
    <t xml:space="preserve">Гостевой дом,
п. Попов Порог, ул. Коммунистическая, д.9
</t>
  </si>
  <si>
    <t>11.11.2022 проведена проверка - деятельность не осуществляется</t>
  </si>
  <si>
    <t>земли лесфонда</t>
  </si>
  <si>
    <t>данные отсутствуют</t>
  </si>
  <si>
    <t>100600055854</t>
  </si>
  <si>
    <t>Гольцев Владимир Юрьевич</t>
  </si>
  <si>
    <t>Гостевой дом "Кивикко" СНТ "Каменка", Сегежский р-н, Идельское поселение
Тел. +7-921-220-75-55
Эл.почта : gvu@onego.ru</t>
  </si>
  <si>
    <t xml:space="preserve">Урочище Кулисы предположительно находится около Падан, Медвежьегорский район. Контакты и информация отсутсвуют. </t>
  </si>
  <si>
    <t>100604763449</t>
  </si>
  <si>
    <t xml:space="preserve"> Абибок Марк Анатольевич</t>
  </si>
  <si>
    <t>домик  в лесу Сегежский рн., урочище Кулисы</t>
  </si>
  <si>
    <t xml:space="preserve">Сняты в 2023 году </t>
  </si>
  <si>
    <t>Деятельность временно не ведется по причине мобилизации</t>
  </si>
  <si>
    <t xml:space="preserve">10:06:0060101:82 Республика Карелия, Сегежский район, п. Попов Порог, ул. Кирова, д. 14, , площадь 716 кв. м. разрешенное использование: для размещения и эксплуатации индивидуального жилого дома. Территориальная зона - Ж1. Зона застройки индивидуальными жилыми домами
</t>
  </si>
  <si>
    <t>100600099749</t>
  </si>
  <si>
    <t xml:space="preserve">Баландин Виктор Анатольевич
</t>
  </si>
  <si>
    <t xml:space="preserve">Виктор На-Сегозеро
П. Попов Порог, ул Кирова, д. 14
89214525534
</t>
  </si>
  <si>
    <t>Приостановлена деятльность</t>
  </si>
  <si>
    <t>Вновь зарегистрирован; 
Идет строительство</t>
  </si>
  <si>
    <t>68.20 - Аренда и управление собственным или арендованным недвижимым имуществом, 55.10 - Деятельность гостиниц и прочих мест для
временного проживания</t>
  </si>
  <si>
    <t>Высоцкий Андрей Сергеевич             тел.8-921-623-62-38(номер отеля)        8-911-415-05-84(Ольга Евгеньевна)-управляющая, https://vk.com/publichomehotel             почта:Homehotel.hh@gmail.com</t>
  </si>
  <si>
    <t xml:space="preserve">Отель "Home Hotel", г.Сегежа, ул.Ленина, д.3, </t>
  </si>
  <si>
    <t>Дулгерова О.В.</t>
  </si>
  <si>
    <t>Гостевой дом,
д. Юркиннаволок, ул. Озерная, д. 9
8-981-4012061</t>
  </si>
  <si>
    <t>Петрова Татьяна Викторовна</t>
  </si>
  <si>
    <t xml:space="preserve">Гостевой дом, Поповпорожское поселение, Сегежский рн., 
д. Юркиннаволок, ул. Озерная, д. 2
8-911-6604482
</t>
  </si>
  <si>
    <t>Колляков Анатолий Юрьевич          https://vk.com/public220791394
тел: 8-911-053-4154</t>
  </si>
  <si>
    <t xml:space="preserve">Палаточный городок "Крепость духа", п.Волдозеро, Поповпопрожское поселение, Сергежский рн.
</t>
  </si>
  <si>
    <t>Денисов Илья Александрович     https://vk.com/club213804337,                          тел: 8-911-660-66-46</t>
  </si>
  <si>
    <t xml:space="preserve">Туристический комплекс в д.Юркиннаволок, Поповпорожское поселение,    </t>
  </si>
  <si>
    <t>Хостел "JARVI", г. Сегежа, ул. Лесная, д.3А,</t>
  </si>
  <si>
    <t>Отель Cosmos Segezha  г. Сегежа, ул. Береговая, д. 1</t>
  </si>
  <si>
    <t xml:space="preserve"> Гостиница «РОСТО» г. Сегежа, ул. Лесная, д. 9</t>
  </si>
  <si>
    <t>Дополнительные виды деятельности:  55.10 Деятельность гостиниц и прочих мест для временного проживания;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si>
  <si>
    <t>отель "Топаз Кола" Сегежский рн., трасса "Кола"</t>
  </si>
  <si>
    <t xml:space="preserve"> Отель «Дворянское гнездо»  г. Сегежа, ул. Ленина, д.3</t>
  </si>
  <si>
    <t>база отдыха "Ветреный пояс", с. Хижозеро, Сегежский рн., Валдайское поселение</t>
  </si>
  <si>
    <t>ООО"Сервис-инвест" Лаврушов Александр Сергеевич       тел:8981-4050999  почта: ywiwa@yandex.ru                      тел: 960-212-01-21(для бронирования номеров)</t>
  </si>
  <si>
    <t>Гостиница "Выг" г. Сегежа, ул. Гражданская, д. 6</t>
  </si>
  <si>
    <t xml:space="preserve">ГАОУ СПО РК «Северный колледж» тел:921-524-95-95 Оксана администратор  </t>
  </si>
  <si>
    <t xml:space="preserve"> Гостиница "Лицей» 
 г. Сегежа, ул. Спиридонова, д.27</t>
  </si>
  <si>
    <t>Кундозеров Степан Владимирович        Тел. +7-953-531-69-65, 921-459-93-37
Эл. Адрес:   kyndozerov_stepan@mail.ru,</t>
  </si>
  <si>
    <t xml:space="preserve">Гостевой дом "Перекат", п.Попов Порог ул.Старый поселок
perekat-dom@yandex.ru </t>
  </si>
  <si>
    <t xml:space="preserve">Головачев Андрей Валерьевич          тел:+7 9308710071 
andrey.rzn86@yandex.ru
</t>
  </si>
  <si>
    <t xml:space="preserve">Андрей Сегежа-Парк
п. Попов Порог, ул. Старый поселок.                     "Сегежа-Парк"  сайт https://segezha-park.ru/contact/
</t>
  </si>
  <si>
    <t>Каменский Николай Владимирович</t>
  </si>
  <si>
    <t>Отель "Сампо" Сегежа, Советская улица, 18А 
+7-911-418-1010 (Арина Юрьевна Владимирова)-заместитель
эл.адрес: sampo211022@mail.ru</t>
  </si>
  <si>
    <t>Преминина  Елена Владимировна            тел: 8-921-220-07-94</t>
  </si>
  <si>
    <t>Гостиничный комплекс «Сегежа» г. Сегежа, ул. Лесокультурная, д.4</t>
  </si>
  <si>
    <t>гостевой дом СНТ"Сенгуба" Валдайское сельское поселение, Сегежский рн., Республика Карелия</t>
  </si>
  <si>
    <t>Сергеев Николай Леонидович     Тел:921 015-05-24 (Николай)                      +7 (921) 520-86-61 (доб. Ольга )</t>
  </si>
  <si>
    <t>Турбаза "На Сегозеро", Сегежский р-н, п. Попов Порог, Коммунистическая ул.          https://www.nasegozero.ru/</t>
  </si>
  <si>
    <t>Матвеев Александр Викторович              тел: 921-227-86-14</t>
  </si>
  <si>
    <t>Гостевой дом  п. Полга, ул. Подгорная, 23Сегежский рн., Валдайское поселение</t>
  </si>
  <si>
    <t xml:space="preserve">Гостевой дом п. Порог Порог (примерное расположение по ул. Старый поселок) https://vk.com/id395625276 https://karelian-fishing.ru/ </t>
  </si>
  <si>
    <t xml:space="preserve">Гостевой дом "Кочкома", Идельское поселение, п. Кочкома, ул. Набережная, д. 14
тел. +7 (921) 526-26-83
</t>
  </si>
  <si>
    <t xml:space="preserve">гостевой дом, Идельское поселение, Сегежский рн.,СНТ "Каменка", </t>
  </si>
  <si>
    <t xml:space="preserve">  Левичев Игорь Иванович</t>
  </si>
  <si>
    <t xml:space="preserve">гостевой дом  Сегежский район, п. Попов Порог.ул. Коммунистическая, 1      911-411-20-57 </t>
  </si>
  <si>
    <t xml:space="preserve">Легализация туристических объектов в Сегежском муниципальном районе </t>
  </si>
  <si>
    <t>Семенова Светлана Венедиктовна</t>
  </si>
  <si>
    <t>Гостевой дом "Островок", г. Кемь, пос. Рабочесотвровск, ул. Комсомольская, д. 52 А</t>
  </si>
  <si>
    <t>Земли населенных пунктов 10:02:0090107:63</t>
  </si>
  <si>
    <t>Дополнительный вид деятельности:68.20 Аренда и управление собственным или арендованным жилым недвижимым имуществом</t>
  </si>
  <si>
    <t>100200523498</t>
  </si>
  <si>
    <t>Колчин Виталий Алексеевич</t>
  </si>
  <si>
    <t>Дом, Кемский р-н п.Рабочеостровск, ул.Советская, д.22</t>
  </si>
  <si>
    <t>сдает отчетность по форме 3 НДФЛ</t>
  </si>
  <si>
    <t>100200767590</t>
  </si>
  <si>
    <t>Лебедева Татьяна Владиславовна</t>
  </si>
  <si>
    <t>Гостевой дом на машинистов,21А 10:02:0080120:39 г.Кемь, ул.Машинистов,21А</t>
  </si>
  <si>
    <t>100200001646</t>
  </si>
  <si>
    <t>Павлов Александр Владимирович</t>
  </si>
  <si>
    <t>Квартира,  Кемский район, г Кемь, Ленина ул,23а (42 кв.м.)</t>
  </si>
  <si>
    <t>100200285081</t>
  </si>
  <si>
    <t>Васильева Наталья Алексеевна</t>
  </si>
  <si>
    <t>Квартира,  Кемский район, Кемь,  , пр-кт Пролетарский, 50 (34кв.м.)</t>
  </si>
  <si>
    <t>Дополнительный вид деятельности: 55.90 Деятельность по предоставлению
прочих мест для временного проживания</t>
  </si>
  <si>
    <t xml:space="preserve"> 100201052940</t>
  </si>
  <si>
    <t>Фотина Наталья Владимировна</t>
  </si>
  <si>
    <t xml:space="preserve">Гостиница, Кемский м.р-н.,Рабочеостровск п, ,Вокзальная ул,,д. 5, , ,кв 2, </t>
  </si>
  <si>
    <t>100202514643</t>
  </si>
  <si>
    <t xml:space="preserve">Тирронен Людмила Андреевна  </t>
  </si>
  <si>
    <t>Аренда квартиры, г. Кемь, ул. Энергетиков, д. 9, кв.13 79814035141</t>
  </si>
  <si>
    <t>Аренда дома, г. Кемь, ул. Ленина, д.23А (33 кв.м.)  79814035141</t>
  </si>
  <si>
    <t>Земли поселений 10:02:0080626:55     Для строительства индивидуального жилого дома</t>
  </si>
  <si>
    <t>13.03.2022</t>
  </si>
  <si>
    <t>100201188186</t>
  </si>
  <si>
    <t>Ладикайнен Николай Николаевич</t>
  </si>
  <si>
    <t>Гостевой дом "Белый берег", г. Кемь, ул. Сенная, д. 20А</t>
  </si>
  <si>
    <t>Земли поселений 10:02:0090106:308 базы отдыха; гостиницы; дома отдыха; кемпинги; места парковки для легковых автомобилей на земельном участке</t>
  </si>
  <si>
    <t>55.10, 55.20, 55.30, 55.90</t>
  </si>
  <si>
    <t>10.09.2013</t>
  </si>
  <si>
    <t>100604285023</t>
  </si>
  <si>
    <t>Дроздюк Александр Александрович</t>
  </si>
  <si>
    <t>26.04.2022</t>
  </si>
  <si>
    <t>1000000789</t>
  </si>
  <si>
    <t>ООО "Кемпинг Северная Карелия"</t>
  </si>
  <si>
    <t>Необходима активизация работы по передаче в собственность участка субарендатору. Изменение вида использования функциональной зоны не представляется возможным без волеизъявления собственника. (в настоящее время договор субаренды земельного участка с ОАО РЖД (договор аренды между ОАО РЖД и Министерством имущества), проводится работа с АО Корпорация развития Республики Карелия)</t>
  </si>
  <si>
    <t>10:02:0080131:6</t>
  </si>
  <si>
    <t>Общество с ограниченной ответственностью «Элит Профи»</t>
  </si>
  <si>
    <t>Земли населённых пунктов 10:02:0080307:10/ для многоэтажной застройки по документу: под общежитие Земли населенных пунктов Собственность публично-правовых образований</t>
  </si>
  <si>
    <t xml:space="preserve"> 1001232341</t>
  </si>
  <si>
    <t>Общество с ограниченной ответственностью «НСТ-Инвест»</t>
  </si>
  <si>
    <t>Земли населённых пунктов 10:02:0080402:1/ для общего пользования (уличная сеть)  по документу: под гостиницу и ресторан собственность</t>
  </si>
  <si>
    <t>1002000343</t>
  </si>
  <si>
    <t>Общество с ограниченной ответственностью «Айста»</t>
  </si>
  <si>
    <t>Туркомплекс "КУЗОВА"  186610, Республика Карелия, г. Кемь, ул. Фрунзе, д. 1 Тел/факс офиса: 8 (81458) 7-22-59 e-mail: info@kuzovahotel.ru,  aistaa@gmail.com</t>
  </si>
  <si>
    <t>61+106 койкомест без учета коттеджа № 8</t>
  </si>
  <si>
    <t>Земли населённых пунктов 10:02:0090100:3/ для размещения и эксплуатации зданий и сооружений под туристический комплекс</t>
  </si>
  <si>
    <t>1002001876</t>
  </si>
  <si>
    <t>Общество с ограниченной ответственностью «Причал»</t>
  </si>
  <si>
    <t>Земли населённых пунктов 10:02:0080127:6/ под строительство гостиничного комплекса аренда</t>
  </si>
  <si>
    <t>774333298049</t>
  </si>
  <si>
    <t xml:space="preserve">Андреев Александр Евгеньевич  </t>
  </si>
  <si>
    <t>проблемы с оформлением</t>
  </si>
  <si>
    <t xml:space="preserve">55.90 Деятельность по предоставлению прочих мест для временного проживания </t>
  </si>
  <si>
    <t>100201789444</t>
  </si>
  <si>
    <t>Каллиева Анна Игоревна</t>
  </si>
  <si>
    <t>Гостевой дом "У Анны", п. Рабочеостровск, ул. Советская, д. 17</t>
  </si>
  <si>
    <t>Земли населённых пунктов 10:02:0080630:2/ для ведения личного подсобного хозяйства по документу: личное подсобное хозяйство собственность</t>
  </si>
  <si>
    <t>100201951390</t>
  </si>
  <si>
    <t>Сиваков Григорий Ильич</t>
  </si>
  <si>
    <t>Гостевой дом «Кемский берег»   186610 Карелия, г. Кемь, ул. Набережная, д. 12</t>
  </si>
  <si>
    <t>Земли населённых пунктов 10:02:0080618:203 Для индивидуальной жилой застройки</t>
  </si>
  <si>
    <t xml:space="preserve"> 11.06.2020 </t>
  </si>
  <si>
    <t>100200887618</t>
  </si>
  <si>
    <t xml:space="preserve">Федоров Олег Юрьевич </t>
  </si>
  <si>
    <t>Гостевой дом  186610, Республика Карелия, г. Кемь, ул. Свободы, д. 17а kbkbz29111965@mail.ru</t>
  </si>
  <si>
    <t>100200532541</t>
  </si>
  <si>
    <t>Кузнецова Екатерина Александровна</t>
  </si>
  <si>
    <t>Гостевой дом "Комната"  Кемский район, п.Рабочеостровский, пер.Юбилейный,1-2</t>
  </si>
  <si>
    <t>Земли населённых пунктов 10:02:0090107:191/ Для индивидуальной жилой застройки  по документу: Для строительства индивидуального жилого дома</t>
  </si>
  <si>
    <t xml:space="preserve"> 03.07.2020 </t>
  </si>
  <si>
    <t>100201281403</t>
  </si>
  <si>
    <t>Попцова Светлана Владиленовна</t>
  </si>
  <si>
    <t>Гостевой дом «У Белого Моря»  Республика Карелия, Кемский район, п. Рабочеостровск, ул. Советская д. 23</t>
  </si>
  <si>
    <t>Земли населённых пунктов 10:02:0080114:13/ под индивидуальный жилой дом с мансардой частная собственность</t>
  </si>
  <si>
    <t>100201782600</t>
  </si>
  <si>
    <t>Скорлупина Юлия Юрьевна</t>
  </si>
  <si>
    <t>Апартаменты «Октябрьская 21»  Республика Карелия, Кемский район, г. Кемь, ул. Октябрьская, д. 21</t>
  </si>
  <si>
    <t>Кемский муниципальный район</t>
  </si>
  <si>
    <t>Легализация туристических объектов в Кемском муниципальном районе</t>
  </si>
  <si>
    <t>10:14:0081203:28 - для обслуживания существующей базы отдыха</t>
  </si>
  <si>
    <t>объект на реконструкции</t>
  </si>
  <si>
    <t>Дополнительный виды деятельности: 55.10, 55.20, 55.30, 55.90</t>
  </si>
  <si>
    <t xml:space="preserve"> 30.03.2022</t>
  </si>
  <si>
    <t>1000000066</t>
  </si>
  <si>
    <t>ООО "Талисман Карелии"</t>
  </si>
  <si>
    <t xml:space="preserve">Экоглемпинг "Обжанка", Олонецкий район, урочище "Устье Обжанки", 
</t>
  </si>
  <si>
    <t>Планируются к открытию</t>
  </si>
  <si>
    <t>https://www.avito.ru/olonets/doma_dachi_kottedzhi/dom_130_m_na_uchastke_38_sot._1112343177?guestsDetailed=%7B%22version%22%3A1%2C%22totalCount%22%3A2%2C%22adultsCount%22%3A2%2C%22children%22%3A%5B%5D%7D</t>
  </si>
  <si>
    <t>информация уточняется</t>
  </si>
  <si>
    <t>Деятельность по предоставлению прочих мест для временного проживания</t>
  </si>
  <si>
    <t>нет информации</t>
  </si>
  <si>
    <t>нет данных</t>
  </si>
  <si>
    <t>Дом в д. Коткозеро</t>
  </si>
  <si>
    <t>https://www.avito.ru/olonets/doma_dachi_kottedzhi/dom_70_m_na_uchastke_30_sot._4201439257?guestsDetailed=%7B%22version%22%3A1%2C%22totalCount%22%3A2%2C%22adultsCount%22%3A2%2C%22children%22%3A%5B%5D%7D</t>
  </si>
  <si>
    <t>Дом в д. Сельга, д.5</t>
  </si>
  <si>
    <t>Дом в д. Тукса, ул. Центральная д.1</t>
  </si>
  <si>
    <t>https://www.avito.ru/olonets/doma_dachi_kottedzhi/kottedzh_24_m_na_uchastke_35_sot._4275323817?guestsDetailed=%7B%22version%22%3A1%2C%22totalCount%22%3A2%2C%22adultsCount%22%3A2%2C%22children%22%3A%5B%5D%7D</t>
  </si>
  <si>
    <t>https://www.avito.ru/olonets/doma_dachi_kottedzhi/dom_36_m_na_uchastke_75_sot._4347205619?guestsDetailed=%7B%22version%22%3A1%2C%22totalCount%22%3A2%2C%22adultsCount%22%3A2%2C%22children%22%3A%5B%5D%7D</t>
  </si>
  <si>
    <t>Дом в д. Мегрега, ул. Брендоева, д. 6</t>
  </si>
  <si>
    <t>https://www.avito.ru/olonets/doma_dachi_kottedzhi/dom_100_m_na_uchastke_35_sot._1957640039</t>
  </si>
  <si>
    <t>Дом в д. Тукса, ул. Садовая, д. 9</t>
  </si>
  <si>
    <t>https://www.avito.ru/olonets/doma_dachi_kottedzhi/dom_120_m_na_uchastke_75_sot._4205965972?guestsDetailed=%7B%22version%22%3A1%2C%22totalCount%22%3A2%2C%22adultsCount%22%3A2%2C%22children%22%3A%5B%5D%7D</t>
  </si>
  <si>
    <t>Григорьева Светлана Михайловна</t>
  </si>
  <si>
    <t>Дом в д. Лемозеро 4</t>
  </si>
  <si>
    <t>https://www.avito.ru/olonets/doma_dachi_kottedzhi/dom_40_m_na_uchastke_14_sot._4070757547?guestsDetailed=%7B%22version%22%3A1%2C%22totalCount%22%3A2%2C%22adultsCount%22%3A2%2C%22children%22%3A%5B%5D%7D</t>
  </si>
  <si>
    <t>Дубинина Светлана Сергеевна</t>
  </si>
  <si>
    <t>Дом в д. Коткозеро, ул. Виллальская 27</t>
  </si>
  <si>
    <t>https://www.avito.ru/olonets/doma_dachi_kottedzhi/dom_90_m_na_uchastke_15_sot._4189515082?guestsDetailed=%7B%22version%22%3A1%2C%22totalCount%22%3A2%2C%22adultsCount%22%3A2%2C%22children%22%3A%5B%5D%7D</t>
  </si>
  <si>
    <t>Дом в  д. Судалица д. 99</t>
  </si>
  <si>
    <t>https://www.avito.ru/olonets/doma_dachi_kottedzhi/dom_60_m_na_uchastke_10_sot._3081535957?guestsDetailed=%7B%22version%22%3A1%2C%22totalCount%22%3A2%2C%22adultsCount%22%3A2%2C%22children%22%3A%5B%5D%7D</t>
  </si>
  <si>
    <t>"Карельский уют", д. Путилица, ул. Урожайная, д.9</t>
  </si>
  <si>
    <t>https://www.avito.ru/olonets/doma_dachi_kottedzhi/dom_54_m_na_uchastke_15_sot._3991331040?guestsDetailed=%7B%22version%22%3A1%2C%22totalCount%22%3A2%2C%22adultsCount%22%3A2%2C%22children%22%3A%5B%5D%7D</t>
  </si>
  <si>
    <t>Сухарев Вадим Николаевич</t>
  </si>
  <si>
    <t>Дом в д. Капшойла 42</t>
  </si>
  <si>
    <t>https://www.avito.ru/olonets/doma_dachi_kottedzhi/dom_110_m_na_uchastke_30_sot._1310677574?guestsDetailed=%7B%22version%22%3A1%2C%22totalCount%22%3A2%2C%22adultsCount%22%3A2%2C%22children%22%3A%5B%5D%7D</t>
  </si>
  <si>
    <t>Дом в д. Верховье 119</t>
  </si>
  <si>
    <t>https://www.avito.ru/olonets/doma_dachi_kottedzhi/dom_48_m_na_uchastke_10_sot._2953176531?guestsDetailed=%7B%22version%22%3A1%2C%22totalCount%22%3A2%2C%22adultsCount%22%3A2%2C%22children%22%3A%5B%5D%7D</t>
  </si>
  <si>
    <t>Порфирьева Галина Ивановна</t>
  </si>
  <si>
    <t>https://www.avito.ru/olonets/doma_dachi_kottedzhi/dom_120m_na_uchastke_15sot._2568417097?utm_campaign=native&amp;utm_medium=item_page_ios&amp;utm_source=soc_sharing</t>
  </si>
  <si>
    <t>100117627766</t>
  </si>
  <si>
    <t>Арефьев Анатолий Николаевич</t>
  </si>
  <si>
    <t>комплекс гостевых домов "Тукса", РК, Олонецкий район, д. Тукса, улица Центральная, дом 1Б</t>
  </si>
  <si>
    <t>сельское хозяйство              нет оквэда позволяющего вести деятельность</t>
  </si>
  <si>
    <t>101400662941</t>
  </si>
  <si>
    <t>Иванов Андрей Владимирович</t>
  </si>
  <si>
    <t>ИП КФХ</t>
  </si>
  <si>
    <t>гостевой дом-баня, РК, Олонецкий район, д. Иммалицы, 49В</t>
  </si>
  <si>
    <t>страница в ВК: https://vk.com/immal21     АВИТО: https://www.avito.ru/olonets/doma_dachi_kottedzhi/dom_36m_na_uchastke_20sot._2586327681?utm_campaign=native&amp;utm_medium=item_page_ios&amp;utm_source=soc_sharing&amp;guests=2</t>
  </si>
  <si>
    <t>предоставаление  мест для временного проживания</t>
  </si>
  <si>
    <t>519100393496</t>
  </si>
  <si>
    <t>Барабанов Андрей Константинович</t>
  </si>
  <si>
    <t>база отдыха "Андреевские бани", РК, Олонецкий район, д. Иммалицы, дом 21</t>
  </si>
  <si>
    <t>https://www.avito.ru/olonets/doma_dachi_kottedzhi/kottedzh_180_m_na_uchastke_50_sot._2374801411?guestsDetailed=%7B%22version%22%3A1%2C%22totalCount%22%3A2%2C%22adultsCount%22%3A2%2C%22children%22%3A%5B%5D%7D</t>
  </si>
  <si>
    <t>Белой Виктория Анатольевна</t>
  </si>
  <si>
    <t>гостевой дом "Линтула", Олонецкий район, д. Коткозеро, улица Солнечная, дом № 4</t>
  </si>
  <si>
    <t>https://vk.com/club222818251</t>
  </si>
  <si>
    <t>нет оквэда позволяющего предоставлять данные услуги</t>
  </si>
  <si>
    <t>Кузнецова Елена Ивановна</t>
  </si>
  <si>
    <t>Гостевой дом "Вереск" , РК, Олонецкий район, д. Устье Тулоксы, улица Набережная, д. б/н</t>
  </si>
  <si>
    <t>https://vk.com/foxsplacekarelia https://www.avito.ru/kareliya_ilinskiy/doma_dachi_kottedzhi/dom_65_m_na_uchastke_15_sot._2365000127</t>
  </si>
  <si>
    <t>Гостевой дом "Лисье местечко", Олонецкий район, д. Устье Тулоксы</t>
  </si>
  <si>
    <t>https://onrealt.ru/poselok-uste-vidlitcy/snyat-dom-posutochno/45118160</t>
  </si>
  <si>
    <t>Ардатова Елена Владимировна</t>
  </si>
  <si>
    <t>Гостевой дом, РК, Олонецкий район, д. Устье-Видлицы, улица Песочная, д. 6А</t>
  </si>
  <si>
    <t>https://www.avito.ru/kareliya_ilinskiy/doma_dachi_kottedzhi/dom_70m_na_uchastke_15sot._2807746923</t>
  </si>
  <si>
    <t>101401237072</t>
  </si>
  <si>
    <t>Никифорова Нина Петровна</t>
  </si>
  <si>
    <t>Гостевой дом, РК, Олонецкий район, д Устье-Видлицы, ул. Песочная, д. 2а</t>
  </si>
  <si>
    <t>https://vk.com/talokarelia,       https://www.avito.ru/kareliya_ilinskiy/doma_dachi_kottedzhi/dom_47m_na_uchastke_21sot._2664715047</t>
  </si>
  <si>
    <t>Гонюк Ирина Викторовна</t>
  </si>
  <si>
    <t>Гостевой дом в Карелии "Lämmin Talo" ("Ламмин Тало"), Олонецкий район, с.Нурмойла, д. Устье Олонки, https://vk.com/talokarelia, +7 (911) 431-82-84</t>
  </si>
  <si>
    <t>https://www.avito.ru/kareliya_ilinskiy/doma_dachi_kottedzhi/dom_110m_na_uchastke_6sot._2596952964</t>
  </si>
  <si>
    <t>Дата прекращения ИП 26.11.2019, на 24.10.2023 - не является НПД</t>
  </si>
  <si>
    <t>Корнилов Юрий Иванович</t>
  </si>
  <si>
    <t>Гостевой дом "Герпеля", Республика Карелия, Олонецкий р-н,  д. Герпеля, 17Г</t>
  </si>
  <si>
    <t>https://vk.com/arendadomanaladoge</t>
  </si>
  <si>
    <t>https://www.avito.ru/olonets/doma_dachi_kottedzhi/dom_80_m_na_uchastke_10_sot._2646826518?guestsDetailed=%7B%22version%22%3A1%2C%22totalCount%22%3A2%2C%22adultsCount%22%3A2%2C%22children%22%3A%5B%5D%7D</t>
  </si>
  <si>
    <t>Корнилов Александр Иванович</t>
  </si>
  <si>
    <t>Дом в д. Мегрега, ул. Минина, д. 7</t>
  </si>
  <si>
    <t>101401584679</t>
  </si>
  <si>
    <t>Григорьев Павел Александрович</t>
  </si>
  <si>
    <t>Олонецкий хутор, д. Верховье 86К-187, 4-й километр, лесной домик</t>
  </si>
  <si>
    <t>страница в ВК: https://vk.com/oiva_home</t>
  </si>
  <si>
    <t>100120970892</t>
  </si>
  <si>
    <t>Гостевой дом "Ойва", РК, Олонецкий район, д. Рыпушкалицы, д 113</t>
  </si>
  <si>
    <t>https://www.avito.ru/olonets/doma_dachi_kottedzhi/dom_38_m_na_uchastke_15_sot._3555457891?guestsDetailed=%7B%22version%22%3A1%2C%22totalCount%22%3A2%2C%22adultsCount%22%3A2%2C%22children%22%3A%5B%5D%7D</t>
  </si>
  <si>
    <t>Павлова Кристина Александровна</t>
  </si>
  <si>
    <t>Дом в д. Онькулица</t>
  </si>
  <si>
    <t>https://www.avito.ru/olonets/doma_dachi_kottedzhi/dom_150_m_na_uchastke_15_sot._3197174240?guestsDetailed=%7B%22version%22%3A1%2C%22totalCount%22%3A2%2C%22adultsCount%22%3A2%2C%22children%22%3A%5B%5D%7D</t>
  </si>
  <si>
    <t>Никитин Илья Анатольевич</t>
  </si>
  <si>
    <t>Дом в г. Олонец, пер. Строительный д.4</t>
  </si>
  <si>
    <t>https://vk.com/club107795017</t>
  </si>
  <si>
    <t>101400029746</t>
  </si>
  <si>
    <t>Шапкин Николай Иванович</t>
  </si>
  <si>
    <t>Гостевой дом "Герпеля"  Олонецкий район д. Герпеля, 23</t>
  </si>
  <si>
    <t>https://www.avito.ru/kareliya_ilinskiy/doma_dachi_kottedzhi/dom_40m_na_uchastke_20sot._2664833373?utm_campaign=native&amp;utm_medium=item_page_ios&amp;utm_source=soc_sharing&amp;guests=2</t>
  </si>
  <si>
    <t>Деятельность по предоставлению мест для краткосрочного проживания (55.20)</t>
  </si>
  <si>
    <t>Гилоева Ольга Михайловна</t>
  </si>
  <si>
    <t>загородный дом "Боровик", РК, Олонецкий район, с. Нурмойла, улица Песочная, дом 1</t>
  </si>
  <si>
    <t>https://www.avito.ru/kareliya_ilinskiy/doma_dachi_kottedzhi/dom_60_m_na_uchastke_7_sot._3944891728</t>
  </si>
  <si>
    <t>Гостевой дом "Green House", РК, Олонецкий район, с. Нурмойла, улица Песочная, дом 3</t>
  </si>
  <si>
    <t>Страница в ВК : https://vk.com/lisiybereg    на авито: https://www.avito.ru/kareliya_ilinskiy/doma_dachi_kottedzhi/dom_91m_na_uchastke_15sot._2732036285?guests=2</t>
  </si>
  <si>
    <t>101400346706</t>
  </si>
  <si>
    <t>Борисова Анна Федорова</t>
  </si>
  <si>
    <t>Гостевые дома "Лисий берег", РК, Олонецкий район, с. Видлица, улица Десанта, дом 43</t>
  </si>
  <si>
    <t>Лутина Ольга Леонидовна</t>
  </si>
  <si>
    <t>Комплекс гостевых домов "Вереск", РК, Олонецкий район, д. Сяндеба, д.53. (яндекс навигатор : 61.165115, 32.744607)</t>
  </si>
  <si>
    <t>http://baza-novinka.ru/,          https://vk.com/baza.novinka</t>
  </si>
  <si>
    <t xml:space="preserve"> Чмиль Игорь Валентинович</t>
  </si>
  <si>
    <t>Гостевой комплекс "Новинка",  Олонецкий район, д. Новинка</t>
  </si>
  <si>
    <t>https://tropki.ru/rossiya/kareliya/nurmoyla/0997922-uyutnyy-domik-nurmi-na-beregu</t>
  </si>
  <si>
    <t>780713782537</t>
  </si>
  <si>
    <t>Виницкая Людмила Сергеевна</t>
  </si>
  <si>
    <t>Гостевой дом "Нурми", Олонецкий район, п. Ильинский, СТ "Медик"</t>
  </si>
  <si>
    <t>Договор аренды на собсственность Захаровой Н.В. (матери)</t>
  </si>
  <si>
    <t>290129590165</t>
  </si>
  <si>
    <t>Захарова Наталья Николаевна</t>
  </si>
  <si>
    <t>https://vk.com/public217924302, https://www.avito.ru/kareliya_ilinskiy/doma_dachi_kottedzhi/dom_24m_na_uchastke_11sot._2701783896?guests=2</t>
  </si>
  <si>
    <t>Могилевская Надежда Михайловна</t>
  </si>
  <si>
    <t>https://www.avito.ru/kareliya_ilinskiy/doma_dachi_kottedzhi/dom_415m_na_uchastke_30sot._3316665420</t>
  </si>
  <si>
    <t>26.07.2023: номер дома еще не присвоен, 8 В - личный дом</t>
  </si>
  <si>
    <t>101402633738</t>
  </si>
  <si>
    <t>Фомин Артем Владимирович</t>
  </si>
  <si>
    <t>Гостевой дом, Олонецкий район, п. Ильинский, Старозаводская, 8В , 8-921-465-11-19</t>
  </si>
  <si>
    <t>https://vk.link/guesthousenurmoyla, https://vk.com/guesthousenurmoyla</t>
  </si>
  <si>
    <t>1001226411</t>
  </si>
  <si>
    <t>ООО "Компонент- Про"</t>
  </si>
  <si>
    <t>Гостевой комплекс "Нурмойла", Олонецкий район, с.Нурмойла, Песочная ул., 17 + 7 (911) 410-21-93</t>
  </si>
  <si>
    <t>https://www.karju-kala.ru/</t>
  </si>
  <si>
    <t>1014017207</t>
  </si>
  <si>
    <t>ООО "Гармония"</t>
  </si>
  <si>
    <t>https://vk.com/sosnovijdvor</t>
  </si>
  <si>
    <t>1014016877</t>
  </si>
  <si>
    <t>ООО «Сосновый двор»</t>
  </si>
  <si>
    <t>Гостевой дом «Сосновый двор», Олонецкий район д.Нурмойла, ул.Ладожская, д.20</t>
  </si>
  <si>
    <t>olonga@onego.ru</t>
  </si>
  <si>
    <t>1014004575</t>
  </si>
  <si>
    <t>ООО «Дружба»</t>
  </si>
  <si>
    <t>Визит-центр «Гусиные поля», Олонецкий район д.Алексала</t>
  </si>
  <si>
    <t>https://tochkanakarte.ru/vidlitsa</t>
  </si>
  <si>
    <t>1007027839</t>
  </si>
  <si>
    <t>ООО "Точка на карте Видлица"</t>
  </si>
  <si>
    <t>Отель "Точка на карте", Олонецкий район, с.Видлица, земельный участок №115</t>
  </si>
  <si>
    <t>https://vk.com/olonyahotel, https://olonya-hotel.ru/</t>
  </si>
  <si>
    <t>1014017119</t>
  </si>
  <si>
    <t xml:space="preserve">ООО "Олония-тур"   </t>
  </si>
  <si>
    <t>https://umostu.ru/</t>
  </si>
  <si>
    <t>55.1 Деятельность гостиниц и прочих мест для временного проживания</t>
  </si>
  <si>
    <t>1014009686</t>
  </si>
  <si>
    <t xml:space="preserve">ООО «Карельские каникулы»                  </t>
  </si>
  <si>
    <t>Коттеджный поселок Умосту, Олонецкий район д.Кукшегоры, д. 55</t>
  </si>
  <si>
    <t>https://vk.com/otel_uyt</t>
  </si>
  <si>
    <t>1014017140</t>
  </si>
  <si>
    <t>ООО Гостевой дом Уют</t>
  </si>
  <si>
    <t>https://vk.com/club15621290</t>
  </si>
  <si>
    <t xml:space="preserve">    25.08.2020</t>
  </si>
  <si>
    <t xml:space="preserve">101401106270    </t>
  </si>
  <si>
    <t xml:space="preserve">Калинин Сергей Евгеньевич          </t>
  </si>
  <si>
    <t>Гостевой дом «Ладожские просторы» Олонецкий район д.Сяндеба</t>
  </si>
  <si>
    <t>https://turbazy.ru/list/respublika_kareliya/tuloksa.html</t>
  </si>
  <si>
    <t>есть</t>
  </si>
  <si>
    <t xml:space="preserve">    25.08.2020 </t>
  </si>
  <si>
    <t xml:space="preserve">   20.04.2021</t>
  </si>
  <si>
    <t xml:space="preserve">101401287901  </t>
  </si>
  <si>
    <t xml:space="preserve">Фомин Александр Сергеевич               </t>
  </si>
  <si>
    <t>https://vk.com/club83161559</t>
  </si>
  <si>
    <t>Гостевой дом "Фоминых"  Олонецкий район, д.Устье Тулоксы, ул.Набережная 56</t>
  </si>
  <si>
    <t>opsa-karelia.ru</t>
  </si>
  <si>
    <t>Аренда дома</t>
  </si>
  <si>
    <t xml:space="preserve"> 07.04.2022 </t>
  </si>
  <si>
    <t xml:space="preserve">780111443495 </t>
  </si>
  <si>
    <t>Комплекс гостевых домов Opsa.Karelia, Олонецкий район с. Нурмойла, ул. Ладожская, 35, ,opsa-karelia.ru, тел. 8-911-081-17-68</t>
  </si>
  <si>
    <t xml:space="preserve">
https://www.karelia-otdyh.ru/karelia/oloneckij-rajon/baza-otdyha-semiozerie.html</t>
  </si>
  <si>
    <t>781420857600</t>
  </si>
  <si>
    <t>Позолотин Прохор Анатольевич</t>
  </si>
  <si>
    <t>Гостевой дом «Семиозерье»,  Олонецкий район д.Сяндеба</t>
  </si>
  <si>
    <t>https://vk.com/public202692637</t>
  </si>
  <si>
    <t>В ходе выезда 26.07.2023 пояснил, что либо присвоит доп.ОКВЭД, либо объект зарегистрирует супруга, планирует легализовать з/у</t>
  </si>
  <si>
    <t xml:space="preserve">55.20 Деятельность по предоставлению мест для краткосрочного проживания </t>
  </si>
  <si>
    <t>Гаврилова Анастасия Борисовна</t>
  </si>
  <si>
    <t>НП ПНД</t>
  </si>
  <si>
    <t>Коттедж "Nurmoila Fachwerk Vilas", Олонецкий район, с. Нурмойла, улица Школьная, дом № 2Б, 8-953-540-22-54, Анастасия Борисовна</t>
  </si>
  <si>
    <t>https://vk.com/lemijarvi</t>
  </si>
  <si>
    <t>55.20 Деятельность по предоставлению мест для краткосрочного проживания Дополнительный вид деятельности:  55.10 Деятельность гостиниц и прочих мест для временного проживания</t>
  </si>
  <si>
    <t>471303804400</t>
  </si>
  <si>
    <t>Галкина Ангелина Витальевна</t>
  </si>
  <si>
    <t>https://vk.com/kareliaconiferous</t>
  </si>
  <si>
    <t>101401778473</t>
  </si>
  <si>
    <t>Кононов Евгений Валерьевич</t>
  </si>
  <si>
    <t>Гостевой дом "Хвойный", Олонецкий район, д.Сяндеба</t>
  </si>
  <si>
    <t>https://mirturbaz.ru/russia/kareliya/shulka-baza-otdyha</t>
  </si>
  <si>
    <t>Дополнительный вид деятельности: 55.90 Деятельность по предоставлению прочих мест для временного проживания</t>
  </si>
  <si>
    <t>101401165090</t>
  </si>
  <si>
    <t>Чупуков Андрей Николаевич</t>
  </si>
  <si>
    <t>Гостевой дом "Шулка", Олонецкий район, урочище Шулка</t>
  </si>
  <si>
    <t xml:space="preserve"> 8-921-227-91-63, Сергей Александрович</t>
  </si>
  <si>
    <t>Планируют продавать данный объект и создавать другой объект по другому местонахождению</t>
  </si>
  <si>
    <t>101400070984</t>
  </si>
  <si>
    <t>Иванов Алексей Викторович</t>
  </si>
  <si>
    <t>туулос.рф</t>
  </si>
  <si>
    <t>Комплекс гостевых домов Дачи «Нордик»,  Олонецкий район п.Ильинский, ул.Старозаводская, 8-921-227-91-63, Сергей Александрович</t>
  </si>
  <si>
    <t>https://vk.com/public118104068</t>
  </si>
  <si>
    <t xml:space="preserve"> Иванов Алексей Викторович </t>
  </si>
  <si>
    <t>https://villavitele.ru/hotel/</t>
  </si>
  <si>
    <t>68.20 Аренда и управление собственным или арендованным недвижимым имуществом</t>
  </si>
  <si>
    <t> 26.03.2015</t>
  </si>
  <si>
    <t>101401686737</t>
  </si>
  <si>
    <t>Полушкин Юрий Васильевич</t>
  </si>
  <si>
    <t>Гостевой дом Полушкины, Олонецкий район п. Ильинский, ул. Леселидзе, 61</t>
  </si>
  <si>
    <t>Присвоена категория: "три звезды"
№ свидетельства 10/АА-063/146-2023
Срок действия свидетельства до 29 окт. 2026 г</t>
  </si>
  <si>
    <t xml:space="preserve">100117205500 </t>
  </si>
  <si>
    <t xml:space="preserve">Отель "Villa Vitele"  Олонецкий район п.Устье Видлицы ул. Рыбацкая, д. 3а </t>
  </si>
  <si>
    <t>https://vk.com/public183216741</t>
  </si>
  <si>
    <t xml:space="preserve"> Богданов Владимир Николаевич</t>
  </si>
  <si>
    <t xml:space="preserve">База отдыха "Лучшие острова", Олонецкий район, д. Сяндеба </t>
  </si>
  <si>
    <t>101400094400</t>
  </si>
  <si>
    <t>Богданов Владимир Николаевич</t>
  </si>
  <si>
    <t>Гостевой комплекс "Нурмолицы" Олонецкий район д.Нурмолицы, д.51</t>
  </si>
  <si>
    <t>https://sepankodi.ru/</t>
  </si>
  <si>
    <t xml:space="preserve">Деятельность по предоставлению прочих мест для временного проживания </t>
  </si>
  <si>
    <t>101400712092</t>
  </si>
  <si>
    <t>Кузнецова Вероника Владимировна</t>
  </si>
  <si>
    <t>НПД</t>
  </si>
  <si>
    <t>https://sutochno.ru/front/searchapp/detail/954493</t>
  </si>
  <si>
    <t>100122384847</t>
  </si>
  <si>
    <t xml:space="preserve">Калецова Анна Васильевна </t>
  </si>
  <si>
    <t>гостевой дом "Wood House", Олонецкий рн, п. Ильинский, ул.Сосновый Бор, д. 1 б, 8-921-014-88-80</t>
  </si>
  <si>
    <t>https://sutochno.ru/front/searchapp/detail/954639</t>
  </si>
  <si>
    <t>гостевой дом "Сосновый Бор" Олонецкий рн, п. Ильинский, ул.Сосновый Бор, д. 1 б, 8-921-014-88-80</t>
  </si>
  <si>
    <t>https://tvil.ru/city/olonets/houses/1010812/</t>
  </si>
  <si>
    <t>гостевой дом "In Forest" Олонецкий рн, дер.Нурмойла, Ладожская ул., д. 65, 8-921-014-88-80</t>
  </si>
  <si>
    <t>100101186259</t>
  </si>
  <si>
    <t xml:space="preserve"> Тергуев Михаил Юрьевич</t>
  </si>
  <si>
    <t xml:space="preserve">база отдыха "Лесное озеро" Олонецкий рн, дер.Вагвозеро </t>
  </si>
  <si>
    <t>http://hostelbrusnichka.ru/</t>
  </si>
  <si>
    <t xml:space="preserve">Помещения в 5-ти этажном общежитии
Земли населенных пунктов
Вид разрешенного использования: для многоэтажной застройки
10:14:0010306:6, частная собственность
</t>
  </si>
  <si>
    <t>Присвоена категория: "без звёзд"
№ свидетельства 77/АА-139-2021/777-2023
Срок действия свидетельства до 11 авг. 2026 г</t>
  </si>
  <si>
    <t>101400482635</t>
  </si>
  <si>
    <t>Федулина Екатерина Александровна</t>
  </si>
  <si>
    <t>Олонецкий национальный муниципальный район</t>
  </si>
  <si>
    <t>сайт, объявление</t>
  </si>
  <si>
    <t xml:space="preserve">Легализация туристических объектов в Олонецком национальном муниципальном районе </t>
  </si>
  <si>
    <t xml:space="preserve">ИТОГО </t>
  </si>
  <si>
    <t>4</t>
  </si>
  <si>
    <t>2</t>
  </si>
  <si>
    <t xml:space="preserve">10.06.2024 </t>
  </si>
  <si>
    <t>Планируют открытие</t>
  </si>
  <si>
    <t>Легализованы как самозанятые (после проверки)</t>
  </si>
  <si>
    <t>Легально осуществляли деятельность</t>
  </si>
  <si>
    <t xml:space="preserve">Проверено </t>
  </si>
  <si>
    <t xml:space="preserve">Выездная проверка </t>
  </si>
  <si>
    <t>Поддержку не получала</t>
  </si>
  <si>
    <t>Земли населенных пунктов 10:05:0060119:35, ИЖС</t>
  </si>
  <si>
    <t>1</t>
  </si>
  <si>
    <t>26.10.2020 с 23.06.2023г. Не самозанятая</t>
  </si>
  <si>
    <t>780107289762</t>
  </si>
  <si>
    <t>Гостевой дом       "Салми", п.Салми, ул. Красная Заря, д.17</t>
  </si>
  <si>
    <t>Поддержку не получал</t>
  </si>
  <si>
    <t>Земли населенных пунктов ЛПХ 10:05:0060103:28, собственность</t>
  </si>
  <si>
    <t>Дом не сдает делает ремонт  откроет в 2025 году</t>
  </si>
  <si>
    <t>05.04.2022 с 31.05.2024г. Не самозанятый</t>
  </si>
  <si>
    <t>100500271883</t>
  </si>
  <si>
    <t>Горбачев Андрей Валентинович                 +79214690817</t>
  </si>
  <si>
    <t xml:space="preserve">Гостевой дом                              п. Салми,  ул. Коверское шоссе, д. 3, </t>
  </si>
  <si>
    <t>В ходе проверки 27.06.2024, выяснилось, построены 2 гостевых домика, без внутренней отделки</t>
  </si>
  <si>
    <t>ЛПХ</t>
  </si>
  <si>
    <t>Доп. ОКВЭД планирует открыть после введения в эксплуатацию гостевые дома</t>
  </si>
  <si>
    <t>100502890247</t>
  </si>
  <si>
    <t>Палечков Олег Васильевич</t>
  </si>
  <si>
    <t>д. Ляппесилта                   Гестевые домики</t>
  </si>
  <si>
    <t xml:space="preserve">В ходе проверки 10.06.2024 выяснилось, гостевой дом недостроен . Деятельность не осуществляют </t>
  </si>
  <si>
    <t>ИЖС</t>
  </si>
  <si>
    <t xml:space="preserve"> Соц. контракт не получили</t>
  </si>
  <si>
    <t>Селивановы                   8-931-702-48-32</t>
  </si>
  <si>
    <t xml:space="preserve">п. Салми, ул.Заславского, д. 2,            100 кв.м, </t>
  </si>
  <si>
    <t xml:space="preserve">В ходе проверки 10.06.2024, один домик достроен без внутренней отделки, второй дом достваивают    1 баня </t>
  </si>
  <si>
    <t>собственник сын Горбенко Василий Васильевич                   Оформляют второй участок. Первый участок оформлен.</t>
  </si>
  <si>
    <t>Открытие планируетсв 3 кв. 2024 года</t>
  </si>
  <si>
    <t xml:space="preserve">1 </t>
  </si>
  <si>
    <t>100502743002</t>
  </si>
  <si>
    <t>Дьяченко Елена Юрьевна                           8-999-305-78-98</t>
  </si>
  <si>
    <t>Гостевые дома, п. Салми, ул.Красная Заря д.10/1                                       8-911-415-83-85</t>
  </si>
  <si>
    <t>объект не готов, субсидия Управления по туризму РК 2022 г.</t>
  </si>
  <si>
    <t>Питкярантский район, Питкярантское лесничество, Питкярантское участковое лесничество, кв.101,112</t>
  </si>
  <si>
    <t>ООО «Стелла"</t>
  </si>
  <si>
    <t>Создание модульного глемпинга</t>
  </si>
  <si>
    <t>11</t>
  </si>
  <si>
    <t>Мельникова Ирина Васильевна                             8-921-456-88-46</t>
  </si>
  <si>
    <t>Гостевой дом                      д. Янис, ул. Молодежная, д. 4</t>
  </si>
  <si>
    <t>Отказалась предоставлять справку о самозанятости</t>
  </si>
  <si>
    <t>Екатерина                        8-921-397-78-51            не отвечает</t>
  </si>
  <si>
    <t>Гостевой дом Питкярантский район,    п. Ляскеля</t>
  </si>
  <si>
    <t>в ходе проверки 13.07.2023 сообщила, что дом сдает, ежегодно сдает отчетность 3-НДФЛ, держим на контроле по итогам представленной декларации</t>
  </si>
  <si>
    <t>Земли населенных пунктов ЛПХ 10:05:0060203:10, собственность</t>
  </si>
  <si>
    <t>Новак Галина Альбертовна самозанятая</t>
  </si>
  <si>
    <t>Гостевой дом  п. Салми, д.Мийнала, ул. Гвардейская,  д. 39</t>
  </si>
  <si>
    <t xml:space="preserve">выявленные Администрацией ПМР </t>
  </si>
  <si>
    <t xml:space="preserve">10:05:0030113:30
Категория земель: Земли поселений (земли населенных пунктов)
под объекты бумажного завода и территорию для его обслуживания </t>
  </si>
  <si>
    <t>https://www.booking.com/hotel/ru/domik-na-sadovoi-liaskelia.ru.html?aid=304142;label</t>
  </si>
  <si>
    <t>Домик на Садовой, п. Ляскеля, ул. Садовая, б/н</t>
  </si>
  <si>
    <t>Земли населенных пунктов ИЖС 10:05:0060609:79, функциональная зона: индивидуальной жилой застройки, территориальная зона (Ж-1) - зона застройки индивидуальными жилыми домами изменение не возможны в связи с  не соответствием с градостроительным кодексом</t>
  </si>
  <si>
    <t>http://turbaza.spb.ru/rent-cottages/1024/</t>
  </si>
  <si>
    <t>Стороженко Борис Петрович +79212220787 ,  +79535346132</t>
  </si>
  <si>
    <t>База отдыха "Подворье", (д.Ууксу, ул.Совхозная, д.73)</t>
  </si>
  <si>
    <t>Земли сельскохозяйственного назначения 10:10:0160213:15 и 10:10:0160213:16, (по ПКК). По генплану - в границах населенного пункта. функциональная зона: индивидуальная жилая застройка, территориальная зона (Ж-1) - зона  индивидуальной жилой застройки, изменение не возможны в связи с  не соответствием с градостроительным кодексом</t>
  </si>
  <si>
    <t>https://mantiansaari.business.site/</t>
  </si>
  <si>
    <t>Губарев Алексей Юрьевич,                           + 7 921 960 67 65                  8 (921) 333-65-03</t>
  </si>
  <si>
    <t>База отдыха (коттеджи) «Мантиансаари» на о.Лункулансаари, о.Лункулансаари Урочище Пелле</t>
  </si>
  <si>
    <t>нет 16.06..2023. Проверка объекта</t>
  </si>
  <si>
    <t>Нет информации</t>
  </si>
  <si>
    <t>квартира</t>
  </si>
  <si>
    <t>Аппартаменты у Михалыча                            п. Импилахти  ул. Школьная, д. 7, кв. 9</t>
  </si>
  <si>
    <t>Проверка объекта 12.09.2024 года</t>
  </si>
  <si>
    <t>2024 год</t>
  </si>
  <si>
    <t>100500073433</t>
  </si>
  <si>
    <t>Чукова Ирина Федоровна                      8-921-465-83-28</t>
  </si>
  <si>
    <t>"Хутор на Зеленой"              д. Рауталахти, ул. Зеленая, д. 2</t>
  </si>
  <si>
    <t>Проверка объекта 27.06.2024 года</t>
  </si>
  <si>
    <t xml:space="preserve">Земли населенных пунктов ИЖС 10:05:0030204:28                 Ирина Калашник адм                                     +7 (931) 303-09-69                                         +7 (921) 860-47-68     </t>
  </si>
  <si>
    <t>2023 год</t>
  </si>
  <si>
    <t>8</t>
  </si>
  <si>
    <t>68.20 Аренда и управление собственным
или арендованным недвижимым имуществом                                 55.20 Деятельность по предоставлению
мест для краткосрочного проживания</t>
  </si>
  <si>
    <t>667117869054</t>
  </si>
  <si>
    <t xml:space="preserve"> Адамян Артур  Акопович                             +7 (921) 860-24-68 </t>
  </si>
  <si>
    <t xml:space="preserve">База отдыха "Хийденсельга" Питкярантский район, ул.Заречная,1е  </t>
  </si>
  <si>
    <t>Проверка объекта  10.06.2024 года</t>
  </si>
  <si>
    <t>ИЖС, собственность Стекачева С.В.</t>
  </si>
  <si>
    <t xml:space="preserve">нет </t>
  </si>
  <si>
    <t>100500419307</t>
  </si>
  <si>
    <t>Стекачев Сергей Влерьевич                        тел. 8-921-453-09-31</t>
  </si>
  <si>
    <t xml:space="preserve">Гостевой домик                     п. Салми, Озерная ул.,   д. 1а, </t>
  </si>
  <si>
    <t>2022 год</t>
  </si>
  <si>
    <t>Лобанова Елена Леонидовна                         тел. 8-921-223-33-84</t>
  </si>
  <si>
    <t>Кителя                             Гостевые домика</t>
  </si>
  <si>
    <t>68.20 Аренда и управление собственным
или арендованным недвижимым
имуществом</t>
  </si>
  <si>
    <t>Чекашкин Антон Сергеевич</t>
  </si>
  <si>
    <t>Ladogaghek 10                              п. Импилахти Трейлер</t>
  </si>
  <si>
    <t>Получил поддержку от АЗН в сумме 250 тыс. рублей</t>
  </si>
  <si>
    <t>100501702839</t>
  </si>
  <si>
    <t>Глушков Павел Николаевич                    8-921-529-35-28</t>
  </si>
  <si>
    <t>Гостевой  дом в лесном массиве на берегу Ладожского озера             д. Хийденсельга</t>
  </si>
  <si>
    <t xml:space="preserve">55.20 Деятельность по предоставлению
мест для краткосрочного проживания
</t>
  </si>
  <si>
    <t>Штин Александр Леонидович</t>
  </si>
  <si>
    <t>Получила поддержку от АЗН в сумме 250 тыс. рублей</t>
  </si>
  <si>
    <t>Кузина Александра Олеговна</t>
  </si>
  <si>
    <t>Гостевой дом "ХУТОР МАТКАЛАМПИ"                  д. Ляппясилта</t>
  </si>
  <si>
    <t>2012 год</t>
  </si>
  <si>
    <t>5</t>
  </si>
  <si>
    <t>55.20 Деятельность по предоставлению
мест для краткосрочного проживания (доп. Оквэд)</t>
  </si>
  <si>
    <t>780612676500</t>
  </si>
  <si>
    <t>Ксензов Борис Васильевич                 Ксензов Андрей Борисович                          8-921-459-90-06</t>
  </si>
  <si>
    <t>Турбаза "Янис"                        п. Ляскеля  ст. Янисъярви</t>
  </si>
  <si>
    <t>15/45 достраивают домики</t>
  </si>
  <si>
    <t>7806244440517</t>
  </si>
  <si>
    <t>Копычев Илья Владимирович               8 (953) 535-74-07 reception@marmar.ru</t>
  </si>
  <si>
    <t>Глэмпинг "Мармар"         п. Харлу</t>
  </si>
  <si>
    <t>2021 год</t>
  </si>
  <si>
    <t>100502609494</t>
  </si>
  <si>
    <t>Алексеева Елизавета Олеговна</t>
  </si>
  <si>
    <t>Гостевой дом, п. Салми, ул. Набережная, д. 1</t>
  </si>
  <si>
    <t>ИЖС (70 кв.м.)</t>
  </si>
  <si>
    <t>100501215680</t>
  </si>
  <si>
    <t>Кузнецова Татьяна Сергеевна</t>
  </si>
  <si>
    <t>Гостевой дом п. Салми, ул Заречье, д .12</t>
  </si>
  <si>
    <t>ИЖС (54 кв.м.)</t>
  </si>
  <si>
    <t>2020 год</t>
  </si>
  <si>
    <t>Стекачев Сергей Валерьевич                     8-921-453-09-31</t>
  </si>
  <si>
    <t>Гостевой домик "Дом у озера" п. Салми, ул. Озерная, д. 1А</t>
  </si>
  <si>
    <t>10:05:0030113:30  Земли поселений (земли населенных пунктов) под объекты бумажного завода и территорию для его обслуживания</t>
  </si>
  <si>
    <t>100501887178</t>
  </si>
  <si>
    <t xml:space="preserve">Сальникова Татьяна Станиславовна </t>
  </si>
  <si>
    <t>Коттедж на берегу реки п. Ляскеля, ул. Лесозаводская д. 2</t>
  </si>
  <si>
    <t>Проверка объекта  16.06.2023 года</t>
  </si>
  <si>
    <t>Земли ИЖС</t>
  </si>
  <si>
    <t>100502406536</t>
  </si>
  <si>
    <t xml:space="preserve">Уреки Ольга Витальевна                     8-921-528-73-16 (Ирина Ивановна)    </t>
  </si>
  <si>
    <t>Гостевой дом Питкярантский район,    п. Импилахти, ул. Советская, д. 8А</t>
  </si>
  <si>
    <t>Проверка 16.06.2023 года</t>
  </si>
  <si>
    <t>780255010478</t>
  </si>
  <si>
    <t>Романович Ксения Эдуардовна                              8-911-492-41-44</t>
  </si>
  <si>
    <t>Гостевой дом Питкярантский район, п. Импилахти, Сортавальское шоссе, д. 13</t>
  </si>
  <si>
    <t>100561790302</t>
  </si>
  <si>
    <t xml:space="preserve">Гришина Александра  Александровна            8-931-700-62-73             8-981-404-52-66 </t>
  </si>
  <si>
    <t>Гостевой дом Питкярантский район,     п. Импилахти, Сортавальское шоссе, около дома 13</t>
  </si>
  <si>
    <t>100500528296</t>
  </si>
  <si>
    <t>Дерюгина Ирина Николаевна                    8-921-701-82-59</t>
  </si>
  <si>
    <t>Гостевой дом Питкярантский район,     п. Ляскеля, ул. Бумажников, д. 19</t>
  </si>
  <si>
    <t>7</t>
  </si>
  <si>
    <t>470305834398</t>
  </si>
  <si>
    <t>Широков Алексей Александрович             8-963-245-01-41</t>
  </si>
  <si>
    <t>Кемпинг-отель "Бочка на карте" Питкярантский район, п. Ляскеля, ул. Советская, 52</t>
  </si>
  <si>
    <t>Ответ получен с УФНС РК</t>
  </si>
  <si>
    <t>Мухамедиева Ирина Борисовна                      8-921-520-12-97</t>
  </si>
  <si>
    <t>Гостевой дом Питкярантский район,    д. Хийденсельга, ул. Заречная, д. 7Б</t>
  </si>
  <si>
    <t>1005016344709</t>
  </si>
  <si>
    <t>Веренич Виталий Евгеньевич                      8-921-456-63-66</t>
  </si>
  <si>
    <t>Гостевой дом Питкярантский район, п. Импилахти, Сортавальское шоссе, д. 18А</t>
  </si>
  <si>
    <t>Основной вид деятельности: 55.20 Деятельность по предоставлению мест для краткосрочного проживания</t>
  </si>
  <si>
    <t>100500734411</t>
  </si>
  <si>
    <t>Мельянцова Марина Геннадиевна                 8-921-223-58-22             8-911-430-52-34 (Александр муж)</t>
  </si>
  <si>
    <t>Гостевой дом Питкярантский район, п. Импилахти, Сортавальское шоссе, д. 18</t>
  </si>
  <si>
    <t>Поддержку не получали</t>
  </si>
  <si>
    <t>Земли ЛПХ</t>
  </si>
  <si>
    <t>100501206206</t>
  </si>
  <si>
    <t>Смирнова Надежда Аленксеевна                  8-921-728-52-63</t>
  </si>
  <si>
    <t>Гостевой дом "У Сереги" Питкярантский р-н, п.Импилахти, Сотравальское ш., 19</t>
  </si>
  <si>
    <t xml:space="preserve">Получали гранд в 2022 году в сумме 500,0 тыс.руб  </t>
  </si>
  <si>
    <t>Земли населенных пунктов, ТЗ -Ж1, кадастровый квартал 10:05:0042504 вид разрешенного использования "Туристическое обслуживание" S = 36987 м2</t>
  </si>
  <si>
    <t xml:space="preserve">1005013894   </t>
  </si>
  <si>
    <t xml:space="preserve">ООО "КАРЕЛИЯ ПАРК"                          </t>
  </si>
  <si>
    <t xml:space="preserve">ЮЛ  </t>
  </si>
  <si>
    <t>База отдыха "Карелия Парк"  п.Импилахти, д.Кирконкюля</t>
  </si>
  <si>
    <t>запланированы мероприятия ФНС</t>
  </si>
  <si>
    <t>Земли населенных пунктов                    10:05:0042504:161 и 10:05:0042504:26</t>
  </si>
  <si>
    <t xml:space="preserve"> Дополнительный ОКВЭД открыт 12.03.2019</t>
  </si>
  <si>
    <t>1005080033</t>
  </si>
  <si>
    <t>ООО "Орион-Тур"   директор    Кудряшов Сергей Александрович</t>
  </si>
  <si>
    <t>Гостевой комплекс Раннанкюля, п. Импилахти</t>
  </si>
  <si>
    <t xml:space="preserve">Земли населенных пунктов 10:05:0020607:206 собственность, поставлен на кадастровый учет для  ижс.  </t>
  </si>
  <si>
    <t>10</t>
  </si>
  <si>
    <t>1001284100</t>
  </si>
  <si>
    <t>ООО «Гостевой комплекс»</t>
  </si>
  <si>
    <t>Туристический комплекс «Времена года» д.Рауталахти</t>
  </si>
  <si>
    <t>Поддержку не получал (т.к. регистрация в г. Санкт-Петербурге</t>
  </si>
  <si>
    <t>Земли населенных пунктов 10:05:0010203:13 10:05:0010204:4 собственность</t>
  </si>
  <si>
    <t>29</t>
  </si>
  <si>
    <t>Дополнительные виды деятельности:  55.10 Деятельность гостиниц и прочих мест для временного проживания;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si>
  <si>
    <t>7842344090</t>
  </si>
  <si>
    <t xml:space="preserve">ООО «Длинный берег» </t>
  </si>
  <si>
    <t>Поддержку  получал в 2021 году и 2022 году</t>
  </si>
  <si>
    <t>Земли поселений (земли населенных пунктов)</t>
  </si>
  <si>
    <t>67</t>
  </si>
  <si>
    <t>Присвоена категория: "две звезды"
№ свидетельства 10/АА-036/083-2022
Срок действия свидетельства до 25 июля 2025 г</t>
  </si>
  <si>
    <t xml:space="preserve">1005080308 </t>
  </si>
  <si>
    <t>ООО «ПТО-Питкяранта»</t>
  </si>
  <si>
    <t>Гостиница "Белые мосты" г. Питкяранта, ул. Ленина, д. 31А</t>
  </si>
  <si>
    <t>Земли особо охраняемых территорий и объектов (рекреации) (для строительства туристических объектов) с 10:05:0050101:65 по 10:05:0050101:85   с 10:05:0050101:89 по 10:05:0050101:98    с 10:05:0050101:116 по 10:05:0050101:118</t>
  </si>
  <si>
    <t>да</t>
  </si>
  <si>
    <t>23</t>
  </si>
  <si>
    <t>Гостевой комплекс «Ладога-фьорд» (база отдыха "Белые мосты") 132 км а/д Олонец-Леппясилта</t>
  </si>
  <si>
    <t>Земли населенных пунктов (для размещения спортивной базы отдыха) 10:05:0060604:16 - собственность, 10:05:0060604:36 - аренда</t>
  </si>
  <si>
    <t>7705535777</t>
  </si>
  <si>
    <t>ООО «Турбуксу»</t>
  </si>
  <si>
    <t>База отдыха  «Три Стихии-Ууксу»  д. Ууксу, ул. Речная, д.10, 14</t>
  </si>
  <si>
    <t>Земли особо охраняемых территорий и объектов (рекреации) 10:05:0062209:57- собственность, 10:05:0062209:93 - аренда</t>
  </si>
  <si>
    <t>13</t>
  </si>
  <si>
    <t xml:space="preserve">79.11 Деятельность туристических агентств  Дополнительный вид деятельности: 68.20.2 Аренда и управление собственным
или арендованным нежилым недвижимым
имуществом
</t>
  </si>
  <si>
    <t>1005009111</t>
  </si>
  <si>
    <t>ООО «Туристическая компания «Зеленый берег»</t>
  </si>
  <si>
    <t xml:space="preserve"> 21.09.2020</t>
  </si>
  <si>
    <t>100500077131</t>
  </si>
  <si>
    <t>Лингвист Ольга Валерьевна</t>
  </si>
  <si>
    <t>Гостевой домик п. Ляскеля, ул. Фабричная, д. 1</t>
  </si>
  <si>
    <t>Собственность Земли ЛПХ 10:10:0160213:14   2106 кв.м.</t>
  </si>
  <si>
    <t>9</t>
  </si>
  <si>
    <t>Рыжков Геннадий Александрович</t>
  </si>
  <si>
    <t>Гостевой дом  на о.Лункулансаари  Урочище Пелля д. 14</t>
  </si>
  <si>
    <t>Земли населенных пунктов ИЖС 10:05:0060127:38, собственность. 1 дом введен в эксплуатацию в 2022 году и 2 дома в 2023 году</t>
  </si>
  <si>
    <t>101600762904</t>
  </si>
  <si>
    <t>Мороз Анна Евгеньевна</t>
  </si>
  <si>
    <t>Усадьба «Мороза» д. Ууксу, ул. Сплавная, д. 3</t>
  </si>
  <si>
    <t>Земли населенных пунктов ЛПХ 10:05:0030119:2, собственность</t>
  </si>
  <si>
    <t>780158937588</t>
  </si>
  <si>
    <t>Ключникова Татьяна Васильевна                    8-921-461-57-01</t>
  </si>
  <si>
    <t xml:space="preserve">Гостевой дом Питкярантский район, д.Янис, ул.Полевая,9 </t>
  </si>
  <si>
    <t>Земли населенных пунктов</t>
  </si>
  <si>
    <t>780517153275</t>
  </si>
  <si>
    <t xml:space="preserve">Карнова Е. Н.                     </t>
  </si>
  <si>
    <t>Гостевой дом д.Хямекоски, ул.Железнодорожная, д.12</t>
  </si>
  <si>
    <t>Земли населенных пунктов ИЖС</t>
  </si>
  <si>
    <t>100503028608</t>
  </si>
  <si>
    <t>Нойман Ирина              8-911-669-49-32</t>
  </si>
  <si>
    <t>"Дом на Ладоге" Питкярантский р-н, д. Рауталахти,  ул. Западная, д.3 и д. 5</t>
  </si>
  <si>
    <t>Земли населенных пунктов 10:05:0030107:226</t>
  </si>
  <si>
    <t>100501341011</t>
  </si>
  <si>
    <t>Немкевич Наталья Васильевна</t>
  </si>
  <si>
    <t>Гостевой дом  Питкярантский район, п. Ляскеля, ул. Малая Лесная, д.3а, кв.1</t>
  </si>
  <si>
    <t>Земли населенных пунктов 10:05:0060609:33, ИЖС, собственность</t>
  </si>
  <si>
    <t>780515356209</t>
  </si>
  <si>
    <t>Трушников Николай Иванович</t>
  </si>
  <si>
    <t>Гостевой дом "На Заливе" Питкярантский р-н,  д. Ууксу, ул. Совхозная, д. 24А</t>
  </si>
  <si>
    <t>Земли населенных пунктов ИЖС 10:05:0060127:38, собственность</t>
  </si>
  <si>
    <t>100501109114</t>
  </si>
  <si>
    <t>Чупукова Елена Борисовна</t>
  </si>
  <si>
    <t>Гостевой дом "Заречье", Питкярантский р\н, пос.Салми, Заречье,д.18</t>
  </si>
  <si>
    <t xml:space="preserve">55.20 Деятельность по предоставлению мест для краткосрочного проживания Дополниетльный вид деятельности: 55.30 Деятельность по предоставлению мест для временного проживания в
кемпингах, жилых автофургонах и туристических автоприцепах
</t>
  </si>
  <si>
    <t>101201918437</t>
  </si>
  <si>
    <t>Ялонен Анна Геннадьевна</t>
  </si>
  <si>
    <t xml:space="preserve"> д. Рауталахти, ул. Береговая, д. 2</t>
  </si>
  <si>
    <t>05.07.2021</t>
  </si>
  <si>
    <t xml:space="preserve"> 100500756180</t>
  </si>
  <si>
    <t>Бондарева Любовь Константиновна</t>
  </si>
  <si>
    <t>Гостевой дом, п. Импилахти, Сортавальское шоссе, д. 39Б</t>
  </si>
  <si>
    <t>100501774978</t>
  </si>
  <si>
    <t>Поливаный Павел Алексеевич</t>
  </si>
  <si>
    <t>Гостевой дом  «River House», д.Ууксу, ул.Совхозная, д.5 +79216256230</t>
  </si>
  <si>
    <t>Земли населенных пунктов 10:10:0160101:34 (уточнить про соседние участки)</t>
  </si>
  <si>
    <t>100502358089</t>
  </si>
  <si>
    <t>Александрова Ирина Владимировна</t>
  </si>
  <si>
    <t>Гостевой дом на о.Лункулансаари ул. Сосновая д. 3</t>
  </si>
  <si>
    <t>Земли населенных пунктов ИЖС 10:05:0060610:114, собственность</t>
  </si>
  <si>
    <t>100501000396</t>
  </si>
  <si>
    <t>Михайлов Алексей Михайлович</t>
  </si>
  <si>
    <t>Гостевой комплекс «Сосны»  д. Ууксу ул. Сплавная, д. 17</t>
  </si>
  <si>
    <t>Земли населенных пунктов 10:05:0030112:8 – в собственности под магазин, 10:05:0030112:16 НП, для размещения тур.комплекса. Собств.публично-правовых образований</t>
  </si>
  <si>
    <t>781431690505</t>
  </si>
  <si>
    <t>Токарева София Александровна</t>
  </si>
  <si>
    <t xml:space="preserve">Отель «Усадьба» п.Ляскеля, ул.Советская, д.6 </t>
  </si>
  <si>
    <t>100121856342</t>
  </si>
  <si>
    <t>Комалдинов Владимир Викторович</t>
  </si>
  <si>
    <t>Гостевой дом Onnenranta Питкярантский район, д. Ууксу, ул. Сплавная, 38</t>
  </si>
  <si>
    <t>3</t>
  </si>
  <si>
    <t xml:space="preserve">Дополнительный вид деятельности: 68.2 Аренда и управление собственным или арендованным недвижимым имуществом </t>
  </si>
  <si>
    <t>780226128316</t>
  </si>
  <si>
    <t>Миккоев Александр Иванович</t>
  </si>
  <si>
    <t xml:space="preserve"> Кемпинг "Рауталахти" Питкярантский р-н, п.Рауталахти</t>
  </si>
  <si>
    <t>Земли населенных пунктов   10:05:0000000:6805</t>
  </si>
  <si>
    <t xml:space="preserve">Дополнительные виды деятельности: 68.20.1 Аренда и управление собственным или арендованным жилым недвижимым имуществом 68.20.2
Аренда и управление собственным или арендованным нежилым недвижимым имуществом </t>
  </si>
  <si>
    <t xml:space="preserve">471201217508 </t>
  </si>
  <si>
    <t xml:space="preserve">Антонова Елена Михайловна </t>
  </si>
  <si>
    <t>Гостевой дом  в заливе Лешего Питкярантский район, д.Хийденсельна, ул.Садовая, д.21, кв. 2</t>
  </si>
  <si>
    <t>Земли населенных пунктов ИЖС 10:05:0030204:36</t>
  </si>
  <si>
    <t>Виды деятельности не относятся к гостиничному делу и временному размещению</t>
  </si>
  <si>
    <t>100501688944</t>
  </si>
  <si>
    <t>Бомбин Андрей Юрьевич/ невестка занимается самозянятая</t>
  </si>
  <si>
    <t>Гостевой дом Питкярантский район, д.Хийденсельга, ул. Заречная 6д</t>
  </si>
  <si>
    <t>Получал поддержку в 2021 году и 2022 году</t>
  </si>
  <si>
    <t>Земли населенных пунктов 10:05:0042504:328           10:05:0040301:134</t>
  </si>
  <si>
    <t xml:space="preserve">Дополнительные виды деятельности:  55.10 Деятельность гостиниц и прочих мест для временного проживания;      55.30 Деятельность по предоставлению мест для временного проживания в кемпингах, жилых автофургонах и туристических автоприцепах       </t>
  </si>
  <si>
    <t>100502600325</t>
  </si>
  <si>
    <t xml:space="preserve">Зверев Максим Ильич  </t>
  </si>
  <si>
    <t>Домик на базе «Карелия Парк»  пос. Импилахти</t>
  </si>
  <si>
    <t>Поддержку не получал (т.к. регистрация в г. Сортавала)</t>
  </si>
  <si>
    <t>Земли СХ назначения 10:05:0062206:3 (для ЛПХ) и</t>
  </si>
  <si>
    <t>100702868320</t>
  </si>
  <si>
    <t xml:space="preserve">База  отдыха "Бряус"  Питкярантский р-н,пос.Киркиеки </t>
  </si>
  <si>
    <t>Земли населенных пунктов ИЖС  10:05:0020200:3</t>
  </si>
  <si>
    <t>532204013974</t>
  </si>
  <si>
    <t>Новик Александра Анатольевна                 8-921-995-15-25</t>
  </si>
  <si>
    <t>Гостевые дома д.Рауталахти, ул.Западная д. 1  и 2 А</t>
  </si>
  <si>
    <t>Земли населенных пунктов 10:05:0060609:14 -собственность. участок поставлен на кадастровый учет для личного подсобного хозяйства.</t>
  </si>
  <si>
    <t xml:space="preserve">Дополнительные виды деятельности:  55.10 Деятельность гостиниц и прочих мест для временного проживания;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t>
  </si>
  <si>
    <t>781910539237</t>
  </si>
  <si>
    <t>Сулимов Валентин Андреевич</t>
  </si>
  <si>
    <t xml:space="preserve">Гостевой дом «Уксунлахти», Питкярантский р-н,           д. Ууксу, ул. Совхозная, д.40 </t>
  </si>
  <si>
    <t>260102749353</t>
  </si>
  <si>
    <t>Матвейко Евгений Владимирович</t>
  </si>
  <si>
    <t xml:space="preserve"> Гостевые дома             «На острове»  Питкярантский р-н, о.Лункулансаари</t>
  </si>
  <si>
    <t xml:space="preserve">Легальные объекты размещения   </t>
  </si>
  <si>
    <t xml:space="preserve">                                          Питкярантский муниципальный район</t>
  </si>
  <si>
    <t>сведения о создании условий для доступности объекта людям с ограниченными возможностями здоровья</t>
  </si>
  <si>
    <t>год открытия объекта</t>
  </si>
  <si>
    <t>Реестр объектов временного размещения, расположенных на территории Республики Карелия, в разрезе муниципальных районов и городских округов</t>
  </si>
  <si>
    <t>Легализация туристических объектов в Питкярантском муниципальном округе</t>
  </si>
  <si>
    <t>47</t>
  </si>
  <si>
    <t>21</t>
  </si>
  <si>
    <t>1001223139</t>
  </si>
  <si>
    <t xml:space="preserve">1.Гридина Ирина ( администратор) 
2. База отдыха «УЯ на Онего»
3. ООО ТК «Удача»
4. Деревенское сельское поселение , деревня Уя </t>
  </si>
  <si>
    <t>1.Зарепова Светлана. 2.Гостевой дом в Заозерье. 3.Гид- экскурсовод.
4.Самозанятая.</t>
  </si>
  <si>
    <t>Бухманов Алексей Юрьевич</t>
  </si>
  <si>
    <t>СНТ "Сосновый бор", д.55</t>
  </si>
  <si>
    <t>проверить, существует ли объект, инфо об объекте от  ФНС</t>
  </si>
  <si>
    <t>100100478932</t>
  </si>
  <si>
    <t xml:space="preserve">КОЛЕСНИКОВА ТАТЬЯНА ЮРЬЕВНА  </t>
  </si>
  <si>
    <t>Прионежский район, СНТ "Водник-2", центральная, 30</t>
  </si>
  <si>
    <t xml:space="preserve">Гостевой дом (дача) "На берегу Онего" </t>
  </si>
  <si>
    <t xml:space="preserve"> 100103706249</t>
  </si>
  <si>
    <t xml:space="preserve">Миронов И. Н.  </t>
  </si>
  <si>
    <t>Прионежский р-н,,Царевичи д,,24,,</t>
  </si>
  <si>
    <t>Дом 80 м.</t>
  </si>
  <si>
    <t xml:space="preserve">  540427118483</t>
  </si>
  <si>
    <t xml:space="preserve">Котенев К. А.   </t>
  </si>
  <si>
    <t>Прионежский район, с. Деревянное, ул. Онежская, 75Г</t>
  </si>
  <si>
    <t>Гостевой дом 245 м.</t>
  </si>
  <si>
    <t>гостевой дом</t>
  </si>
  <si>
    <t>Требуют проверки:</t>
  </si>
  <si>
    <t>Во время проверки 15.11.2022 никого в доме не было Удаось связаться с собственником, ведется работа ФНС по регистрации объекта</t>
  </si>
  <si>
    <t>Выезд 07.07.2021, на момент проверки проживали туристы с разных регионов. Получена выписка их Единого гос. Реестра недвижимости - вид объекта - Здание нежилое Баня. Правообладатель Паленко Евгений Лукич, город Калуга</t>
  </si>
  <si>
    <t>https://travel.yandex.ru/hotels/republic-of-karelia/mini-otel-piratskii-dvorik/?adults=2&amp;checkinDate=2021-07-15&amp;checkoutDate=2021-07-16&amp;childrenAges=</t>
  </si>
  <si>
    <t>Паленко Евгений Лукич</t>
  </si>
  <si>
    <t>Мини отель "Пиратский Дворик" , п. Кварцитный, Набережная улица 13 А              8-916-406-0852 Евгений Лукич (номер телефона дала сотрудник отеля)</t>
  </si>
  <si>
    <t xml:space="preserve"> Согласно выписке из единого гос-го реестра, правообладатель Ерукова Надежда Сергеевна, также по адресу северная 61, зарегистрирована фирма "ЭККАУНТИНГ-Н" - Деятельность по оказанию услуг в области бухгалтерского учета</t>
  </si>
  <si>
    <t>Спор о принадлежности дома и участка</t>
  </si>
  <si>
    <t>Во время проверки 17.11.2022 никого в доме не было, баня недавно топилась</t>
  </si>
  <si>
    <t xml:space="preserve">Гостевой дом "Шуйский" п. Шуя, ул. Северная,      д. 61                              Индивидуальный жилой дом. Баня на участке.                                         8-9814075990 </t>
  </si>
  <si>
    <t>новый объект</t>
  </si>
  <si>
    <t>открытие октябрь 2024 г.</t>
  </si>
  <si>
    <t>53 (72)</t>
  </si>
  <si>
    <t>61</t>
  </si>
  <si>
    <t>Вуколова Наталья Игоревна</t>
  </si>
  <si>
    <t>Гостевой дом "Лососинное", Прионежский район, д. Лососинное//921-800-45-05</t>
  </si>
  <si>
    <t>60</t>
  </si>
  <si>
    <t>Чистякова Татьяна Анатольевна</t>
  </si>
  <si>
    <t>Карельская усадьба, гостиничный комплекс//п. Шуя, ул. Речная 1// 911-438-28-72</t>
  </si>
  <si>
    <t>59</t>
  </si>
  <si>
    <t>ООО Меридиан</t>
  </si>
  <si>
    <t>58</t>
  </si>
  <si>
    <t>57</t>
  </si>
  <si>
    <t>10:20:0015502:901</t>
  </si>
  <si>
    <t>одноэтажность</t>
  </si>
  <si>
    <t>открытие в 2023 г.</t>
  </si>
  <si>
    <t>Дополнительные виды деятельности 55.10, 55.20,55.90</t>
  </si>
  <si>
    <t>100303211814</t>
  </si>
  <si>
    <t xml:space="preserve">  Конашков Вадим Андреевич</t>
  </si>
  <si>
    <t xml:space="preserve">Эко-отель "Мох", п. Чална-1, полуостров Ринда, 911-436-71-46 </t>
  </si>
  <si>
    <t>56</t>
  </si>
  <si>
    <t>сдает отчетность по форме 3 НДФЛ: за 2021 27000 руб.</t>
  </si>
  <si>
    <t>101200060717</t>
  </si>
  <si>
    <t xml:space="preserve"> Кумскова Нина Григорьевна</t>
  </si>
  <si>
    <t>гостевой дом «Ялхаус» д. Ялгуба, ул. Прибрежная, д. 32 +7 (963) 744-37-37</t>
  </si>
  <si>
    <t>55</t>
  </si>
  <si>
    <t>100124385003</t>
  </si>
  <si>
    <t>Шкарина Карнелина Сергеевна</t>
  </si>
  <si>
    <t>Мотель, д.Половина, Дачная ул., д.3А  8‒962‒718‒80‒18</t>
  </si>
  <si>
    <t>54</t>
  </si>
  <si>
    <t>100122578320</t>
  </si>
  <si>
    <t>Володин Александр Николаевич</t>
  </si>
  <si>
    <t>Гостевой дом "Живица", Прионежский район, д.  Ялгуба, https://jalgyba.ru/guesthouse/</t>
  </si>
  <si>
    <t>53</t>
  </si>
  <si>
    <t>пандусы</t>
  </si>
  <si>
    <t>планируется</t>
  </si>
  <si>
    <t>Дополнительные виды деятельности 55.10, 55.20, 55.30, 55.90</t>
  </si>
  <si>
    <t>1001326984</t>
  </si>
  <si>
    <t>ООО "Анима"</t>
  </si>
  <si>
    <t>Турбаза "Talo Rinda" ("Тало Ринда") Прионежский район, Шуйское с/п, местечко Сургуба, ур.Ринда + 7 (911) 427-89-62, Петрова Елена Вилаятовна</t>
  </si>
  <si>
    <t>52</t>
  </si>
  <si>
    <t>Дополнительный вид деятельности: 55.20 Деятельность по предоставлению
мест для краткосрочного проживания</t>
  </si>
  <si>
    <t>ООО "Лест"</t>
  </si>
  <si>
    <t>Отель-резиденция "Северный сад" Прионежский район, д.Косалма                             8-911-400-32-52</t>
  </si>
  <si>
    <t>51</t>
  </si>
  <si>
    <t>10:01:0130102:9 Земли населенных пунктов. Вид разрешенного использования: Для эксплуатации многоквартирного жилого дома со встроенными помещениями</t>
  </si>
  <si>
    <t xml:space="preserve">ООО Хостел Групп </t>
  </si>
  <si>
    <t>Глэмпинг "Четыре стихии", Прионежский район, д. Косалма, д.19, karelia-glamping.ru</t>
  </si>
  <si>
    <t>50</t>
  </si>
  <si>
    <t>100125811945</t>
  </si>
  <si>
    <t>Калинина Кристина Сергеевна</t>
  </si>
  <si>
    <t>49</t>
  </si>
  <si>
    <t>48</t>
  </si>
  <si>
    <t>Присвоена категория: "две звезды"
№ свидетельства 10/АА-063/139-2023
Срок действия свидетельства до 25 сент. 2026 г</t>
  </si>
  <si>
    <t>1001323905</t>
  </si>
  <si>
    <t xml:space="preserve">ООО "Отдых у озера" </t>
  </si>
  <si>
    <t>Загородный клуб "Авиаретро"  Прионежский район, ст. Шуйская</t>
  </si>
  <si>
    <t>Присвоена категория: "три звезды"
№ свидетельства 10/АА-036/082-2022
Срок действия свидетельства до 11 июля 2025 г</t>
  </si>
  <si>
    <t xml:space="preserve">1020176773 </t>
  </si>
  <si>
    <t xml:space="preserve">ООО "Эверест" </t>
  </si>
  <si>
    <t>Центр активного отдыха "Ялгора" - Хостел "Ялгора" Прионежский район, д. Ялгуба, Горнолыжная, д. 3</t>
  </si>
  <si>
    <t>46</t>
  </si>
  <si>
    <t>1020176773</t>
  </si>
  <si>
    <t>Центр активного отдыха "Ялгора"  - База отдыха "Ялгора" Прионежский район, д. Ялгуба, Горнолыжная, д. 3</t>
  </si>
  <si>
    <t>45</t>
  </si>
  <si>
    <t>1001298744</t>
  </si>
  <si>
    <t xml:space="preserve">ООО "Сампо" </t>
  </si>
  <si>
    <t>Загородный клуб "Эдем", Прионежский район,  д. Карельская Деревня</t>
  </si>
  <si>
    <t>44</t>
  </si>
  <si>
    <t>Присвоена категория: "три звезды"
№ свидетельства 10/АА-063/133-2023
Срок действия свидетельства до 24 авг. 2026 г</t>
  </si>
  <si>
    <t>1020011436</t>
  </si>
  <si>
    <t xml:space="preserve">ООО "Отель Калевала" </t>
  </si>
  <si>
    <t>Отель "Калевала"  Прионежский район, д. Косалма</t>
  </si>
  <si>
    <t>43</t>
  </si>
  <si>
    <t>наименование на сайте Ростуризма - Загородная резиденция «Шуйская Чупа» - COSMOS KARELIA ОАО «Шуйская Чупа»</t>
  </si>
  <si>
    <t>Присвоена категория: "четыре звезды"
№ свидетельства 77/АА-115-2021/332-2021
Срок действия свидетельства до 13 дек. 2024 г</t>
  </si>
  <si>
    <t>1006013142</t>
  </si>
  <si>
    <t xml:space="preserve">ООО "Шуйская Чупа" </t>
  </si>
  <si>
    <t>Загородный комплекс Cosmos Karelia Resort, Прионежский район, д. Шуйская Чупа, дачный массив Укшезеро</t>
  </si>
  <si>
    <t>42</t>
  </si>
  <si>
    <t>Присвоена категория: "одна звезда" № свидетельства 10/АА-036/087-2022 до 13.09.2025</t>
  </si>
  <si>
    <t>100117271083</t>
  </si>
  <si>
    <t>Мухин Андрей Александрович</t>
  </si>
  <si>
    <t>Отель "Вилга" Прионежский район, д. Вилга, Прионежское шоссе, д. 1Б</t>
  </si>
  <si>
    <t>41</t>
  </si>
  <si>
    <t>1020008289</t>
  </si>
  <si>
    <t xml:space="preserve">ООО "Серебро онеги" </t>
  </si>
  <si>
    <t>Загородный комплекс апартаментов "Серебро онеги" Прионежский район, д. Уя, ул. Ручейная, д. 2</t>
  </si>
  <si>
    <t>40</t>
  </si>
  <si>
    <t>1001203911</t>
  </si>
  <si>
    <t>ООО "ТК Карелия"</t>
  </si>
  <si>
    <t>Загородная база "Уя",     Прионежский район, д. Уя</t>
  </si>
  <si>
    <t>39</t>
  </si>
  <si>
    <t>1001221357</t>
  </si>
  <si>
    <t xml:space="preserve">ООО "НЕРУДСТРОЙТОРГ" </t>
  </si>
  <si>
    <t>38</t>
  </si>
  <si>
    <t>Для индивидуального дачного строительства     10:20:0020206:26    10:20:0020206:27</t>
  </si>
  <si>
    <t>Присвоена категория: "две звезды"
№ свидетельства 10/АА-036/108-2022
Срок действия свидетельства до 26 дек. 2025 г</t>
  </si>
  <si>
    <t>1001230231</t>
  </si>
  <si>
    <t xml:space="preserve">ООО "Суйсарь" </t>
  </si>
  <si>
    <t>Загородный комплекс "Суйсарь"  Прионежский район, д. Суйсарь, 76-89-59</t>
  </si>
  <si>
    <t>37</t>
  </si>
  <si>
    <t>16.11.2022</t>
  </si>
  <si>
    <t>100120430833</t>
  </si>
  <si>
    <t>Передня Олеся Викторовна</t>
  </si>
  <si>
    <t>дом для отпуска "BerryHouse" Прионежский район, СНТ «Сосновый бор», Брусничная ул., 30 м2</t>
  </si>
  <si>
    <t>36</t>
  </si>
  <si>
    <t>дом для отпуска «Сосновый бор» Прионежский район, СНТ «Сосновый бор», Брусничная ул., 130 м2</t>
  </si>
  <si>
    <t>35</t>
  </si>
  <si>
    <t>Аренда квартир</t>
  </si>
  <si>
    <t>744809226211</t>
  </si>
  <si>
    <t>Марценюк Елена Сергеевна</t>
  </si>
  <si>
    <t>Гостевой дом «Деревня Ванино», Прионежский район, с. Шелтозеро, ул. Молодежная, д. 34, 8-911-412-34-77</t>
  </si>
  <si>
    <t>34</t>
  </si>
  <si>
    <t>10:20:0052005:146 Земли особо охраняемых территорий</t>
  </si>
  <si>
    <t>101601416304</t>
  </si>
  <si>
    <t>Гостевой дом 10:20:0050101:157; Прионежский район оз. Лососинное</t>
  </si>
  <si>
    <t>33</t>
  </si>
  <si>
    <t>100111981979</t>
  </si>
  <si>
    <t xml:space="preserve"> Мишенева Елена Юрьевна</t>
  </si>
  <si>
    <t>Коттедж, Прионежский район,  Деревянское сельское поселение, д. Уя</t>
  </si>
  <si>
    <t>32</t>
  </si>
  <si>
    <t>100111464314</t>
  </si>
  <si>
    <t xml:space="preserve"> Петров Павел Эдуардович//будут оформлять ИП и подавать на классификацию</t>
  </si>
  <si>
    <t>Загородный дом "Maasjarvi",Прионежский район,   д. Машезеро, д. 14</t>
  </si>
  <si>
    <t>31</t>
  </si>
  <si>
    <t>100103760091</t>
  </si>
  <si>
    <t xml:space="preserve">Мартьянова Галина Анатольевна       </t>
  </si>
  <si>
    <t xml:space="preserve">Загородный комплекс "Онежские гагри", Прионежский район,  с. Деревянное, ул. Луговая, д. 9    </t>
  </si>
  <si>
    <t>30</t>
  </si>
  <si>
    <t>100118839890</t>
  </si>
  <si>
    <t xml:space="preserve">Зуева Ю. Н. </t>
  </si>
  <si>
    <t>Гостевой дом, Прионежский район,  д. Бесовец, ул. Верхняя, 32</t>
  </si>
  <si>
    <t>100117779102</t>
  </si>
  <si>
    <t>Соколова Е. В.</t>
  </si>
  <si>
    <t>Гостевой дом, Прионежский район,  с. Заозерье, Сосновый пер. 7</t>
  </si>
  <si>
    <t>28</t>
  </si>
  <si>
    <t>100121175390</t>
  </si>
  <si>
    <t xml:space="preserve"> Романова В. Ф.</t>
  </si>
  <si>
    <t>Гостевой дом Прионежский район с. Деревянное, Совхозная, 8</t>
  </si>
  <si>
    <t>27</t>
  </si>
  <si>
    <t>100108724629</t>
  </si>
  <si>
    <t xml:space="preserve"> Биргелс Юлия Анатольевна</t>
  </si>
  <si>
    <t>26</t>
  </si>
  <si>
    <t>100120184320</t>
  </si>
  <si>
    <t xml:space="preserve"> Зятев Дмитрий Александрович</t>
  </si>
  <si>
    <t>Вилла (гостевой дом) «Усадьба у речки» Прионежский район, д. Бесовец, ул. Верхняя, д. 11Б/1, 89062094955</t>
  </si>
  <si>
    <t>25</t>
  </si>
  <si>
    <t>100101233822</t>
  </si>
  <si>
    <t xml:space="preserve"> Авалишвили Геннадий Джемалович</t>
  </si>
  <si>
    <t>Гостевой дом «Ялгуба»,  Прионежский район, д. Ялгуба, д. 86</t>
  </si>
  <si>
    <t>24</t>
  </si>
  <si>
    <t xml:space="preserve">772970284356 </t>
  </si>
  <si>
    <t>Матвеев А. А.</t>
  </si>
  <si>
    <t>с 2021 года не пробивает чеки, ФНС будет разговаривать с предыдущи собственником Фаворицкой А.Г., ИНН 100124545105</t>
  </si>
  <si>
    <t>100122841130</t>
  </si>
  <si>
    <t xml:space="preserve"> Гладенков Аркадий Дмитриевич</t>
  </si>
  <si>
    <t>22</t>
  </si>
  <si>
    <t>102000111652</t>
  </si>
  <si>
    <t xml:space="preserve"> Кокконен М. А.</t>
  </si>
  <si>
    <t>Прионежский район, дом д. Верховье, д. 38</t>
  </si>
  <si>
    <t>10:20:0060301:25 ИЖС</t>
  </si>
  <si>
    <t>100123720562</t>
  </si>
  <si>
    <t>Кириченко Юлия Викторовна</t>
  </si>
  <si>
    <t>Гостевой дом к. н. 10:20:0060301:27, Прионежский район д.Уя, д. 7</t>
  </si>
  <si>
    <t>20</t>
  </si>
  <si>
    <t xml:space="preserve"> 470304797104 </t>
  </si>
  <si>
    <t>Подлесных Сергей Николаевич</t>
  </si>
  <si>
    <t>Отель "Рыбацкий причал", Прионежский район, п. Кварцитный, ул. Набережная</t>
  </si>
  <si>
    <t>19</t>
  </si>
  <si>
    <t>Присвоена категория: "без звёзд"
№ свидетельства 10/АА-036/058-2021
Срок действия свидетельства до 04 дек. 2024 г</t>
  </si>
  <si>
    <t>18</t>
  </si>
  <si>
    <t>68.20.1 Аренда и управление собственным или арендованным жилым недвижимым имуществом</t>
  </si>
  <si>
    <t>100115817095</t>
  </si>
  <si>
    <t xml:space="preserve">Савкина Надежда Викторовна              </t>
  </si>
  <si>
    <t>Лодж "Простоквашино в Карелии", Прионежский район, д.Ялгуба,ул.Садовая,д.4 89114300666</t>
  </si>
  <si>
    <t>17</t>
  </si>
  <si>
    <t>100122686012</t>
  </si>
  <si>
    <t>Повилайнен Елена Михайловна</t>
  </si>
  <si>
    <t xml:space="preserve">Глэмпинг "Елки на горке", Прионежский район,  Лососинное, 17-й км </t>
  </si>
  <si>
    <t>16</t>
  </si>
  <si>
    <t>100109458264</t>
  </si>
  <si>
    <t>Королева Надежда Николаевна</t>
  </si>
  <si>
    <t xml:space="preserve">Дом, Прионежский район, д. Ялгуба  </t>
  </si>
  <si>
    <t>15</t>
  </si>
  <si>
    <t xml:space="preserve">100123069848 </t>
  </si>
  <si>
    <t xml:space="preserve">Белякова Ксения Игоревна                              </t>
  </si>
  <si>
    <t xml:space="preserve">Белый гостевой дом Прионежский район, д. Машезеро, дом 38 м2              </t>
  </si>
  <si>
    <t xml:space="preserve">Красный гостевой дом Прионежский район, д. Машезеро, дом 38 м2              </t>
  </si>
  <si>
    <t>12</t>
  </si>
  <si>
    <t>100101305410</t>
  </si>
  <si>
    <t xml:space="preserve">Васильев Александр Григорьевич </t>
  </si>
  <si>
    <t>Дом , Прионежский район, д. Машезеро, б/н</t>
  </si>
  <si>
    <t>для строительства индивидуальных дачных домов кад № 10:20:0020601:6</t>
  </si>
  <si>
    <t>470403692977</t>
  </si>
  <si>
    <t>Грибанова Вероника Вячеславовна</t>
  </si>
  <si>
    <t>Гостевой дом "Ялгора",  Прионежский район, м. Пиньгуба, Приозерная ул., 3</t>
  </si>
  <si>
    <t>Земли населенных пунктов. Для индивидуального жилищного строительства. 10:22:0030113:24</t>
  </si>
  <si>
    <t>68.20.2 Аренда и управление собственным
или арендованным нежилым недвижимым
имуществом</t>
  </si>
  <si>
    <t>780201432787</t>
  </si>
  <si>
    <t xml:space="preserve">Кобицкий Аркадий Семенович </t>
  </si>
  <si>
    <t>Дом на Онеге, Прионежский район,  с. Рыбрека, ул. Кодиранд, д. 5</t>
  </si>
  <si>
    <t>Земли населенных пунктов. Для индивидуального жилищного строительства  10:22:0010202:1</t>
  </si>
  <si>
    <t>504717786117</t>
  </si>
  <si>
    <t>Бройтман Вера Давидовна</t>
  </si>
  <si>
    <t>Онего-клуб, Прионежский район, п. Кварцитный, ул. Набережная, д. 19, 89114253333</t>
  </si>
  <si>
    <t>В условно разрешенных видах</t>
  </si>
  <si>
    <t>Земли населенных пунктов.</t>
  </si>
  <si>
    <t>100100932803</t>
  </si>
  <si>
    <t>Хромых Галина Николаевна</t>
  </si>
  <si>
    <t xml:space="preserve">Guest house Shuiskaya Chupa, Прионежский район, д. Шуйская Чупа, д. 15а  </t>
  </si>
  <si>
    <t>100126737518</t>
  </si>
  <si>
    <t xml:space="preserve">Лойконен Анастасия Ильинична </t>
  </si>
  <si>
    <t>Глэмпинг "Кубики", Прионежский район, ур. Лососинное, +7993 7623126</t>
  </si>
  <si>
    <t>6</t>
  </si>
  <si>
    <t>Присвоена категория: "две звезды"
№ свидетельства 10/АА-036/071-2022
Срок действия свидетельства до 18 апр. 2025 г</t>
  </si>
  <si>
    <t>100115818902</t>
  </si>
  <si>
    <t>Лазарев Евгений Алексеевич</t>
  </si>
  <si>
    <t>Отель "Верховье",  Прионежский район, д. Верховье, ул.Биричево, д.11</t>
  </si>
  <si>
    <t>102001289744</t>
  </si>
  <si>
    <t xml:space="preserve"> Естоева Елена Валерьевна</t>
  </si>
  <si>
    <t>Коттедж "Ялхаус" Прионежский район, д. Ялгуба</t>
  </si>
  <si>
    <t>772143423763</t>
  </si>
  <si>
    <t>Заволокин Дмитрий Александрович</t>
  </si>
  <si>
    <t>База отдыха "Hunter Paradise", Прионежский район, д. Яшезеро, д. 1 д. Яшезеро, д. 1</t>
  </si>
  <si>
    <t>Дополнительный вид деятельности:     55.20 Деятельность по предоставлению мест для краткосрочного проживания</t>
  </si>
  <si>
    <t>102101724824</t>
  </si>
  <si>
    <t xml:space="preserve">Юрина Алина Александровна </t>
  </si>
  <si>
    <t>Двухэтажный уютный дом с сауной на дровах, Прионежский район, с. Заозерье, Новоручейная, 25</t>
  </si>
  <si>
    <t>сдает свой дом</t>
  </si>
  <si>
    <t>100100776262</t>
  </si>
  <si>
    <t>Козлова Лариса Михайловна</t>
  </si>
  <si>
    <t>Коттедж 250 м. Прионежский район, СНТ Заозерье", ул. Береговая, участок 43-В</t>
  </si>
  <si>
    <t>Прионежский муниципальный район</t>
  </si>
  <si>
    <t xml:space="preserve">Легализация туристических объектов в Прионежском муниципальном районе </t>
  </si>
  <si>
    <t xml:space="preserve">Легализация туристических объектов в Пряжинском национальном муниципальном районе </t>
  </si>
  <si>
    <t>Реестр объектов временного размещения, расположенных на территории Республики Карелия, в Пряжинском национальном муниципальном районе</t>
  </si>
  <si>
    <t>Пряжинский национальный муниципальный район</t>
  </si>
  <si>
    <t>Гостевой дом, Пряжинский район, "Авиатор" , п. Чална</t>
  </si>
  <si>
    <t>Кирилловский Сергей Геннадьевич , aviator.tour@gmail.com, 8-921-459-97-28 (Татьяна Викторовна)</t>
  </si>
  <si>
    <t>100101883588</t>
  </si>
  <si>
    <t>11.05.2011</t>
  </si>
  <si>
    <t>10:21:0033301:131, для дачного строительства</t>
  </si>
  <si>
    <t>Гостевой дом "Хвойный", Пряжинский район,  п. Матросы</t>
  </si>
  <si>
    <t>Помазовский Арсений Андреевич, pine-hotеl@yandex.ru, +7 (906) 206-04-57 , apomazovsky@yandex.ru</t>
  </si>
  <si>
    <t>100130038093</t>
  </si>
  <si>
    <t>10:21:0090119:41, для индивидуального жилищного строительства.</t>
  </si>
  <si>
    <t>Гостевой дом "Киндасово",  Пряжинский район, д. Киндасово</t>
  </si>
  <si>
    <t>Бородулин  Вадим Николаевич , +7 (911) 436-78-11 (управляющий Карина Усманова), +7 (981) 40-37-936</t>
  </si>
  <si>
    <t>100101856070</t>
  </si>
  <si>
    <t>Гостевой дом,  Пряжинский район, пгт. Пряжа</t>
  </si>
  <si>
    <t>Сергеев Вячеслав Викторович, zatevaxin@bk.ru</t>
  </si>
  <si>
    <t>102100909389</t>
  </si>
  <si>
    <t>10:21:0010414:1 земли населенных пунктов, Для размещения объектов торговли,
содержание и эксплуатация зданий магазинов</t>
  </si>
  <si>
    <t>Мотель "Иван-чай", Пряжинский район,  п. Матросы</t>
  </si>
  <si>
    <t>Хзеян Ара Жораевич</t>
  </si>
  <si>
    <t>100118171290</t>
  </si>
  <si>
    <t>10:21:0090111:20 земли населенных пунктов, для размещения автостоянки</t>
  </si>
  <si>
    <t>Мотель "Транзит",  Пряжинский район, пгт. Пряжа, ул. Советская, 203, 8-921-468-88-64</t>
  </si>
  <si>
    <t>Мошанов Сергей Петрович, serega.m.100@yandex.ru</t>
  </si>
  <si>
    <t>102100022195</t>
  </si>
  <si>
    <t xml:space="preserve">Дополнительные виды деятельности:  55.10 Деятельность гостиниц и прочих мест для временного проживания;            55.30 Деятельность по предоставлению
мест для временного проживания в
кемпингах, жилых автофургонах и
туристических автоприцепах    </t>
  </si>
  <si>
    <t>Присвоенная категория (звездность): без звёзд Номер свидетельства: 10/АА-063/119-2023
Дата выдачи свидетельства:10.03.2023
Срок действия:10.03.2026</t>
  </si>
  <si>
    <t>10:21:0021304:53 земли промышленности, энергетики, транспорта, связи, радиовещания, телевидения, информатики, земли для обеспечения космической деятельности, земли обороны, безопасности и земли иного специального назначения, для размещения объектов общественного питания, для строительства кафе</t>
  </si>
  <si>
    <t>Коттеджи "Карельский хутор" Пряжинский район, п. Сяпся + 7 921 468 28 88</t>
  </si>
  <si>
    <t xml:space="preserve">Пануркевич Константин Олегович </t>
  </si>
  <si>
    <t>100122286230</t>
  </si>
  <si>
    <t>10:21::0040104:79  земли населенных пунктов, для ИЖС</t>
  </si>
  <si>
    <t>Гостевой дом «Ершнаволок» Пряжинский район,  д.Ершнаволок.д.38 89217265608</t>
  </si>
  <si>
    <t>Капустин Федор Николаевич</t>
  </si>
  <si>
    <t>100102245034</t>
  </si>
  <si>
    <t>10:21:0110202:57 земли населенных пунктов, для ведения ЛПХ</t>
  </si>
  <si>
    <t>Гостевой дом "Мукки-Мукки",  Пряжинский район, д. Ершнаволок 89095706611</t>
  </si>
  <si>
    <t>Новиков Дмитрий Геннадьевич</t>
  </si>
  <si>
    <t>100111039990</t>
  </si>
  <si>
    <t>10:21:0110202:30 земли населенных пунктов для ведения личного подсобного хозяйства</t>
  </si>
  <si>
    <t>База отдыха "Северное сияние",  д. Курмойла, + 7905 299 00 00, 8-911-414-00-00</t>
  </si>
  <si>
    <t xml:space="preserve">Есютов Сергей Александрович </t>
  </si>
  <si>
    <t>100116737660</t>
  </si>
  <si>
    <t>10:21:0082202:18 земли особо охраняемых территорий и объектов, база отдыха</t>
  </si>
  <si>
    <t>Гостевые дома "Карельский берег", Пряжинский район,  Эссойльское пос.,д. Кишкойла, + 7 911 400 54 97</t>
  </si>
  <si>
    <t>Котик Олег Владимирович</t>
  </si>
  <si>
    <t>101300159100</t>
  </si>
  <si>
    <t xml:space="preserve">68.20.1 Аренда и управление собственным или арендованным жилым недвижимым имуществом </t>
  </si>
  <si>
    <t>земли для садоводо-огородничества</t>
  </si>
  <si>
    <t>11 участков, сдача в наем, 8 домов по 6 чел., ОКВЭД Аренда и управление собственным или арендованным жилым недвижимым имуществом (68.20.1)</t>
  </si>
  <si>
    <t>Гостевой дом 360 кв.м.   Пряжинский район, п. Маньга, ул.Первомайская, д.30, Айдар Мударисович 89212276437</t>
  </si>
  <si>
    <t>10:21:0020403 границы участка не определены (ИЖС)</t>
  </si>
  <si>
    <t>Гостевой дом 150 кв.м, Пряжинский район с.Святозеро ул. Советская, д. 30В</t>
  </si>
  <si>
    <t>Гостевой дом 95 м.,  пряжинский район, Ведлозеро, ул. Промышленная, д. 49- Б,  8-911-403-76-37</t>
  </si>
  <si>
    <t>Ибенаминова Мария Сергеевна</t>
  </si>
  <si>
    <t>100100329391</t>
  </si>
  <si>
    <t xml:space="preserve">ИЖС </t>
  </si>
  <si>
    <t>Гостевой дом 35 м., Пряжинский район, д.  Юргилица, 1А</t>
  </si>
  <si>
    <t>Гостевой дом "Дом Ботмайла",  Пряжинский район, д. Курмойла, +7 (965) 063-50-96,</t>
  </si>
  <si>
    <t>Ботин Сергей Александрович</t>
  </si>
  <si>
    <t>100100401827</t>
  </si>
  <si>
    <t>Дополнительный вид деятельности:   68.20 Аренда и управление собственным или арендованным недвижимым имуществом</t>
  </si>
  <si>
    <t xml:space="preserve">глэмпинг "NewCamp" Пряжинский район, д. Алекка, +7-921-529-73-99 , +7 (939) 113-66-40 
</t>
  </si>
  <si>
    <t>Мукконен Кира Вячеславовна, newcamp.travel@gmail.com</t>
  </si>
  <si>
    <t>101303136816</t>
  </si>
  <si>
    <t>Гостевой дом  дом 90 кв.м, Пряжинский район,  с. Святозеро, Лахтинская, 12А</t>
  </si>
  <si>
    <t>Буднисов  Никита Валерьевич</t>
  </si>
  <si>
    <t>100119564046</t>
  </si>
  <si>
    <t>Глэмпинг "Северные ягоды" Пряжинский район, д. Киндасово, https://vk.com/album-167692386_286060672</t>
  </si>
  <si>
    <t>Хребтова Светлана Геннадьевна, super31553@mail.ru</t>
  </si>
  <si>
    <t>100115474585</t>
  </si>
  <si>
    <t xml:space="preserve">Дополнительный вид деятельности:  55.10 Деятельность гостиниц и прочих мест для временного проживания; </t>
  </si>
  <si>
    <t>ИЖС 10:21:0020102:144</t>
  </si>
  <si>
    <t xml:space="preserve">Комплекс Гостевых Домов «Эссойла», Пряжинский район, п. Эссойла, 
ул. Мелиоративная, д. 22.
Тел.: + 7 921 469 99 25, 8-921-700-39-13, E-mail: mail@jessoila.ru
сайт: http://jessoila.ru
</t>
  </si>
  <si>
    <t>Евсеев Олег Иванович</t>
  </si>
  <si>
    <t xml:space="preserve">Туристический объект расположен 
на 8 земельных участках со следующими кадастровыми номерами: 10:21:0080104:193, 10:21:0080104:443, 10:21:0080104:444, 10:21:0080104:437, 10:21:0080104:438, 10:21:0080104:441, 10:21:0080104:442, 10:21:0080104:210.
Категория земель: земли населенных пунктов
Вид разрешенного использования: 
ИЖС (индивидуальное жилищное строительство).
</t>
  </si>
  <si>
    <t>Гостевой дом "Поляна"   10:21:0040202:24, Пряжинский район,  д. Лахта, ул. Школьная,12,13, 8-911-403-32-58</t>
  </si>
  <si>
    <t>Филатова Марина Александровна</t>
  </si>
  <si>
    <t>100105183026</t>
  </si>
  <si>
    <t>10:21:0040202:24   Для индивидуальной жилой застройки</t>
  </si>
  <si>
    <t>ОБЩЕСТВО С ОГРАНИЧЕННОЙ ОТВЕТСТВЕННОСТЬЮ "ТУРБАЗА "ПОЛЯНА" - инфо Карелиястат, уточняем с ФНС - 10.08.2023</t>
  </si>
  <si>
    <t>Гостевой дом "Чуралахта", Пряжинский район,  д. Чуралахта,  89114135109</t>
  </si>
  <si>
    <t>Валданен Наталья Александровна</t>
  </si>
  <si>
    <t>102100020712</t>
  </si>
  <si>
    <t>База отдыха "Курмойла" 10:21:0082202:477, 7 981 407 79 09; Пряжинский район,д. Курмойла, berega@onego.ru</t>
  </si>
  <si>
    <t xml:space="preserve"> Григорьева В. Г. </t>
  </si>
  <si>
    <t>100102914430</t>
  </si>
  <si>
    <t>Гостевой дом "Virta",  Пряжинский район, пгт. Пряжа, ул. Кючевая, 20, + 7 900 459 66 50</t>
  </si>
  <si>
    <t xml:space="preserve"> Кожушная И. В.  </t>
  </si>
  <si>
    <t>100118209962</t>
  </si>
  <si>
    <t>Земли поселений (земли населенных пунктов), 10:21:0010802:58, Для индивидуальной жилой застройки</t>
  </si>
  <si>
    <t xml:space="preserve">Гостевой дом "Важинское поместье", +7 (921) 700-70-20, vazhinskoe.estate@gmail.com,            Пряжинский район,      д. Важинская пристань, ул. Сигнаволокская, 2а, </t>
  </si>
  <si>
    <t xml:space="preserve"> Клепкин Валерий Анатольевич , vazhinskoe.estate@gmail.com / +7 (921) 700-70-20/ https://www.simanisto.com</t>
  </si>
  <si>
    <t>102000575799</t>
  </si>
  <si>
    <t>Здание и участок не зарегисрированы - Земли с/х назначения</t>
  </si>
  <si>
    <t>Гостевой дом "Кошкин дом" Пряжинский район,  д. Лахта, тер. Карбинаволок, 17 тел.+7 921 450-92-54</t>
  </si>
  <si>
    <t xml:space="preserve">Проккоева Маргарита Адамовна </t>
  </si>
  <si>
    <t>100100564645</t>
  </si>
  <si>
    <t>Земли поселений (земли населенных пунктов), 10:21:0040201:24, Для индивиудальной жилой застройки</t>
  </si>
  <si>
    <t>Собственник проживает с июня по сентябрь, дачный дом</t>
  </si>
  <si>
    <t>Гостевой дом,        Пряжинский район,  д. Лахта, Школьная ул, д.8</t>
  </si>
  <si>
    <t>Тергоева Раиса Ерофеевна</t>
  </si>
  <si>
    <t>102100227202</t>
  </si>
  <si>
    <t>10:21:0040202:21 ИЖС</t>
  </si>
  <si>
    <t>Гостевые дом "Шуйский залив" Республика Карелия, Пряжинский район, д. Виданы, Антушевская ул., д. 19, +7 (911) 402-71-26</t>
  </si>
  <si>
    <t xml:space="preserve">Кошелева Виктория Юрьевна </t>
  </si>
  <si>
    <t>100109555420</t>
  </si>
  <si>
    <t>10:21:0030208:33 земли населенных пунктов, для ИЖС</t>
  </si>
  <si>
    <t>Корабль на Шуе, плавающий дом, Пряжинский район, д. Нижние Виданы, ул. Набережная, д.1, 8-981-405-43-76, https://vk.com/vidanydom</t>
  </si>
  <si>
    <t>Паршуков Павел Федорович</t>
  </si>
  <si>
    <t>100115567021</t>
  </si>
  <si>
    <t>База отдыха "Pineland" Пряжинский район, д.Сямозеро, Сосновое побережье, 8-953-533-94-24. https://vk.com/mosihin1987,  https://vk.com/pineland</t>
  </si>
  <si>
    <t>Мосихин Алексей Олегович</t>
  </si>
  <si>
    <t>100122684008</t>
  </si>
  <si>
    <t>25.05.2022</t>
  </si>
  <si>
    <t>0</t>
  </si>
  <si>
    <t>ООО «Туристский центр Радуга» turbazaraduga@mail.ru</t>
  </si>
  <si>
    <t>1001231612</t>
  </si>
  <si>
    <t>02.03.2010</t>
  </si>
  <si>
    <t>Коттедж Вилла «Карьяла» (вход широкий в спальни, ванны, санузлы)</t>
  </si>
  <si>
    <t>10:21:0082203:432 земли особо особоохраняемых территорий и  объекты, для базы отдыха, 10:21:0082203:434
10:21:0082203:435
10:21:0082203:436
10:21:0082203:437</t>
  </si>
  <si>
    <t xml:space="preserve">Гостевые дома, Пряжинский район,   пгт. Пряжа, ул.Сосновый бор, 8142717503 </t>
  </si>
  <si>
    <t>ООО "Норден плюс" , LAHTA2015@gmail.com</t>
  </si>
  <si>
    <t>1001286026</t>
  </si>
  <si>
    <t>10:21:0082202:693 земли особо охраняемых территорий и объектов, для строительства туристической базы</t>
  </si>
  <si>
    <t xml:space="preserve">VIP- коттедж на Сямозеро, Пряжинский район,  д. Лахта, 8-911-417-09-73 </t>
  </si>
  <si>
    <t>17.07.2014</t>
  </si>
  <si>
    <t xml:space="preserve">Отсутствуют сведения о зарегистрированных правах </t>
  </si>
  <si>
    <t>Туристическй комплекс "Кудама",  ул. Майская  8-921-017-09-17 (Столяров Н.Д.)
kudama@onego.ru , Пряжинский район, д. Кудама</t>
  </si>
  <si>
    <t xml:space="preserve">ООО "Бриз" </t>
  </si>
  <si>
    <t>1021300085</t>
  </si>
  <si>
    <t>12.09.2002</t>
  </si>
  <si>
    <t>10:21:0040303:13 земли населенных пунктов п.Кудама ул.Майская, 10:21:0040303:12 для ИЖС (собственник Столяров Н. Д., ИНН 102100643107)</t>
  </si>
  <si>
    <t>Учебно-оздоровительный центр "Урозеро" , Пряжинский район, п. Чална</t>
  </si>
  <si>
    <t xml:space="preserve">ФГБОУ ВО «Петрозаводский государственный университет» </t>
  </si>
  <si>
    <t>1001040287</t>
  </si>
  <si>
    <t>86.90</t>
  </si>
  <si>
    <t>10:21:0033301:7, Под иными объектами специального назначения</t>
  </si>
  <si>
    <t>Туристско-спортивный комплекс Алекка, Пряжинский район, д. Алекка, 8-921-458-20-87 Березин Юрий Юрьевич</t>
  </si>
  <si>
    <t>ООО "Конференц-бюро", aok@1pervoe.ru</t>
  </si>
  <si>
    <t>1021002096</t>
  </si>
  <si>
    <t xml:space="preserve">79.11 Деятельность туристических агентств
</t>
  </si>
  <si>
    <t>10:21:0090111:14 земли населенных пунктов для ИЖС</t>
  </si>
  <si>
    <t>Гостиница "Пряжа",  Пряжинский район, пгт. Пряжа, ул. Советская, 81</t>
  </si>
  <si>
    <t>ООО "Совершенство"</t>
  </si>
  <si>
    <t>1001153629</t>
  </si>
  <si>
    <t>Присвоена категория: "одна звезда"
№ свидетельства 10/АА-063/126-2023
Срок действия свидетельства до 06 июня 2026 г</t>
  </si>
  <si>
    <t>Туристический эко-комплекс в Карелии "HuskyMoa" Пряжинский район,  п. Матросы, ул. Пряжинское шоссе, д. 106, 89212266341, 8142631918</t>
  </si>
  <si>
    <t>ООО Скифы-тур, skif.tour@bk.ru</t>
  </si>
  <si>
    <t>1021505389</t>
  </si>
  <si>
    <t>пандус</t>
  </si>
  <si>
    <t>Гостевой комплекс "Престиж" п. Эссойла, Пряжинский район, д. Алекка 89814009999,79114316555 Бочарникова Татьяна Александровна</t>
  </si>
  <si>
    <t>ООО "Авиаморской транспорт "Престиж", amtkarelia@yandex.ru</t>
  </si>
  <si>
    <t>1001245830</t>
  </si>
  <si>
    <t>10:21:0082203:436 земли особо охраняемых территорий и объектов, для базы отдыха</t>
  </si>
  <si>
    <t>Коттеджный поселок "Кохтусельга",  Пряжинский район, д. Кохтусельга,1   89217028765</t>
  </si>
  <si>
    <t>ООО "Кохтусельга", kohtuselga@mail.ru, рук. Манюкова Елена Владимировна</t>
  </si>
  <si>
    <t xml:space="preserve"> 1021505100</t>
  </si>
  <si>
    <t>10:21:0050601:9 земли населенных пунктов, разрешенное строительство под ИЖС</t>
  </si>
  <si>
    <t>ООО "Тихий хутор" , +7 (911) 783-60-39
Petersburgsreisen@list.ru</t>
  </si>
  <si>
    <t>10:21:0050203</t>
  </si>
  <si>
    <t>Гостевой дом "Кинерма", Пряжинский район,  д. Кинерма 8-921-226-20-49 Калмыкова Надежда Викторовна</t>
  </si>
  <si>
    <t>ООО "Кинерма", nadjuska1@rambler.ru</t>
  </si>
  <si>
    <t>1021506093</t>
  </si>
  <si>
    <t>10:21:0060901</t>
  </si>
  <si>
    <t>Туристическая база "Святозеро-Важинская пристань" Пряжинский район,  п. Верхние Важины д. Сигнаволок 89114003363 Грин Владислав Владиславович</t>
  </si>
  <si>
    <t xml:space="preserve">ООО "Грюнвальд", vladnepal28@yandex.ru
Тел.: + 7 (8142) 63-33-63 + 7 (911) 429-33-44
</t>
  </si>
  <si>
    <t>7801418233</t>
  </si>
  <si>
    <t>Земли поселений (земли населенных пунктов), 10:21:0120702:667, Для иных видов жилой застройки; 10:21:0120702:668, Для иных видов жилой застройки; 10:21:0120702:24, Для иных видов жилой застройки; 10:21:0120702:25, Для ведения гражданами садоводства и огородничества</t>
  </si>
  <si>
    <t>База отдыха "Karjala park" Пряжинский район, п. Матросы ,3, местность Сойважпорог, 8-921-010-36-71 (Кузнецов Дмитрий Олегович)</t>
  </si>
  <si>
    <t>ООО "Карелия Парк" , dmitry.kuznetsov@karjalapark.ru</t>
  </si>
  <si>
    <t>1001253800</t>
  </si>
  <si>
    <t>Присвоена категория: "три звезды"
№ свидетельства 10/АА-036/060-2021
Срок действия свидетельства до 16 дек. 2024 г</t>
  </si>
  <si>
    <t>10:21:0090504:11 земли особо охраняемых территорий и объектов, под строительство туристической базы</t>
  </si>
  <si>
    <t xml:space="preserve">Гостевой дом «Пряжа»  Пряжинский район, пгт Пряжа, ул. Сосновая, + 7 921 520 05 00,  Витаргов Адам Ножаевич  </t>
  </si>
  <si>
    <t xml:space="preserve">ООО "Продфронт" </t>
  </si>
  <si>
    <t>1001085827</t>
  </si>
  <si>
    <t xml:space="preserve">Дополнительные виды деятельности: 79.11 Деятельность туристических агентств                79.12 Деятельность туроператоров
</t>
  </si>
  <si>
    <t>10:21:0021303</t>
  </si>
  <si>
    <t>Коттеджный комплекс "Тулема" Пряжинский район, д. Мандера 89210125577 Быков Максим анатольевич</t>
  </si>
  <si>
    <t>ООО "Тулема", ekotulema@yandex.ru</t>
  </si>
  <si>
    <t>1021505854</t>
  </si>
  <si>
    <t>10:21:0050301, 10:21:0050702:581(580) Земли сельхозназначения-для дачного строительства), 10:21:0050702:592- земли сельхозназначения , для ИЖС</t>
  </si>
  <si>
    <t xml:space="preserve">Гостевой дом на озере Крошнозеро  Пряжинский район, с. Крошнозеро, ул. Магистральная, д.24, 89114214248, Соколова Марина Геннадьевна, Петрозаводск, ул. Мелентьевной, 28, ТЦ Главный </t>
  </si>
  <si>
    <t>ООО "Туристический салон "Санрайз", sunrisesalon@mail.ru</t>
  </si>
  <si>
    <t>1001284910</t>
  </si>
  <si>
    <t>10:21:110106 :219 Земли поселений (земли населенных пунктов). Для ведения личного подсобного хозяйства</t>
  </si>
  <si>
    <t>Гостевой дом на оз.Ведлозеро Пряжинский район, д. Юргилица, https://kareliavillage.ru/</t>
  </si>
  <si>
    <t xml:space="preserve">1001286026 </t>
  </si>
  <si>
    <t>17.07.2014      10.12.2021</t>
  </si>
  <si>
    <t>Дополнительный вид деятельности: 55.20 Деятельность по предоставлению мест для краткосрочного проживания  Основной вид деятельности  ИП -  55.20</t>
  </si>
  <si>
    <t>Гостевые дома Пряжинский район, д. Важинская пристань, оз. Святозеро, https://kareliavillage.ru/</t>
  </si>
  <si>
    <t>1001286026  100110394223</t>
  </si>
  <si>
    <t>Гостевой дом "Ангенлахти", Пряжинский район,  д. Ангенлахти, д.4,  +7 911 406 58 22, 8-911-419-28-33, https://kareliavillage.ru/</t>
  </si>
  <si>
    <t>10:21:0000000:4439 собственник Ашуров Нурмет Тагирович</t>
  </si>
  <si>
    <t>Гостевой дом 
"Kodi Järvi“  (гостевой дом "Романтик"), Пряжинский район,  п. Эссойла, ул. Набережная, д.1А,                  8-911-400-29-87</t>
  </si>
  <si>
    <t>Стефанькова Виктория Анатольевна</t>
  </si>
  <si>
    <t>391403934770</t>
  </si>
  <si>
    <t xml:space="preserve">55.20 Деятельность по предоставлению мест для краткосрочного проживания  </t>
  </si>
  <si>
    <t>10:21:0080210:1 Земли населенных пунктов-отдельно стоящие жилые дома с земельными участками</t>
  </si>
  <si>
    <t>Эко-отель "Harland Village"  Пряжинский район, дер. Нижние Виданы, поселок Шуйская Слобода, ул. Береговая 13-14</t>
  </si>
  <si>
    <t>ООО "ТК Лигея"</t>
  </si>
  <si>
    <t>1001177852</t>
  </si>
  <si>
    <t>Присвоена категория: "три звезды"
№ свидетельства 10/АА-036/084-2022
Срок действия свидетельства до 29 июля 2025 г</t>
  </si>
  <si>
    <t>Гостевой комплекс "Три медведя" Пряжинский район, Сямозеро,  64 км трассы Петрозаводск - Суоярви +7 (911) 666 75 13</t>
  </si>
  <si>
    <t>ООО "Карелия-Интер"</t>
  </si>
  <si>
    <t>1001154982</t>
  </si>
  <si>
    <t>55.90 Деятельность по предоставлению
прочих мест для временного проживания</t>
  </si>
  <si>
    <t>79.11 Деятельность туристических агентств</t>
  </si>
  <si>
    <t>не понятно, работают или нет</t>
  </si>
  <si>
    <t>Парк-отель "Сямозеро", Пряжинский район,  ур. Пашинмяги</t>
  </si>
  <si>
    <t>ООО "Арт-Сервис"</t>
  </si>
  <si>
    <t>1001171378</t>
  </si>
  <si>
    <t>10:21:0082203:330 земли особо охраняемых территорий и объектов, под базу отдыха</t>
  </si>
  <si>
    <t>Турбаза "Кангас", Пряжинский район, д. Чуралахта, 8-911-432-00-01, https://kangas-karelia.ru/, https://vk.com/kangas_kareliya</t>
  </si>
  <si>
    <t>ООО "КАЛИТА ГРУПП"</t>
  </si>
  <si>
    <t>1001335361</t>
  </si>
  <si>
    <t xml:space="preserve">Дополнительный вид деятельности: 55.30 Деятельность по предоставлению
мест для временного проживания в
кемпингах, жилых автофургонах и
туристических автоприцепах
</t>
  </si>
  <si>
    <t>Турбаза "У Викторовича и Николаевича" Пряжинский район, д. Самозеро 2, Сямозерская улица 1, два гостевых дома   8-911-400-55-53 https://турбазанасямозеро.su/</t>
  </si>
  <si>
    <t>Юдина Ольга Николаевна</t>
  </si>
  <si>
    <t>1001321520</t>
  </si>
  <si>
    <t>Гостевой дом, Пряжинский район, д. Сямозеро https://vk.com/club181589575, 8-911-668-40-63</t>
  </si>
  <si>
    <t>Тарачева Юлия Владимировна</t>
  </si>
  <si>
    <t xml:space="preserve"> 100122737147</t>
  </si>
  <si>
    <t xml:space="preserve">68.20.1 Аренда и управление собственным
или арендованным жилым недвижимым
имуществом
</t>
  </si>
  <si>
    <t>земля в собственности</t>
  </si>
  <si>
    <t>Дом Пряжинский район,  п.Маньга, ул. Болотная, д. 19</t>
  </si>
  <si>
    <t>Спиридонова Анастасия Игоревна</t>
  </si>
  <si>
    <t>100116408803</t>
  </si>
  <si>
    <t>10:21:0020405:2 Земли населенных пунктов, ИЖС</t>
  </si>
  <si>
    <t>Гостевой дом Пряжинский район, д.Лахта, ул. Болотная, д.8, 8-985-280-53-99</t>
  </si>
  <si>
    <t>Милованов Александр Владимирович</t>
  </si>
  <si>
    <t>772154228108</t>
  </si>
  <si>
    <t>10:21:0040201:50 Земли населенных пунктов, для ведения ЛПХ</t>
  </si>
  <si>
    <t>Гостевой дом. Пряжский район, п.Кундозеро</t>
  </si>
  <si>
    <t>Кузина Оксана Викторовна</t>
  </si>
  <si>
    <t>100106317709</t>
  </si>
  <si>
    <t xml:space="preserve">Дополнительные виды деятельности: 55.10, 55.20, 55.30, 55.90 </t>
  </si>
  <si>
    <t>собсвтенник дома - Кузина Эвелина Эдуардовна (дочь)</t>
  </si>
  <si>
    <t>62</t>
  </si>
  <si>
    <t xml:space="preserve">База отдыха "Ижунаволок", д. Инжунаволок </t>
  </si>
  <si>
    <t>ИП Полянский И.А.</t>
  </si>
  <si>
    <t>100111650649</t>
  </si>
  <si>
    <t xml:space="preserve">деятельность прекращена </t>
  </si>
  <si>
    <t>https://ingunavolok.ru/</t>
  </si>
  <si>
    <t>Гостевой дом "Тулмозерье" д.Мандера,                         8-978-827-13-57</t>
  </si>
  <si>
    <t>Дорохова Елена Михайловна</t>
  </si>
  <si>
    <t xml:space="preserve"> -</t>
  </si>
  <si>
    <t>https://vk.com/tulmozero10rus </t>
  </si>
  <si>
    <t>База отдыха "Лесной двор"  п. Сяпся, мыс Шапнаволок</t>
  </si>
  <si>
    <t xml:space="preserve"> Гаврилова Елена Васильевна искл.из реестра МСП 10.08.2020</t>
  </si>
  <si>
    <t>102101164957</t>
  </si>
  <si>
    <t>https://xn--b1adcqinhdsd.xn--p1ai/</t>
  </si>
  <si>
    <t>10:21:0041403:4  земли промышленности, энергетики, транспорта, связи, радиовещания, телевидения, информатики, земли для обеспечения космической деятельности, земли обороны, безопасности и земли иного специального назначения, для размещения промышленных объектов, для эскплуатации общежития сезонных рабочих</t>
  </si>
  <si>
    <t>Р-2 земли рекреационного назначения
 (проект) не в черте населенного пункта
 по ОКВЭД основной вид разрешенного использования</t>
  </si>
  <si>
    <t>Гостевой дом "Крошнозеро" д.Гонганалица,  +7 (911) 420-22-00, 8-921-726-10-40 (Олег)</t>
  </si>
  <si>
    <t>Савельев Олег Алексеевич</t>
  </si>
  <si>
    <t>excursionkarelia@yandex.ru</t>
  </si>
  <si>
    <t>Домик  в д.Сяргилахта</t>
  </si>
  <si>
    <t>https://cottage-karelia.ru/catalog/view/kottedzh-syargilahta</t>
  </si>
  <si>
    <t xml:space="preserve">Гостевой дом "У Сяпси" п.Сяпся, устье реуи Сяпся с выходом на оз.Сямозеро </t>
  </si>
  <si>
    <t>Ванда Словецкая</t>
  </si>
  <si>
    <t>https://vk.com/wall88588110_980</t>
  </si>
  <si>
    <t>Усадьба "Хозяин тайги" на оз. Ваготозеро, в устье реки Шуя   8-921-017-75-70 Анна),                                                       8-921-01-07-007 (Андрей)</t>
  </si>
  <si>
    <t>mailto:tur-karelia@bk.ru</t>
  </si>
  <si>
    <t>Земли поселений (земли населенных пунктов), 10:21:0081502:10, Для индивидуальной жилой застройки; 10:21:0081502:38, Для ведения личного подсобного хозяйства</t>
  </si>
  <si>
    <t>1. Ж-1 зона застройки индивидуальными жилыми домами,
 в черте населенного пункта
 2. Ж-1 зона застройки индивидуальными жилыми домами,
 в черте населенного пункта
 1.  условно разрешенный вид использования 
2.  условно разрешенный вид использования</t>
  </si>
  <si>
    <t>Гостевой дом Пряжинский район  д. Сяпся</t>
  </si>
  <si>
    <t xml:space="preserve">Порро О. В. </t>
  </si>
  <si>
    <t>102100981723</t>
  </si>
  <si>
    <t>tvil.ru; avito.ru; cian.ru; buking.ru.  10.2016</t>
  </si>
  <si>
    <t>10:21:0041403:168 10:21:0041403:392 Земли населенных пунктов, для ведения ЛПХ, 10:21:0041403:391 ИЖС, 10:21:0041403:390 ИЖС</t>
  </si>
  <si>
    <t>Гостевой дом Пряжинский район п. Сяпся, пер. Дачный, 10</t>
  </si>
  <si>
    <t xml:space="preserve">Селин Л. Н.                               </t>
  </si>
  <si>
    <t>100112268496</t>
  </si>
  <si>
    <t>tvil.ru; avito.ru; cian.ru; buking.ru. 06.2016</t>
  </si>
  <si>
    <t>10:21:0040105:9 Земли населенных пунктов, ИЖС</t>
  </si>
  <si>
    <t>Гостевой дом Пряжинский район Ершнаволок, с. Крошнозеро</t>
  </si>
  <si>
    <t xml:space="preserve">Максименко А. В. </t>
  </si>
  <si>
    <t xml:space="preserve"> 102000840824</t>
  </si>
  <si>
    <t>tvil.ru; avito.ru; cian.ru; buking.ru. 03.2018</t>
  </si>
  <si>
    <t>Туристическая база Святозеро Важинская пристань ул Сигнаволокская, д.1</t>
  </si>
  <si>
    <t>Воронкова Галина Николаевна</t>
  </si>
  <si>
    <t>10:21:0000000:4447 ИЖС</t>
  </si>
  <si>
    <t>Гостевой дом с.Эссойла, ул. Приозерная, д.16, 8-981-401-30-67</t>
  </si>
  <si>
    <t>Городейко Григорий Викторович</t>
  </si>
  <si>
    <t>https://www.avito.ru/pryazha/doma_dachi_kottedzhi/dom_120m_na_uchastke_30sot._2440503353</t>
  </si>
  <si>
    <t>10:21:0080203:33 Земли населенных пунктов, ИЖС</t>
  </si>
  <si>
    <t>20.08.2023 - отрабатывает ФНС</t>
  </si>
  <si>
    <t>Гостевой дом с.Эссойла, ул. Приозерная, д.15, 8-981-401-30-67</t>
  </si>
  <si>
    <t>Городейко Татьяна Сергеевна</t>
  </si>
  <si>
    <t>ЦИАН https://petrozavodsk.cian.ru/rent/suburban/272029221/</t>
  </si>
  <si>
    <t>10:21:0080203:46 Земли населенных пунктов, ИЖС</t>
  </si>
  <si>
    <t>Гостевой дом "Ведлозеро"  Пряжинский р-н, с.Ведлозеро  +7 (911) 421-72-67 (Мария Сергеевна Инамировна)</t>
  </si>
  <si>
    <t>Лукина Арина</t>
  </si>
  <si>
    <t>не зарегистрированы, пытаются, оформляют землю, инфо в июле 2023</t>
  </si>
  <si>
    <t>Гостевой дом, Пряжинский район, с. Ведлозеро, ул. Новая, 12</t>
  </si>
  <si>
    <t>Иванов Сергей Алексеевич</t>
  </si>
  <si>
    <t xml:space="preserve">  100108652406</t>
  </si>
  <si>
    <t>10:21:0060140:163 ИЖС</t>
  </si>
  <si>
    <t>Коттедж "Панорама", 76,2 м, Пряжинский район, д. Сямозеро, ул. Сямозерская,  КН 10:21:0081204:159</t>
  </si>
  <si>
    <t xml:space="preserve">Матвеева Вера Викторовна     </t>
  </si>
  <si>
    <t>510900175606</t>
  </si>
  <si>
    <t xml:space="preserve">68.20.1 Аренда и управление собственным
или арендованным жилым недвижимым
имуществом, 68.20.2 Аренда и управление собственным
или арендованным нежилым недвижимым
имуществом
</t>
  </si>
  <si>
    <t>10:21:0081204:35 Земли населенных пунктов, отдельно стоящие жилые дома с земельными участками</t>
  </si>
  <si>
    <t>Коттедж "Панорама", 76,2 м, Пряжинский район, д. Сямозеро, ул. Сямозерская, КН 10:21:0081204:160</t>
  </si>
  <si>
    <t>Пряжинский район, д. Сямозеро, ул. Сямозерская, КН 10:21:0081204:158</t>
  </si>
  <si>
    <t>Гостевой дом в Сосновом бору, 8-921-223-63-73 , Денисенко Юлия Игоревна, пгт. Пряжа, ул. Боровая, д.2, ,  https://vk.com/aframekarelia</t>
  </si>
  <si>
    <t>Мошанов Максим Сергеевич</t>
  </si>
  <si>
    <t>102101675246</t>
  </si>
  <si>
    <t>02.10.2019</t>
  </si>
  <si>
    <t>Дополнительные виды деятельности: 55.10, 55.20, 55.30, 55.90</t>
  </si>
  <si>
    <t>10:21:0021303:509 Земли населенных пунктов, ИЖС</t>
  </si>
  <si>
    <t>Пряжинский район, д. Важинская пристань, дом 20 м</t>
  </si>
  <si>
    <t xml:space="preserve">Титков Михаил Сергеевич </t>
  </si>
  <si>
    <t xml:space="preserve"> 100119624930</t>
  </si>
  <si>
    <t>гостевой дом Сяпся ул. Речная,д 14 Отдых в Карелии, Пряжинский район, п. Сяпся, ул. Речная, 14</t>
  </si>
  <si>
    <t>Гришина Ольга Валентиновна</t>
  </si>
  <si>
    <t xml:space="preserve">     100107881611</t>
  </si>
  <si>
    <t>10:21:0000000:612 МКД</t>
  </si>
  <si>
    <t>Гостевой дом Andi , Пряжинский район, п. Сяпся, ул. Солнечная,15- 17</t>
  </si>
  <si>
    <t xml:space="preserve"> Калилец Дмитрий Павлович  </t>
  </si>
  <si>
    <t>102101117795</t>
  </si>
  <si>
    <t>Гостевой дом п.Сяпся, ул. Ягодная, д.23</t>
  </si>
  <si>
    <t xml:space="preserve">Савушкин Александр Геннадьевич, </t>
  </si>
  <si>
    <t>Авито https://www.avito.ru/pryazha/doma_dachi_kottedzhi/dom_81m_na_uchastke_8sot._2381379889</t>
  </si>
  <si>
    <t>Земли населенных пунктов, 10:21:0040105:260, Вид отдельно стоящие жилые дома с з/у</t>
  </si>
  <si>
    <t>Гостевой дом п.Сяпся, ул. Еловая, д.18</t>
  </si>
  <si>
    <t xml:space="preserve">Ненилина Ирина Алексеевна, </t>
  </si>
  <si>
    <t>Авито https://www.avito.ru/pryazha/doma_dachi_kottedzhi/dom_56m_na_uchastke_15sot._2492275635</t>
  </si>
  <si>
    <t>Земли населенных пунктов, 10:21:0041403:428, Вид для ведения ЛПХ (приусадебный з/у)</t>
  </si>
  <si>
    <t>Гостевой дом п.Сяпся. Ул.Речная, д. 15</t>
  </si>
  <si>
    <t>Сикан Александра Николаевна, Присашкова Валерия Александровна</t>
  </si>
  <si>
    <t>Авито https://www.avito.ru/pryazha/doma_dachi_kottedzhi/dom_25m_na_uchastke_15sot._1268458387</t>
  </si>
  <si>
    <t>Земли населенных пунктов, Вид для ведения ЛПХ 10:21:0040100:10 (Единое землепользование)10:21:0040103:44 Земли населенных пунктов, для обслуживания и эксплуатации МКД</t>
  </si>
  <si>
    <t>Дом с.Эссойла,пер Фермерский, д. 5а</t>
  </si>
  <si>
    <t>Черепанов Станислав Константинович, Дроздов Владимир Сергеевич 10:21:0080201:77</t>
  </si>
  <si>
    <t>на АВИТО https://www.avito.ru/pryazha/doma_dachi_kottedzhi/dom_84m_na_uchastke_15sot._2284057577?guests=2</t>
  </si>
  <si>
    <t>10:21:0080201:49 Земли населенных пунктов, для ведения ЛПХ (пчеловодство)</t>
  </si>
  <si>
    <t>Гостевой дом пгт.Пряжа ул. Заречная, д. 6А</t>
  </si>
  <si>
    <t>Шлыкова Юлия Александровна</t>
  </si>
  <si>
    <t>https://101hotels.com/main/cities/pryazha/guest_house_zarechnaya_1.html</t>
  </si>
  <si>
    <t>10:21:0010402:43 ИЖС</t>
  </si>
  <si>
    <t>Дом Family house пгт.Пряжа ул. Ключевая. Д. 16, 16А</t>
  </si>
  <si>
    <t>Игашев Андрей Николаевич</t>
  </si>
  <si>
    <t>Авито https://www.avito.ru/pryazha/doma_dachi_kottedzhi/dom_78m_na_uchastke_70sot._2345430746?guests=2</t>
  </si>
  <si>
    <t>10:21:0010802:15, 10:21:0010802:18 ИЖС</t>
  </si>
  <si>
    <t>Дом с Эссойла ул. Угмойльская с бассейном</t>
  </si>
  <si>
    <t>Авито https://www.avito.ru/pryazha/doma_dachi_kottedzhi/dom_80m_na_uchastke_25sot._2754356068</t>
  </si>
  <si>
    <t>требуется уточнение</t>
  </si>
  <si>
    <t>Дом д.Лахта территория Корбинаволок, д 8А</t>
  </si>
  <si>
    <t>Шеренкова Ольга Сергеевна</t>
  </si>
  <si>
    <t>Авито https://www.avito.ru/pryazha/doma_dachi_kottedzhi/dom_60m_na_uchastke_10sot._1220855035</t>
  </si>
  <si>
    <t>от 8 и более</t>
  </si>
  <si>
    <t>10:21:0040206:41 Земли населенных пунктов, для ЛПХ</t>
  </si>
  <si>
    <t>Дом Матросы Шуйский пер.11</t>
  </si>
  <si>
    <t>Устименко Анастасия Владимировна</t>
  </si>
  <si>
    <t>Авито https://www.avito.ru/pryazha/doma_dachi_kottedzhi/dom_40m_na_uchastke_50sot._2516432151</t>
  </si>
  <si>
    <t>10:21:0090101:315 ИЖС</t>
  </si>
  <si>
    <t>Дом Матросы Шуйский пер.4</t>
  </si>
  <si>
    <t>Козловская Ольга Валерьевна</t>
  </si>
  <si>
    <t>Авито https://www.avito.ru/pryazha/doma_dachi_kottedzhi/dom_42m_na_uchastke_25sot._2600364114?guests=2</t>
  </si>
  <si>
    <t>10:21:0090101:322 ИЖС</t>
  </si>
  <si>
    <t>Дом 35 м2, Юргилица, 1А</t>
  </si>
  <si>
    <t>Подосенова Мария Сергеевна</t>
  </si>
  <si>
    <t>Авито https://www.avito.ru/pryazha/doma_dachi_kottedzhi/dom_35m_na_uchastke_25sot._1971912574</t>
  </si>
  <si>
    <t>10:21:0060306:7 Земли населенных пунктов, для садоводства</t>
  </si>
  <si>
    <t>Дом п.Эссойла ул.Гористая.д 13</t>
  </si>
  <si>
    <t>Никулин Павел Владимирович, Яковлев Виктор Тимофеевич</t>
  </si>
  <si>
    <t>Авито https://www.avito.ru/pryazha/doma_dachi_kottedzhi/dom_52m_na_uchastke_15sot._2394602518</t>
  </si>
  <si>
    <t>10:21:0080102:37 для ведения ЛПХ</t>
  </si>
  <si>
    <t>Коттедж п.Сяпся ул. Луговая, д. 10</t>
  </si>
  <si>
    <t>Сероносов Сергей Леонидович</t>
  </si>
  <si>
    <t>Авито https://www.avito.ru/pryazha/doma_dachi_kottedzhi/kottedzh_150m_na_uchastke_50sot._2374719413</t>
  </si>
  <si>
    <t>10:21:0040104:20 для ведения ЛПХ</t>
  </si>
  <si>
    <t>Дом д. Сямозеро ул. Дачная, д. 18</t>
  </si>
  <si>
    <t>Дорофеев Владислав Владимирович</t>
  </si>
  <si>
    <t>Авито https://www.avito.ru/pryazha/doma_dachi_kottedzhi/dom_42m_na_uchastke_7sot._2270612723?guests=2</t>
  </si>
  <si>
    <t>10:21:0081205:45 ИЖС</t>
  </si>
  <si>
    <t>Дом, пгт.Пряжа , ул. Сосновый бор, 12</t>
  </si>
  <si>
    <t>Арефьев Алексей Викторович, 8-953-530-50-43</t>
  </si>
  <si>
    <t>Авито https://www.avito.ru/pryazha/doma_dachi_kottedzhi/dom_140m_na_uchastke_15sot._2603813003</t>
  </si>
  <si>
    <t>10:21:0021303:503 ИЖС</t>
  </si>
  <si>
    <t>Таунхаус Пелдожа,1</t>
  </si>
  <si>
    <t>Боев Александр Леонидович</t>
  </si>
  <si>
    <t>АВИТО https://www.avito.ru/pryazha/doma_dachi_kottedzhi/taunhaus_82m_na_uchastke_85sot._2478004813</t>
  </si>
  <si>
    <t>Дом тер.Занкелица, ул.Тенистая,д.20</t>
  </si>
  <si>
    <t>Малинина Наталья Валентиновна</t>
  </si>
  <si>
    <t>https://www.avito.ru/pryazha/doma_dachi_kottedzhi/dom_36m_na_uchastke_15sot._2525406055?guests=2</t>
  </si>
  <si>
    <t>10:21:0082205:958 Земли с/х назначения, для дачного строительства</t>
  </si>
  <si>
    <t>Дом п Сяпся ул.Ягодная,д.1А</t>
  </si>
  <si>
    <t>Федулин Николай Иванович</t>
  </si>
  <si>
    <t>https://www.avito.ru/pryazha/doma_dachi_kottedzhi/dom_45m_na_uchastke_20sot._1335507329</t>
  </si>
  <si>
    <t>10:21:0040105:119 для ведения ЛПХ</t>
  </si>
  <si>
    <t>Дом с Святозеро ул.Лахтинская. Д. 10Е</t>
  </si>
  <si>
    <t>Метелица Алексей Леонидович</t>
  </si>
  <si>
    <t>https://www.avito.ru/pryazha/doma_dachi_kottedzhi/dom_50m_na_uchastke_60sot._2692917317</t>
  </si>
  <si>
    <t>10:21:0120107:50 ИЖС</t>
  </si>
  <si>
    <t>Дом п.Эссойла, ул. Лыжная, д. 17А</t>
  </si>
  <si>
    <t>Амосов Сергей Александрович</t>
  </si>
  <si>
    <t>OLAN.RU https://olan.ru/r-n-pryazhinskiy/p-essoyla/for-rent-house/82905923-30-0-m-na-uchastke-15-0-sot-etazhey-1-6000-rub-ul-lyzhnaya-essoylskoe-selskoe-poselenie-pryazha</t>
  </si>
  <si>
    <t>10:21:0080104:425 ИЖС</t>
  </si>
  <si>
    <t>Дом д.Виданы, ул.Антушевская, д. 19</t>
  </si>
  <si>
    <t>Мякота Максим Вячеславович</t>
  </si>
  <si>
    <t>ЦИАН https://petrozavodsk.cian.ru/rent/suburban/277045511/</t>
  </si>
  <si>
    <t>10:21:0030208:34 ИЖС</t>
  </si>
  <si>
    <t>Дом д.Сяргилахта,1</t>
  </si>
  <si>
    <t>Зайцева Татьяна Васильевна</t>
  </si>
  <si>
    <t>ЦИАН https://cian.tvil.ru/city/syamozero/houses/1311694/?cian_source=cian&amp;cian_medium=book_button_serp_desktop&amp;cian_campaign=feed_tvil&amp;submarker=feed_tvil&amp;_ga=2.8831093.1344146144.1679988108-1142391732.1679988108</t>
  </si>
  <si>
    <t>10:21:0080404:7 ИЖС</t>
  </si>
  <si>
    <t>Баня - дом  п.Чална, ул. Кленовая. Д. 10</t>
  </si>
  <si>
    <t>Кузьмина Александра Владимировна, Горбунов Алексей Владимирович</t>
  </si>
  <si>
    <t>ЦИАН https://cian.tvil.ru/city/chalna/houses/1353710/?cian_source=cian&amp;cian_medium=book_button_serp_desktop&amp;cian_campaign=feed_tvil&amp;submarker=feed_tvil&amp;_ga=2.86869208.1344146144.1679988108-1142391732.1679988108</t>
  </si>
  <si>
    <t>АРЕНДА, СУБАРЕНДА  10:21:0030106:177 Земли населенных пунктов, отдельно стоящие жилые дома с земельными участками</t>
  </si>
  <si>
    <t>Дом д. Курмойла, д. 34</t>
  </si>
  <si>
    <t>Крохин Алексей евгеньевич</t>
  </si>
  <si>
    <t>https://olan.ru/r-n-pryazhinskiy/d-kurmoyla/for-rent-house/69399894-59-0-m-na-uchastke-10-0-sot-etazhey-2-3000-rub-essoylskoe-selskoe-poselenie-34-pryazha</t>
  </si>
  <si>
    <t>10:21:0080502:11 ИЖС</t>
  </si>
  <si>
    <t>Дом с.Ведлозеро ул.Промышленная, д. 68</t>
  </si>
  <si>
    <t>Стоянов Николай Степанович</t>
  </si>
  <si>
    <t>https://olan.ru/r-n-pryazhinskiy/pgt-pryazha/for-rent-house/67512969-75-0-m-na-uchastke-15-0-sot-etazhey-2-7000-rub</t>
  </si>
  <si>
    <t>10:21:0060137:9 для приусадебного участка Земли населенных пунктов</t>
  </si>
  <si>
    <t>Дом п.Кудама, ул. Набережная, д. 9</t>
  </si>
  <si>
    <t>Филатова Светлана Николаевна</t>
  </si>
  <si>
    <t>ЦИАН https://cian.tvil.ru/city/posyolok-kudama/houses/1458366/?cian_source=cian&amp;cian_medium=book_button_serp_desktop&amp;cian_campaign=feed_tvil&amp;submarker=feed_tvil&amp;_ga=2.240591683.1344146144.1679988108-1142391732.1679988108</t>
  </si>
  <si>
    <t>10:21:0040307:10 Земли населенных пунктов, отдельно стоящие жилые дома с земельными участками</t>
  </si>
  <si>
    <t>Дом п.Эссойла, ул. Пляжная, д. 1</t>
  </si>
  <si>
    <t>Куликова Галина Петровна</t>
  </si>
  <si>
    <t>ЦИАН https://cian.tvil.ru/city/jessojla/houses/1598463/?cian_source=cian&amp;cian_medium=book_button_serp_desktop&amp;cian_campaign=feed_tvil&amp;submarker=feed_tvil&amp;_ga=2.240618691.1344146144.1679988108-1142391732.1679988108</t>
  </si>
  <si>
    <t>10:21:0080104:219 ИЖС</t>
  </si>
  <si>
    <t>Дом с.Крошнозеро ул.Заводская. Д. 28</t>
  </si>
  <si>
    <t>Энгельсон Анастасия Олеговна</t>
  </si>
  <si>
    <t>https://www.avito.ru/pryazha/doma_dachi_kottedzhi/kottedzh_65m_na_uchastke_50sot._2592400196?guests=2</t>
  </si>
  <si>
    <t>10:21:0111001:445, 10:21:0111001:1287 Земли населенных пунктов, для ведения подсобного хозяйства</t>
  </si>
  <si>
    <t>Дом п.Эссойла, ул. Пляжная, д. 2</t>
  </si>
  <si>
    <t>Коршунов Юрий Александрович</t>
  </si>
  <si>
    <t>ЦИАН https://cian.tvil.ru/city/jessojla/houses/1598449/?cian_source=cian&amp;cian_medium=book_button_serp_desktop&amp;cian_campaign=feed_tvil&amp;submarker=feed_tvil&amp;_ga=2.42788837.1344146144.1679988108-1142391732.1679988108</t>
  </si>
  <si>
    <t>10:21:0080104:117 Земли населенных пунктов, для ведения ЛПХ(приусадебный земельный участок),Территориальная зона Ж-1,зона застройки индивидуальными жилыми домами</t>
  </si>
  <si>
    <t>Дом,168 м2, д.Виданы, ул. Крупской, д.22</t>
  </si>
  <si>
    <t>Андреев Иван Аркадьевич</t>
  </si>
  <si>
    <t>10:21:0030203:181 Земли населенных пунктов, для ИЖС</t>
  </si>
  <si>
    <t>Дом, 35м2, п.Эссойла ул.Строителей, д. 7 (1/3 дома)</t>
  </si>
  <si>
    <t>Персиянцев Денис Владимирович</t>
  </si>
  <si>
    <t>Move.ru. https://kareliya.move.ru/objects/sdaetsya_2-komnatnaya_kottedji_na_sutki_ploschadyu_35_kvm_ploschadyu_4_sotok_kareliya_pryajinskiy_essoylskoe_essoyla_ul_stroiteley_7_6901425645/. Авито https://www.avito.ru/pryazha/doma_dachi_kottedzhi/dom_35m_na_uchastke_4sot._2972576863</t>
  </si>
  <si>
    <t>2 комн</t>
  </si>
  <si>
    <t>10:21:0080214:56 Земли населенных пунктов, для эксплуатации и обслуживания МКД</t>
  </si>
  <si>
    <t>Дом 54 м2, пгт.Пряжа ул.Набережная, д.14</t>
  </si>
  <si>
    <t>Миронков павел Федорович</t>
  </si>
  <si>
    <t>до 5</t>
  </si>
  <si>
    <t>новый, год не указан</t>
  </si>
  <si>
    <t>Дом</t>
  </si>
  <si>
    <t>Дом 56 м2 п. Сяпся ул. 1 Мая д 28</t>
  </si>
  <si>
    <t>Крамер Ольга Владимировна</t>
  </si>
  <si>
    <t>не указан год</t>
  </si>
  <si>
    <t>10:21:0000000:586 Находится МКД (3 квартиры),собственник квартир Крамер Ольга Владимировна</t>
  </si>
  <si>
    <t>Дом у реки, Шуйский залив, д.Виданы, ул. Антушевская,д.21, 70 м2</t>
  </si>
  <si>
    <t>ЦИАН https://petrozavodsk.cian.ru/rent/suburban/283576964/</t>
  </si>
  <si>
    <t>Информации нет</t>
  </si>
  <si>
    <t>Дом 70 м2,п.Эссойла ул.Строителей д. 16</t>
  </si>
  <si>
    <t>Ратников Юрий Александрович (кв. № 1), Калугина Ирина Армасовна (квартира № 2)</t>
  </si>
  <si>
    <t>МКД (2 квартиры)</t>
  </si>
  <si>
    <t>Гостевой дом "Talo jarvi", 77 кв.м.,д.Нижняя Салма, ул.Заречная,д.13</t>
  </si>
  <si>
    <t>Шапошник Сергей Борисович</t>
  </si>
  <si>
    <t>10:21:0081502:3 Земли населенных пунктов, ИЖС, 10:21:0081502:49 Земли населенных пунктов,ИЖС</t>
  </si>
  <si>
    <t>База отдыха "Сямозеро", Эссойла ул.Радужная, д. 1</t>
  </si>
  <si>
    <t>Плеханова Нина Евгеньевна</t>
  </si>
  <si>
    <t>9 номеров</t>
  </si>
  <si>
    <t>МКД (2 квартиры) 10:21:0080202:14 Земли населенных пунктов, для ведения личного подсобного хозяйства, Территориальная зона Ж1, Малоэтажная жилая застройка</t>
  </si>
  <si>
    <t>Дом 51 м2, п.Матросы, ул.Первомайская, д.26Б</t>
  </si>
  <si>
    <t>Зеленцов Глеб Станиславович</t>
  </si>
  <si>
    <t>На АВИТО https://www.avito.ru/pryazha/doma_dachi_kottedzhi/dom_51_m_na_uchastke_15_sot._2562002187</t>
  </si>
  <si>
    <t>август 2022 г.</t>
  </si>
  <si>
    <t>10:21:0090101:36 Земли населенных пунктов, ИЖС</t>
  </si>
  <si>
    <t>Дом 60 м2, с.Крошнозеро, пер.Школьный, д. 4</t>
  </si>
  <si>
    <t>Парфенов Олег Евгеньевич</t>
  </si>
  <si>
    <t>НА АВИТО https://www.avito.ru/pryazha/doma_dachi_kottedzhi/dom_60_m_na_uchastke_1_sot._1957947415</t>
  </si>
  <si>
    <t>10:21:0110100:10 Единое землепользование, Земли населенных пунктов, для индивидуального садоводства</t>
  </si>
  <si>
    <t>Дом 30 м2, п.Сяпся , ул. Лесная, д.3А</t>
  </si>
  <si>
    <t>Парфентьев Степан Викторович, Шаталова Татьяна Твановна</t>
  </si>
  <si>
    <t>На АВИТО https://www.avito.ru/pryazha/doma_dachi_kottedzhi/dom_30m_na_uchastke_12sot._2195573548</t>
  </si>
  <si>
    <t>10:21:0040103:69 Земли населенных пунктов, отдельно стоящие жилые дома с земельнымии участками, многоквартирные жилые дома (2-4 этажа)</t>
  </si>
  <si>
    <t>Дом 97 м2, д.Лахта, ул.Заречная, д. 7</t>
  </si>
  <si>
    <t>Ефимов Петр Александрович</t>
  </si>
  <si>
    <t>На АВИТО https://www.avito.ru/pryazha/doma_dachi_kottedzhi/dom_97_m_na_uchastke_205_sot._1969303548</t>
  </si>
  <si>
    <t>10:21:0000000:8707 Земли населенных пунктов, под строительство индивидуального дома</t>
  </si>
  <si>
    <t>Загородный дом "ShaleBerries"оз. Сямозеро, д.Сямозеро,ул.Береговая. Д.16 (Шале Лесные ягоды)</t>
  </si>
  <si>
    <t>https://vk.com/shaleberries</t>
  </si>
  <si>
    <t>2019 г.</t>
  </si>
  <si>
    <t>10:21:0000000:85 (Единое землепользование) Земли с/х нахначения</t>
  </si>
  <si>
    <t>Коттедж 160 м2 Нижние Виданы территория Шуйская Слобода, ул Сиреневая д. 2, 8-906-222-41-95</t>
  </si>
  <si>
    <t>OLAN.RU - https://olan.ru/r-n-pryazhinskiy/d-nizhnie-vidany/for-rent-house/cottage/77075721-160-0-m-na-uchastke-30-0-sot-etazhey-2-19000-rub-chalninskoe-selskoe-poselenie-territoriya-shuyskaya-sloboda-sirenevaya-ul-2-petrozavodsk</t>
  </si>
  <si>
    <t>до 10</t>
  </si>
  <si>
    <t>Кантри Хаус Алекка, Эссойльское поселение полуостров Азаннаволок</t>
  </si>
  <si>
    <t>https://www.booking.com/hotel/ru/country-house-alekka.ru.html</t>
  </si>
  <si>
    <t>дата реконструкции 2019 г.</t>
  </si>
  <si>
    <t>Дом 200 м2 д.Гонганалица, д. 52</t>
  </si>
  <si>
    <t>Мазов Геннадий Львович</t>
  </si>
  <si>
    <t>АВИТО https://www.avito.ru/pryazha/doma_dachi_kottedzhi/dom_200m_na_uchastke_100sot._3023383585</t>
  </si>
  <si>
    <t>до 10 чел.</t>
  </si>
  <si>
    <t>10:21:0110402:139 Земли населенных пунктов, для садоводства</t>
  </si>
  <si>
    <t>Дом 160 м2 д.Сямозеро ул.Дачная. Д.10</t>
  </si>
  <si>
    <t>Куликова Нонна Левонтьева</t>
  </si>
  <si>
    <t>авито https://www.avito.ru/pryazha/doma_dachi_kottedzhi/dom_160m_na_uchastke_20sot._3054213674?guests=2</t>
  </si>
  <si>
    <t>10:21:0081205:3 Земли населенных пунктов, для ведения ЛПХ (приусадебный з/у), ТЗ-Ж1, Зона застройки индивидуальными жилыми домами</t>
  </si>
  <si>
    <t xml:space="preserve">База отдыха "Денисов мыс",  д. Алекка,  8-921-228-24-00, +7-924-172-25-55
</t>
  </si>
  <si>
    <t>Валяренко Наталия Евгеньевна</t>
  </si>
  <si>
    <t>771545225015</t>
  </si>
  <si>
    <t>Присвоена категория: "две звезды"
№ свидетельства 55/036-2020 до 30.10.2023</t>
  </si>
  <si>
    <t>Гостевые дома в Карелии Karelia village https://kareliavillage.ru/katalog-domov</t>
  </si>
  <si>
    <t>Норден - добавить до 31 объекта по 3 районам</t>
  </si>
  <si>
    <t>Коттедж Salma http://salma-cottage.ru/</t>
  </si>
  <si>
    <t>101100070905</t>
  </si>
  <si>
    <t>Кузина Лариса Анатольевна</t>
  </si>
  <si>
    <t>101101514254</t>
  </si>
  <si>
    <t>Фридт Сергей Александрович</t>
  </si>
  <si>
    <t>55.30 Деятельность по предоставлению
мест для временного проживания в
кемпингах, жилых автофургонах и
туристических автоприцепах   Дополнительные виды деятельности: 55.10 Деятельность гостиниц и прочих мест для временного проживания;         55.20 Деятельность по предоставлению мест для краткосрочного проживания          55.90 Деятельность по предоставлению прочих мест для временного проживания</t>
  </si>
  <si>
    <t>101101335784</t>
  </si>
  <si>
    <t>Таранова Юлия Константиновна</t>
  </si>
  <si>
    <t>Присвоена категория: "без звёзд"
№ свидетельства 10/АА-036/079-2022
Срок действия свидетельства до 20 июня 2025 г</t>
  </si>
  <si>
    <t>ООО «Необыкновенные Путешествия»</t>
  </si>
  <si>
    <t>06.12.2002</t>
  </si>
  <si>
    <t>1011005475</t>
  </si>
  <si>
    <t>ООО "Беломорское"</t>
  </si>
  <si>
    <t>Присвоена категория: "без звёзд"
№ свидетельства 10/АА-036/075-2022
Срок действия свидетельства до 20 мая 2025 г</t>
  </si>
  <si>
    <t>01.11.2002</t>
  </si>
  <si>
    <t>1011003527</t>
  </si>
  <si>
    <t>ООО "Ником"</t>
  </si>
  <si>
    <t>08.06.2004</t>
  </si>
  <si>
    <t>7802300410</t>
  </si>
  <si>
    <t>ООО "УМС"</t>
  </si>
  <si>
    <t>31.07.2017</t>
  </si>
  <si>
    <t>1011011528</t>
  </si>
  <si>
    <t xml:space="preserve">ООО "Сарафан" </t>
  </si>
  <si>
    <t>17.04.2014</t>
  </si>
  <si>
    <t>1011011052</t>
  </si>
  <si>
    <t>101100998490</t>
  </si>
  <si>
    <t xml:space="preserve">Чугуев Виктор Сергеевич </t>
  </si>
  <si>
    <t xml:space="preserve">     55.20 Деятельность по предоставлению мест для краткосрочного проживания</t>
  </si>
  <si>
    <t>101100706637</t>
  </si>
  <si>
    <t xml:space="preserve"> Легкий Евгений Анатольевич </t>
  </si>
  <si>
    <t>771535859573</t>
  </si>
  <si>
    <t xml:space="preserve">Третьяков Леонид Вадимович </t>
  </si>
  <si>
    <t>05.12.2017</t>
  </si>
  <si>
    <t>101102418708</t>
  </si>
  <si>
    <t>Рзаева Шукюфа Мамед Кызы</t>
  </si>
  <si>
    <t>100117547824</t>
  </si>
  <si>
    <t xml:space="preserve">Ковалев Александр Андреевич </t>
  </si>
  <si>
    <t>22.04.2015</t>
  </si>
  <si>
    <t>101100070831</t>
  </si>
  <si>
    <t>Попов Андрей Васильевич</t>
  </si>
  <si>
    <t>Присвоена категория: "без звёзд"
№ свидетельства 10/АА-036/102-2022
Срок действия свидетельства до 09 дек. 2025 г</t>
  </si>
  <si>
    <t>101100997680</t>
  </si>
  <si>
    <t>Дмитриев Александр Леонидович</t>
  </si>
  <si>
    <t>101101791561</t>
  </si>
  <si>
    <t>Шалина Валентина Петровна</t>
  </si>
  <si>
    <t>08.08.2021</t>
  </si>
  <si>
    <t>101100251884</t>
  </si>
  <si>
    <t>Фридт Екатерина Ивановна</t>
  </si>
  <si>
    <t>07.08.2021</t>
  </si>
  <si>
    <t>182700507266</t>
  </si>
  <si>
    <t>Гаскаров Эдуард Васильевич</t>
  </si>
  <si>
    <t>101101614160</t>
  </si>
  <si>
    <t>Гурков Михаил Сергеевич</t>
  </si>
  <si>
    <t>101100687381</t>
  </si>
  <si>
    <t>Голик Сергей Валентинович</t>
  </si>
  <si>
    <t>Беломорский муниципальный округ</t>
  </si>
  <si>
    <t xml:space="preserve">ИНН </t>
  </si>
  <si>
    <t>Легализация туристических объектов в Беломорском муниципальном округе</t>
  </si>
  <si>
    <t xml:space="preserve">Бутик-отель 1703, г. Петрозаводск, пр. Ленина, д. 10а </t>
  </si>
  <si>
    <t xml:space="preserve">Строющиеся объекты размещения </t>
  </si>
  <si>
    <t>10:01:0140121:30 Земли поселений (земли населенных пунктов)  для индивидуальной жилой застройки (эксплуатация жилого дома)</t>
  </si>
  <si>
    <t>Дата прекращения деятельности: 25.05.2018</t>
  </si>
  <si>
    <t>100118598733</t>
  </si>
  <si>
    <t>Егоренкова Любовь Алексеевна</t>
  </si>
  <si>
    <t>10:01:0140121:31 Земли поселений (земли населенных пунктов) для индивидуальной  жилой застройки (эксплуатация жилого дома)</t>
  </si>
  <si>
    <t>Toivo Holiday Home (г. Петрозаводск, ул. Ульянова, 4)</t>
  </si>
  <si>
    <t>10:01:0060103:76 Земли поселений (земли населенных пунктов) для размещения индивидуального жилого дома (стоительство жилого дома)</t>
  </si>
  <si>
    <t>100117659461</t>
  </si>
  <si>
    <t>Пестова Елена Юрьевна</t>
  </si>
  <si>
    <t>Вилла Vuori, г. Петрозаводск, пер. Нишкач, 3</t>
  </si>
  <si>
    <t>Гостинично-банный комплекс Opushka, ул. Ладожская, д. 101, +7 (911) 420-03-03
info@opushka.info</t>
  </si>
  <si>
    <t>7814796521</t>
  </si>
  <si>
    <t>ООО "Гринфил"</t>
  </si>
  <si>
    <t>Greenfeel Hotels, Петрозаводск, Первомайский проспект, д. 54, 8 800 700 31 23, https://otelinvest.ru/management/, petrozavodsk@greenfeel.ru</t>
  </si>
  <si>
    <t>Апарт-отель OmaRand, 
https://omarand.bzm.bz/
проспект Карла Маркса, д. 12, Петрозаводск</t>
  </si>
  <si>
    <t>100100813972</t>
  </si>
  <si>
    <t>Максимов Сергей Михайлович</t>
  </si>
  <si>
    <t>на карте 2ГИС</t>
  </si>
  <si>
    <t>10:01:0110168:5 Земли населенных пунктов. ВРИ: для эксплуатации здания котельной</t>
  </si>
  <si>
    <t>100101201595</t>
  </si>
  <si>
    <t>Дулькин Леонид Олегович</t>
  </si>
  <si>
    <t>инфо Карелиястат</t>
  </si>
  <si>
    <t>10:01:0200129:66 Земли населенных пунктов. Вид разрешенного использования: для эксплуатации многоквартирного жилого дома</t>
  </si>
  <si>
    <t xml:space="preserve">55.10 Деятельность гостиниц и прочих мест для временного проживания. Дополнительные виды деятельности: 55.20, 55.30, 55.90 </t>
  </si>
  <si>
    <t>352521745180</t>
  </si>
  <si>
    <t>ПОЛЯКОВА ЮЛИЯ АНАТОЛЬЕВНА</t>
  </si>
  <si>
    <t>10:01:0170101:33 Земли населенных пунктов ВРИ: для эксплуатации многоквартирных жилых домов</t>
  </si>
  <si>
    <t>Присвоена категория: "одна звезда"
№ свидетельства 10/АА-063/135-2023
Срок действия свидетельства до 05 сент. 2026 г</t>
  </si>
  <si>
    <t>Хостел "Любимый", г. Петрозаводск, Сегежская ул., д.8, 8-900-464-74-20</t>
  </si>
  <si>
    <t>10:01:0010141:5 Земли насленных пунктов. ВРИ: Деловое управление (4.1), Магазины (4.4), Общественное питание (4.6) Территориальная зона - (Ог) Зона многофункциональной общественно-деловой и жилой застройки городского значения</t>
  </si>
  <si>
    <t>Присвоена категория: "три звезды"
№ свидетельства 77/АА-94/А-402-2023
Срок действия свидетельства до 26 июн. 2026 г</t>
  </si>
  <si>
    <t xml:space="preserve">Дополнительные виды деятельности: 55.10, 55.30 </t>
  </si>
  <si>
    <t>100201761110</t>
  </si>
  <si>
    <t>Мухин Руслан Александрович</t>
  </si>
  <si>
    <t>Отель "Petra", г. Петрозаводск, ул. Анохина, д. 24, +7-921-011-20-24</t>
  </si>
  <si>
    <t>10:01:0110126:166 земли поселений (земли населенных пунктов) для индивидуального жилищного строительства</t>
  </si>
  <si>
    <t>100100406720</t>
  </si>
  <si>
    <t>Грузнова Татьяна Алексаендровна</t>
  </si>
  <si>
    <t>10:01:0160105:292 Земли поселений (земли населенных пунктов) для индивидуального жилищного строительства</t>
  </si>
  <si>
    <t>100100477664</t>
  </si>
  <si>
    <t>Кисель Олег Александрович</t>
  </si>
  <si>
    <t>Дом 120 кв.м. на участке 12 сот. г. Петрозаводск, 1-й Усадебный проезд, д. 1                                 Телефон: 8 909 570 13 29 
Адрес сайта: https://www.avito.ru/petrozavodsk/doma_dachi_kottedzhi/dom_120m_na_uchastke_12sot._1311704315</t>
  </si>
  <si>
    <t>10:01:0100101:36, 10:01:0100101:103 Земли населенных пунктов. Вид разрешенного использования: Для индивидуальной жилой застройки</t>
  </si>
  <si>
    <t>100114159277</t>
  </si>
  <si>
    <t>Вебер Виктория Алексеевна</t>
  </si>
  <si>
    <t xml:space="preserve">Гостевой дом 60 м.кв на участке 8 сот.  г. Петрозаводск, ул. Муезерская, д. 100                     
E-mail: karelia.guest.house@gmail.com
</t>
  </si>
  <si>
    <t>100119176607</t>
  </si>
  <si>
    <t>Ильин Дмитрий Леонидович</t>
  </si>
  <si>
    <t>2-этажный дом, 140 м  г. Петрозаводск, Бараний берег, 25А</t>
  </si>
  <si>
    <t>100115632739</t>
  </si>
  <si>
    <t>Токолов Виталий Григорьевич</t>
  </si>
  <si>
    <t xml:space="preserve">Гостевой дом Domik v Karelii  г. Петрозаводск, Бараний берег, местечко Окунья Тоня          Телефон: 89062063713
</t>
  </si>
  <si>
    <t>100113061494</t>
  </si>
  <si>
    <t>Тренькин Александр Николаевич</t>
  </si>
  <si>
    <t>Дом 20 кв. м   г. Петрозаводск, ул. Онежской Флотилии, д. 9А</t>
  </si>
  <si>
    <t>10:01:0150104:45 Земли поселений (земли населенных пунктов) для экспуатации производственно-складской базы</t>
  </si>
  <si>
    <t>Дом 40 кв.м на участке 7 сот., 185033, Республика Карелия, г. Петрозаводск, ул. Онежской Флотилии, д. 9А                        Телефон: 
Факс: 
E-mail: trenkin17@mail.ru
Адрес сайта: https://www.avito.ru/petrozavodsk/doma_dachi_kottedzhi/dom_40m_na_uchastke_7sot._1320911884</t>
  </si>
  <si>
    <t>10:01:0110102:57. Земли населенных пнктов. Территориальная зона: " зона застройки индивидуальными и жилыми домами блокированной застройки" вид разрешенного использования "для размещения дома индивидуальной жилой застройки (эксплуатация жилого дома)"</t>
  </si>
  <si>
    <t>100128088259</t>
  </si>
  <si>
    <t>Прахова Мария Николаевна</t>
  </si>
  <si>
    <t>Дом 130 кв.м. на участке 14 сот., 185002, Республика Карелия,
 г. Петрозаводск, ул. Муезерская, д. 32                                           Телефон: 8 909 567 15 59 (Олег)
Факс: 
E-mail: 
Адрес сайта: https://www.avito.ru/petrozavodsk/doma_dachi_kottedzhi/dom_130_m_na_uchastke_14_sot._1935814247</t>
  </si>
  <si>
    <t xml:space="preserve"> 10:01:0050170:28. Земли населенных пнктов. Территориальная зона: " зона застройки индивидуальными и жилыми домами блокированной застройки" вид разрешенного использования "для размещения дома индивидуальной жилой застройки (строительство одноквартирного жилого дома)"</t>
  </si>
  <si>
    <t>100102468993</t>
  </si>
  <si>
    <t xml:space="preserve"> Жарначук Ольга Михайловна</t>
  </si>
  <si>
    <t>Дом 100 кв. м. на участке 15 сот., 185032, Республика Карелия, г. Петрозаводск, наб. Логмозерская, д. 13                                       Телефон: 8 909 567 15 59 (Олег)
Факс: 
E-mail: 
Адрес сайта: https://www.avito.ru/petrozavodsk/doma_dachi_kottedzhi/dom_100m_na_uchastke_15sot._984294595</t>
  </si>
  <si>
    <t xml:space="preserve"> 10:01:0060103:17. Земли населенных пнктов. Территориальная зона: " зона застройки индивидуальными и жилыми домами блокированной застройки" вид разрешенного использования "под строительство индивидуального жилого дома"</t>
  </si>
  <si>
    <t>100102087349</t>
  </si>
  <si>
    <t>Соболева Лариса Николаевна</t>
  </si>
  <si>
    <t>Коттедж Karelia-GorHaus (65 кв. м. на участке 3 сот.), 185032, Республика Карелия, г. Петрозаводск, ул. Горная, д. 15 Телефон: +7 (906) 209-82-02 (Лариса)
Факс: 
E-mail: 
Адрес сайта: https://101hotels.com/main/cities/petrozavodsk/karelia-gorhaus.html</t>
  </si>
  <si>
    <t>10:01:0170122:8 Земли населенных пунктов. Вид разрешенного использования: под строительство индивидуального жилого дома (индивидуальная жилая застройка)</t>
  </si>
  <si>
    <t>100601059033</t>
  </si>
  <si>
    <t>Власков Алексей Андреевич</t>
  </si>
  <si>
    <t xml:space="preserve">Гостевой дом «То-То», 185034, Республика Карелия, г. Петрозаводск, ул. Гвардейская, д. 45                                               Телефон: +7‒953‒530‒75‒77
Факс: 
E-mail: 
Адрес сайта: </t>
  </si>
  <si>
    <t>100123549315</t>
  </si>
  <si>
    <t>Иванов Александр Николаевич</t>
  </si>
  <si>
    <t>10:01:0010149:42 Земли насленных пунктов. Вид разрешенного использования: для эксплуатации многоквартирного жилого дома со встроенными помещениями</t>
  </si>
  <si>
    <t>Анти Хостел RoomHouse, Республика Карелия, г. Петрозаводск, ул. Горького, д.28 Телефон: +7 (960) 214-55-99
Факс: 
E-mail: 
Адрес сайта: https://roomhouse.nethouse.ru/</t>
  </si>
  <si>
    <t>100101245948</t>
  </si>
  <si>
    <t>Кемпи Ирина Вяйновна</t>
  </si>
  <si>
    <t>Сдача квартир в аренду, г. Петрозаводск, пр. Александра Невского, д. 43, кв. 26</t>
  </si>
  <si>
    <t>Сдача квартир в аренду, г. Петрозаводск, ул. Маршала Мерецкова, д. 20, кв. 10</t>
  </si>
  <si>
    <t>Сдача квартир в аренду, г. Петрозаводск, ул. Калинина д. 40а, кв.4</t>
  </si>
  <si>
    <t>Сдача квартир в аренду, г. Петрозаводск, ул. Чапаева, д. 50, кв. 2405, пом. 1,2</t>
  </si>
  <si>
    <t>10:01:0110142:3230 Земли населеных пунктов. ВРИ для эксплуатации административного здания</t>
  </si>
  <si>
    <t>10:01:0010128:12 Земли поселений (земли населенных пунктов) для эксплуатации многоквартирного жилого дома совстроенными помещениями</t>
  </si>
  <si>
    <t>Присвоена категория: "две звезды"
№ свидетельства 10/АА-036/101-2022
Срок действия свидетельства до 07 дек. 2025 г</t>
  </si>
  <si>
    <t>100124121321</t>
  </si>
  <si>
    <t>Ремнев Роман Львович</t>
  </si>
  <si>
    <t>10:01:0060123:50 Земли поселений (земли населенных пунктов) для эксплуатации базы семейного отдыха</t>
  </si>
  <si>
    <t>10:01:0140127:8 Земли поселений (земли населенных пунктов) для проектирования и строительства комплексного бытового пункта для обслуживания населения</t>
  </si>
  <si>
    <t>Присвоена категория: "две звезды"
№ свидетельства 10/АА-036/074-2022
Срок действия свидетельства до 12 мая 2025 г</t>
  </si>
  <si>
    <t>100303513237</t>
  </si>
  <si>
    <t>Григорян Тигран Мишаевич</t>
  </si>
  <si>
    <t>10:01:0130121:9 Земли поселений (емли населенных пунктов) для эксплуатации многоквартирного жилого дома со встроенными помещениями</t>
  </si>
  <si>
    <t>100100060158</t>
  </si>
  <si>
    <t>Леванович Наталья Геннадьевна</t>
  </si>
  <si>
    <t xml:space="preserve">Апартаменты на А. Невского 16, 185005, Республика Карелия, г. Петрозаводск, пр-кт. А.Невского, д.16                                            Телефон: +7 (921) 228-05-99
Факс: 
E-mail: levan@onego.ru
Адрес сайта: </t>
  </si>
  <si>
    <t>100101444887</t>
  </si>
  <si>
    <t>Тихомирова Ирина Васильевна</t>
  </si>
  <si>
    <t>Апартаменты 1-к. квартира, 26м г. Петрозаводск, пр-кт Ленина, д. 17</t>
  </si>
  <si>
    <t xml:space="preserve">Апартаменты  1-к. квартира, 36м г. Петрозаводск, пр-кт Александра Невского, д. 43, </t>
  </si>
  <si>
    <t>Апартаменты  2-к. квартира, 41 м г. Петрозаводск, ул. Анохина, д. 47А,</t>
  </si>
  <si>
    <t>Апартаменты  2-к. квартира, 42 м г. Петрозаводск, ул. Энгельса, д. 11</t>
  </si>
  <si>
    <t>10:01:0010131:9 Земли поселений (земли населенных пунктов) для эксплуатации многоквартирного дома со встроенными помещениями</t>
  </si>
  <si>
    <t>Апартаменты 2-к. квартира, 55м г. Петрозаводск, ул. Андропова, д.3,</t>
  </si>
  <si>
    <t>10:01:0030113:3 Земли поселений (земли населенных пунктов) эксплуатация административного здания.</t>
  </si>
  <si>
    <t>Дополнительные виды деятельности:  55.10 Деятельность гостиниц и прочих мест для временного проживания;       55.20 Деятельность по предоставлению
мест для краткосрочного проживания        55.90 Деятельность по предоставлению прочих мест для временного проживания</t>
  </si>
  <si>
    <t>101601767398</t>
  </si>
  <si>
    <t>Убоженков Антон Валентинович</t>
  </si>
  <si>
    <t xml:space="preserve">10:01:0020103:7 Земли поселений (земли населенных пунктов) жилые дома, в том числе со встроено-пристроенными на нижних этажах объектами бытоваго, торгового и иного общественного значения, территориальная зона - Ог. Зона многофункциональной общественно-деловой и жилой застройки городского значения. </t>
  </si>
  <si>
    <t>Апартаменты Loft apartment in Fedosovoi 31, 185035, Республика Карелия, г. Петрозаводск, ул.Федосовой, д. 31                    Телефон: +7 921 628-53-79
Факс: 
E-mail: antoxa_ves@mail.ru 
Адрес сайта: https://bestfriendshostel.ru/nomera/12-loft-apartamenty-na-fedosovoj-31.html</t>
  </si>
  <si>
    <t>10:01:0160102:65 Земли поселений (земли населенных пунктов) строительство многоэтажных жилих домов с разрешением в нижних этажах объектов торгового, бытового и общественного значения видов использования</t>
  </si>
  <si>
    <t>Апартаменты White Nights Apartment, 185026, Республика Карелия, г. Петрозаводск, ул. Энтузиастов, д. 17              Телефон: +7 921 628-53-79
Факс: 
E-mail: antoxa_ves@mail.ru 
Адрес сайта: https://bestfriendshostel.ru/nomera/apartamenti.html</t>
  </si>
  <si>
    <t>10:01:0010130:226 Земли населенных пунктов.  Вид разрешенного использования: Для размещения административных зданий (многофункциональные административные, офисные объекты. Территориальная зона ОДк. Зона общественно-делового и культурного центра городского значения (зона реконструкции территории ОТЗ)</t>
  </si>
  <si>
    <t>Присвоена категория: "без звёзд"
№ свидетельства 55/026-2020
Срок действия свидетельства до 17 сент. 2026 г</t>
  </si>
  <si>
    <t>Дополнительные виды деятельности:  55.10 Деятельность гостиниц и прочих мест для временного проживания;          55.90 Деятельность по предоставлению прочих мест для временного проживания</t>
  </si>
  <si>
    <t>100126026232</t>
  </si>
  <si>
    <t>Хромченков Илья Вадимович</t>
  </si>
  <si>
    <t>Апарт-отель «9 Ночей &amp; Отель 1774», 185003, Республика Карелия, г. Петрозаводск, пл. Литейная, д. 3                          Телефон: +79116698511
Факс: 
E-mail: ptz@9nights.ru
Адрес сайта: www.9nights.ru</t>
  </si>
  <si>
    <t>10:01:0010145:25 Земли поселений (земли населенных пунктов) для эксплуатации многоквартирного жилого дома со встроенными помещениями общественно-торгового назначения.</t>
  </si>
  <si>
    <t>661303201778</t>
  </si>
  <si>
    <t xml:space="preserve">Филимонова Людмила Васильевна </t>
  </si>
  <si>
    <t xml:space="preserve">Аппартаменты г. Петрозаводск, 185035, Республика Карелия, г. Петрозаводск, ул. Горького, д. 21, кв.43                                            Телефон: 
Факс: -
E-mail: 
Адрес сайта: </t>
  </si>
  <si>
    <t>10:01:0170122:4 Земли населенных пунктов. Вид разрешенного использования: Для индивидуального жилищного строительства</t>
  </si>
  <si>
    <t>100130358576</t>
  </si>
  <si>
    <t>Бибилова Нина Юрьевна</t>
  </si>
  <si>
    <t>Гостевой дом «Вернисаж», 185034, Республика Карелия, г. Петрозаводск, ул. Сусанина, д. 34  Телефон: +7 (911) 406-09-99
Факс: -
E-mail: vernisaz34@yandex.ru, biba0883@gmail.com
Адрес сайта: https://101hotels.com/main/cities/petrozavodsk/guesthouse_vernisage.html</t>
  </si>
  <si>
    <t>10:01:0140136:1 Земли населенных пунктов. Вид разрешенного использования: Для эксплуатации жилого дома (индивидуальная жилая застройка )</t>
  </si>
  <si>
    <t>Присвоена категория: "две звезды"
№ свидетельства 10/АА-036/091-2022 до 03.10.2025</t>
  </si>
  <si>
    <t>100105856761</t>
  </si>
  <si>
    <t>Богоявленская Ольга Сергеевна</t>
  </si>
  <si>
    <t xml:space="preserve">Гостевой дом «Вилла Айно», 185011, Республика Карелия, г. Петрозаводск, ул. Ильича, д. 53 Телефон: +7(8142) 53-01-01
Факс: -
E-mail: info@villa-aino.ru
Адрес сайта: www.villa-aino.ru </t>
  </si>
  <si>
    <t>10:01:0080103:203 Земли поселений (земли населенных пунктов) для индивидуального жилищного строительства</t>
  </si>
  <si>
    <t>100120340259</t>
  </si>
  <si>
    <t>Лешберг Юлия Петровна</t>
  </si>
  <si>
    <t>Гостевой дом «Пиетари» (Гостиница «Петр»)  г. Петрозаводск, шоссе Шуйское, 16</t>
  </si>
  <si>
    <t xml:space="preserve">10:01:0200133:59 Земли населенных пунктов. ВРИ для эксплуатации производственно-технического комплекса «Петрозаводская ТЭЦ», ТЗ: зона инженерных объектов городского значения (Пи)) </t>
  </si>
  <si>
    <t>55.90 Деятельность по предоставлению прочих мест для временного проживания Дополнительный вид деятельности:  55.10 Деятельность гостиниц и прочих мест для временного проживания</t>
  </si>
  <si>
    <t>100100805234</t>
  </si>
  <si>
    <t>Таракамаев Вели Гаджиахмед оглы</t>
  </si>
  <si>
    <t>Гостевой дом «Радуга», 185013, Республика Карелия, г. Петрозаводск, ул. Пограничная, 
д. 25А                                        Телефон: 8 (953) 536-57-68
Факс: -
E-mail: tarakamaev@yandex.ru
Адрес сайта:https://101hotels.com/main/cities/petrozavodsk/gostevoy_dom_raduga_3.html</t>
  </si>
  <si>
    <t>10:01:0130147:11 Земли населенных пунктов. Вид разрешенного использования: Для объектов общественно-делового значения (Гостиницы. Территориальная зона Ор - Зона многофункциональной общественно-деловой застройки районного значения)</t>
  </si>
  <si>
    <t>100108596092</t>
  </si>
  <si>
    <t xml:space="preserve">Зубарева Елена Викторовна </t>
  </si>
  <si>
    <t>Гостиница «Заречная», 185035, Республика Каелия, г. Петрозаводск, наб. Лососинская, д.7/а                                       Телефон: +7 (8142) 592-220,       57-45-17
Факс: -
E-mail: zarekoy@mail.ru
Адрес сайта: www.zarekoy.ru</t>
  </si>
  <si>
    <t>10:01:0100119:380 ВРИ Индивидуальные жилые дома, территориальная зона- ЖиП. Зона застройки индивидуальными домами и жилыми домами блокированной застройки (перспективной застройки), зона по ПЗЗ: зона застройки индивидуальными жилыми домами блокированной застройки (Жи))</t>
  </si>
  <si>
    <t>100102546810</t>
  </si>
  <si>
    <t>Пономарева Наталья Борисовна</t>
  </si>
  <si>
    <t>10:01:0150104:31 Земли населенных пунктов. Вид разрешенного использования: Для размещения иных объектов промышленности (для реконструкции здания склада под оздоровительный центр с последующей эксплуатацией)</t>
  </si>
  <si>
    <t>100100468821</t>
  </si>
  <si>
    <t>Горлов Александр Юрьевич</t>
  </si>
  <si>
    <t>Мини-отель «Чайка», 185005, Республика Карелия, г. Петрозаводск, ул. Онежской флотилии, д. 29                   Телефон: 8 (8142) 73-12-92,
+7−960−211−23−30
Факс: 
E-mail:chaika.ptz@yandex.ru
Адрес сайта: https://hotel-chajka.ru/</t>
  </si>
  <si>
    <t xml:space="preserve"> 10:01:0130101:14 Земли населенных пунктов.  Вид разрешенного использования:  Для эксплуатации многоквартирного жилого дома со встроенными помещениями</t>
  </si>
  <si>
    <t>Отель «Ауринко», 185005, Республика Карелия,  г. Петрозаводск, ул. Луначарского, д. 3                Телефон: +7 (8142) 73-00-10
Факс: + 7(8142) 73-00-10
E-mail: aurinko-hotel@yandex.ru
Адрес сайта: www.otel-karelia.ru</t>
  </si>
  <si>
    <t>10:01:0110118:21 Земли населенных пунктов. Вид разрешенного использования: Для размещения гостиниц (гостиницы, территориальная зона - Жм. Зона застройки многоэтажными жилыми домами)</t>
  </si>
  <si>
    <t>Присвоена категория: "три звезды"
№ свидетельства 10/АА-036/090-2022 до 17.09.2025</t>
  </si>
  <si>
    <t>102001123643</t>
  </si>
  <si>
    <t xml:space="preserve">Гурин Дмитрий Вячеславович </t>
  </si>
  <si>
    <t>Отель «Ладога», 185007, Республика Карелия, г. Петрозаводск, ул. Олонецкая, д. 81                                              Телефон: +7 (8142) 63-50-59
hotelladoga@mail.ru
Адрес сайта: www.ladoga10.ru</t>
  </si>
  <si>
    <t>10:01:0150104:32 Земли населенных пунктов. Вид разрешенного использования: для эксплуатации здания тарного цеха</t>
  </si>
  <si>
    <t>ООО "Флотилия"</t>
  </si>
  <si>
    <t>Отель "Флотилия", ул.Онежской флотилии, 33, +7 911 411 03 13, flotilia-ptz@yandex.ru, 8-911-400-49-44 МАМЕДОВ
МАДАД
КУРБАН ОГЛЫ</t>
  </si>
  <si>
    <t>10:01:0150101:305 Земли насленных пунктов. Вид разрешенного использования: Для эксплуатации производственных зданий и сооружений</t>
  </si>
  <si>
    <t>ООО "ЛахтиТур"</t>
  </si>
  <si>
    <t>10:01:0100109:14 Земли насленных пунктов. Вид разрешенного использования: эксплуатация здания общежития</t>
  </si>
  <si>
    <t>Присвоена категория: "без звёзд"
№ свидетельства 10/АА-036/073-2022
Срок действия свидетельства до 22 апр. 2025 г</t>
  </si>
  <si>
    <t>1001350874</t>
  </si>
  <si>
    <t>ООО "Б3"</t>
  </si>
  <si>
    <t>10:01:0130153:30 Земли поселений (земли населенных пунктов) для эксплуатации многоквартирного жилого дома со встроенно-пристроенными помещениями общественно-торгового назначения</t>
  </si>
  <si>
    <t>Дополнительные виды деятельности:  55.10 Деятельность гостиниц и прочих мест для временного проживания;       55.20 Деятельность по предоставлению
мест для краткосрочного проживания</t>
  </si>
  <si>
    <t xml:space="preserve">ООО "Вирма" </t>
  </si>
  <si>
    <t>ведомственное общежитие</t>
  </si>
  <si>
    <t xml:space="preserve"> 10:01:0020108:60 Земли населенных пунктов.  Вид разрешенного использования: Для размещения объектов дошкольного, начального, общего и среднего (полного) общего образования (для размещения объектов образования (эксплуатация здания общежития)</t>
  </si>
  <si>
    <t> 29.11.2002</t>
  </si>
  <si>
    <t>1001021397</t>
  </si>
  <si>
    <t>Союз потребительских обществ Республики Карелия – Карелреспотребсоюз</t>
  </si>
  <si>
    <t>Гостиница «Первомайская», 185001, Республика Карелия,
 г. Петрозаводск, пр-кт Первомайский, д.1/а
(Общежитие Карелреспотребсоюза)         Телефон: 
8142670013
Факс: -
E-mail: hotelkps@bk.ru
Адрес сайта: http://pervomayskaya-book.otelms.com/</t>
  </si>
  <si>
    <t>10:01:0010133:5 Земли населенных пунктов.  Вид разрешенного использования: Для многоэтажной застройки</t>
  </si>
  <si>
    <t>ООО Отель-Сервис</t>
  </si>
  <si>
    <t xml:space="preserve">10:01:0020101:1111 Земли населенных пунктов. Вид разрешенного использования: Гостиничное обслуживание. Территориальная зона - Ор. Зона многофункциональной общественно-деловой застройки районного значения; </t>
  </si>
  <si>
    <t>Клубный отель «Прионежский», 185035, Республика Карелия, г. Петрозаводск, ул.Федосовой, д.46, пом.2                              Телефон: +7(8142) 76-52-71
Факс: -
E-mail: no.onego@yandex.ru
Адрес сайта: www.nikolaevskie-oteli.ru</t>
  </si>
  <si>
    <t>10:01:0010149:40 Земли населенных пунктов. Вид разрешенного использования: Для многоэтажной застройки</t>
  </si>
  <si>
    <t>Мини-отель «Турист», 185035, Республика Карелия, г. Петрозаводск, ул. Красноармейская, д.33  Телефон: +7(8142) 76-06-21
Факс: -
E-mail: turistptz@mail.ru
Адрес сайта: www.turistptz.ru</t>
  </si>
  <si>
    <t>10:01:0020101:18 Земли населенных пунктов. Вид разрешенного использования: Для объектов общественно-делового значения (для завершения строительства и последующей эксплуатации гостевого дома)</t>
  </si>
  <si>
    <t>ООО "Отель-Сервис"</t>
  </si>
  <si>
    <t>Отель «Онежский замок», 185035, Республика Карелия, г. Петрозаводск, ул. Федосовой, д. 44                                              Телефон:  +7 921-801-45-04 (Viber/WhatsApp), +7 (8142) 77-49-96,
+7 (8142) 77-49-99
Факс:
E-mail: onegozamok@onego-zamok.ru
Адрес сайта: onego-zamok.ru</t>
  </si>
  <si>
    <t>10:01:0130149:63 Для эксплуатации административного здания со встроенными нежилыми помещениями
Категория земель: земли населенных пунктов</t>
  </si>
  <si>
    <t>Присвоена категория: "две звезды"
№ свидетельства 10/АА-036/045-2021
Срок действия свидетельства до 11 июня 2027 г</t>
  </si>
  <si>
    <t xml:space="preserve">ООО Феникс </t>
  </si>
  <si>
    <t>Hotel LOFT Ptz, 105030, Республика Карелия, г. Петрозаводск, пр-кт А.Невского, д. 47, пом. 3 Телефон: +79215577999
Факс: нет
E-mail: hotel-loft-ptz@mail.ru
Адрес сайта: hotel-loft-ptz.ru</t>
  </si>
  <si>
    <t>10:01:0010101:26 Земли населенных пунктов. Вид разрешенного использования: Для объектов общественно-делового значения</t>
  </si>
  <si>
    <t xml:space="preserve">ООО Турхолдинг "Отель Карелия" </t>
  </si>
  <si>
    <t>Отель «Карелия&amp;Спа», 185005, Республика Карелия, г. Петрозаводск, наб. Гюллинга, д.2                                          Телефон: 88142791368
Факс: 88142576575
E-mail: reserv@hotel.karelia.ru
Адрес сайта: http://karelia-hotel.ru/</t>
  </si>
  <si>
    <t>10:01:0010152:26 Земли населенных пунктов.  Вид разрешенного использования: Для многоэтажной жилой застройки (эксплуатация многоквартирного жилого дома)</t>
  </si>
  <si>
    <t>10:01:0130134:188 Земли населенных пунктов.  Вид разрешенного использования: Для размещения объектов социального и коммунально-бытового назначения (Объекты учреждений бытового и коммунального обслуживания. Территориальная зона - Ор. Зона многофункциональной общественно-деловой застройки районного значения)</t>
  </si>
  <si>
    <t>Присвоена категория: "три звезды"
№ свидетельства 10/АА-036/100-2022
Срок действия свидетельства до 06 дек. 2025 г</t>
  </si>
  <si>
    <t xml:space="preserve">ООО Илма-Тур </t>
  </si>
  <si>
    <t>Мини-отель «Илма», 185000, Республика Карелия, г. Петрозаводск, ул. Володарского, д.10                 Телефон: +79116614516, 8 (8142)570110
Факс:
E-mail: hotelilma@yandex.ru
Адрес сайта: ilmahotel.ru</t>
  </si>
  <si>
    <t>10:01:0100104:121 Земли населенных пунктов. Вид разрешенного использования: Для размещения иных объектов промышленности (для эксплуатации зданий и сооружений ремонтно-механического завода)</t>
  </si>
  <si>
    <t xml:space="preserve">ООО Ресторан "Караван" </t>
  </si>
  <si>
    <t>Отель «Караван», 185002, Республика Карелия,
 г. Петрозаводск, ул. Муезерская, д. 15/а, стр. 9  Факс:
E-mail: turbazaonego@mail.ru
Адрес сайта: rovesnik.karelia.ru</t>
  </si>
  <si>
    <t>10:01:0010149:10 Земли населенных пунктов. Вид разрешенного использования: Для объектов общественно-делового значения (для строительства здания общественного назначения взамен сносимого здания холодильника с пристройками)</t>
  </si>
  <si>
    <t>Присвоена категория: "четыре звезды"
№ свидетельства АА-022/290-2021
Срок действия свидетельства до 26 июля 2027 г</t>
  </si>
  <si>
    <t xml:space="preserve">ООО Питер-Инн </t>
  </si>
  <si>
    <t xml:space="preserve">Отель «Piter Inn», 185035, Республика Карелия, г. Петрозаводск, пл. Гагарина, д.1   Телефон: 88142717071
Факс: 88142717072
E-mail: reserv@piterinn.ru
Адрес сайта: www.piterinn.ru  </t>
  </si>
  <si>
    <t>10:01:0010101:84 Земли населенных пунктов. Вид разрешенного использования: Для иных видов использования, характерных для населенных пунктов (для реконструкции с расширением в виде пристройки здания Речного вокзала для размещения гостинично-туристического комплекса)</t>
  </si>
  <si>
    <t>по ИнГео (адресный реестр) адрес ригачина, 3 присвоен объекту расположенному в границах Онежского озера. Nord Camping Петрозаводск располагается на земельном участке с кадастровым номером 10:01:0150101:142, который согласно сведениям Единого государственного реестра недвижимости находится в собственности Российской Федерации и предоставлен в постоянное (бессрочное) пользование Северо-Западному территориальному управлению Федерального агентства по рыболовству для эксплуатации производственных зданий и сооружений. Земельный участок расположен в территориальной зоне "рекреационная зона прибрежных территорий". вид разрешенного использования "</t>
  </si>
  <si>
    <t xml:space="preserve">ООО ТК Удача </t>
  </si>
  <si>
    <t>Земельный участок 10:01:0010149:60  в составе единого землепользования 10:01:0000000:9. Земли населенных пунктов: для эксплуатации полосы отвода железной дороги в черте г.Петрозаводска</t>
  </si>
  <si>
    <t xml:space="preserve">ООО Петровский Альянс </t>
  </si>
  <si>
    <t>Гостиница "Smart Hotel", 185010, Республика Карелия, г. Петрозаводск, пл. Гагарина, д. 3   Телефон: +7 (926) 111-53-10 (Анна), +7 (985) 520-09-37
Факс:
E-mail: petrozavodsk@hotel-smart.ru
Адрес сайта:  https://hotel-smart.ru/ru/</t>
  </si>
  <si>
    <t>Hostel Karelia, 185005, Республика Карелия, г. Петрозаводск, ул. Ригачина, д.20/а                                      Телефон: +7 (911) 403-77-54
Факс:
E-mail: info@kareliahostel.ru
Адрес сайта:  https://vk.com/kareliahostel</t>
  </si>
  <si>
    <t>После внесения изменений в Генплан расположен   в функциональной зоне ЦРЗ (центры районного значения).  По ПЗЗ расположен в тер.зоне коммунально-складских объектов: изменение вида разрешенного использования  возможно после утверждения Проекта внесений в ПЗЗ.</t>
  </si>
  <si>
    <t>10:01:0170129:49 Земли населенных пунктов. Вид разрешенного использования: для размещения коммунально-складских объектов III-V классов опасности (строительство мобильной автомойки на два поста)</t>
  </si>
  <si>
    <t>ООО Вознесенское</t>
  </si>
  <si>
    <t>Отель "Вознесенский", 185034, Республика Карелия, г. Петрозаводск, ш. Вознесенское, д.18                                        Телефон: +7 921 463 86 83
Факс: нет
E-mail: vozhotel@yandex.ru
Адрес сайта: www.vozhotel.nubex.ru</t>
  </si>
  <si>
    <t>10:01:0200127:119 Земли населенных пунктов. Вид разрешенного использования: Для многоэтажной застройки</t>
  </si>
  <si>
    <t>Присвоена категория: "без звёзд"
№ свидетельства 10/АА-036/053-2021
Срок действия свидетельства до 13 окт. 2024 г</t>
  </si>
  <si>
    <t xml:space="preserve">ООО Мини Отель Вояж </t>
  </si>
  <si>
    <t>Мини-отель «Вояж», 185013, Республика Карелия, г. Петрозаводск, ул. Пограничная, д. 52, пом.6 Телефон: +7(8142) 501-501
Факс: 
E-mail: voyageptz@mail.ru
Адрес сайта: https://vk.com/club49475843</t>
  </si>
  <si>
    <t xml:space="preserve">
10:01:0200127:123 Земли населенных пунктов. Вид разрешенного использования: Для размещения объектов физической культуры и спорта (объекты физкультурно-оздоровительного назначения, территориальная зона - Жм. Зона застройки многоэтажными жилыми домами)</t>
  </si>
  <si>
    <t>Присвоена категория: "без звёзд"
№ свидетельства №47/051/046-2023
Срок действия свидетельства до 20 дек. 2026 г</t>
  </si>
  <si>
    <t xml:space="preserve">ООО Трове Петрозаводск  </t>
  </si>
  <si>
    <t>Мини-отель «Корал», 185013, Республика Карелия, г. Петрозаводск, ул. Пограничная, д. 50, эт. 2, 11 этажной секции Телефон: +7(921)7269080
Факс:
E-mail: koral-hotel@mail.ru
Адрес сайта: http://koral-hotel.ru/</t>
  </si>
  <si>
    <t>10:01:0010116:35 Земли населенных пунктов. Вид разрешенного использования: Для многоквартирной застройки (для эксплуатации многоквартирного жилого дома со встроенными помещениями)</t>
  </si>
  <si>
    <t>Присвоена категория: "четыре звезды"
№ свидетельства 10/АА-063/114-2022
Срок действия свидетельства до 10 февр. 2026 г</t>
  </si>
  <si>
    <t xml:space="preserve">ООО Гостеприимство  </t>
  </si>
  <si>
    <t xml:space="preserve">ООО Северная </t>
  </si>
  <si>
    <t>Гостиница «Северная», 185035, Республика Карелия,  г. Петрозаводск, пр-кт. Ленина, д. 21                                          Телефон: +7(8142) 59-97-77
Факс: +7(8142) 59-97-77
E-mail: reception@severnaya.info
Адрес сайта: www.severnaya.info</t>
  </si>
  <si>
    <t>10:01:0010133:127 Земли населенных пунктов. Вид разрешенного использования: Для размещения гостиниц (для реконструкции нежилого здания № 34Б по ул. Красной под гостиницу)</t>
  </si>
  <si>
    <t>Присвоена категория: "без звёзд"
№ свидетельства 10/АА-036/099-2022
Срок действия свидетельства до 06 нояб. 2025 г</t>
  </si>
  <si>
    <t>ООО Гостиничный комплекс "Центральный"</t>
  </si>
  <si>
    <t>Гостиница «Центральная», 185035, Респулика Карелия, г. Петрозаводск, ул. Красная, д.34/б                                      Телефон: +7 (8142) 76-45-72
Факс:
E-mail: centr-otel@yandex.ru
Адрес сайта: www.centr-otel.ru</t>
  </si>
  <si>
    <t>по заявлению собственника земельного участка об изменении территориальной зоны в Генеральный план города Петрозаводска в границах территории Петрозаводского городского округа были внесены соответствующие изменения. Также в отношении земельного участка приведены в соответствие с Генеральным планом Правила землепользования и застройки города Петрозаводска в границах территории Петрозаводского городского округа.</t>
  </si>
  <si>
    <t>10:01:0010113:19 Земли населенных пунктов. Вид разрешенного использования: Для индивидуальной жилой застройки</t>
  </si>
  <si>
    <t>Присвоена категория: "три звезды"
№ свидетельства 10/АА-063/132
Срок действия свидетельства до 23 авг. 2026 г</t>
  </si>
  <si>
    <t>ООО Интелтур</t>
  </si>
  <si>
    <t>10:01:0010108:4 Земли населенных пунктов. Вид разрешенного использования: Для размещения гостиниц (для строительства гостиничного комплекса)</t>
  </si>
  <si>
    <t>Присвоена категория: "четыре звезды"
№ свидетельства 77/АА-115-2021/102-3-2022
Срок действия свидетельства до 07 дек. 2025 г</t>
  </si>
  <si>
    <t>ООО "Онега Палас"</t>
  </si>
  <si>
    <t>Гостиница «Cosmos Petrozavodsk Hotel», 185035, Республика Каелия, г. Петрозаводск, ул. Куйбышева, д. 26                                       Телефон: 88142790790
Факс: 88142790846
E-mail: hotel@onegopalace.com
Адрес сайта: http://onegopalace.com/</t>
  </si>
  <si>
    <t>10:01:0110125:16 Земли населенных пунктов. Вид разрешенного использования: Среднее и высшее профессиональное образование, гостиничное обслуживание. Территориальная зона - Ор. Зона многофункциональной общественно-деловой застройки районного значения</t>
  </si>
  <si>
    <t>Присвоена категория: "две звезды"
№ свидетельства 10/АА-036/106-2022
Срок действия свидетельства до 24 дек. 2025 г</t>
  </si>
  <si>
    <t xml:space="preserve">ООО ЛАЛ </t>
  </si>
  <si>
    <t>Гостиница «Руна», 185002, Респубика Карелия, г. Петрозаводск, ул. Чапаева, д.6/а                                       Телефон: +7 (8142) 67-22-26
Факс: -
E-mail: hotel_runa@bk.ru
Адрес сайта: https://vk.com/hotel_runa</t>
  </si>
  <si>
    <t>10:01:0130154:5 Земли поселений (земли населенных пенктов) для эксплуатации здания общежития педучилища № 1</t>
  </si>
  <si>
    <t>Присвоена категория: "без звёзд"
№ свидетельства 78/АА-46/53-2024
Срок действия свидетельства до 03.07.2026</t>
  </si>
  <si>
    <t>Дополнительные виды деятельности:         55.20 Деятельность по предоставлению
мест для краткосрочного проживания;       55.90 Деятельность по предоставлению прочих мест для временного проживания</t>
  </si>
  <si>
    <t xml:space="preserve">ГОСУДАРСТВЕННОЕ БЮДЖЕТНОЕ ОБРАЗОВАТЕЛЬНОЕ УЧРЕЖДЕНИЕ
ДОПОЛНИТЕЛЬНОГО ОБРАЗОВАНИЯ РЕСПУБЛИКИ КАРЕЛИЯ "РЕСУРСНЫЙ ЦЕНТР
РАЗВИТИЯ ДОПОЛНИТЕЛЬНОГО ОБРАЗОВАНИЯ"
</t>
  </si>
  <si>
    <t>Турбаза "Онего", 185030, Республика Каелия, г. Петрозаводск, ул. Повенецкая, д. 2, эт. 3 общежития     Телефон: +7 814 253-50-64
Факс:
E-mail: turbazaonego@mail.ru
Адрес сайта: rovesnik.karelia.ru</t>
  </si>
  <si>
    <t>10:01:0120101:74 Земли населенных пунктов. ВРИ - для индивидуальной жилой застройки (жилой дом незавершенный строительством, зона застройки индивидуальнымии жилыми домами блокированной застройки (Жи)</t>
  </si>
  <si>
    <t>Хоминич Виктор Юрьевич</t>
  </si>
  <si>
    <t>Гостевой дом «Солнечный», 185014, Республика Карелия,  г. Петрозаводск, ул. Солнечная, д. 4/А                                          Телефон: 8 (921) 466-93-39
Факс:
E-mail: domvptz@gmail.com 
Адрес сайта: https://101hotels.com/main/cities/petrozavodsk/gostevoy_dom_solnechniy.html</t>
  </si>
  <si>
    <t xml:space="preserve">10:01:0110174:17 Земли населенных пунктов.ВРИ - для эксплуатации административного здания, в соответствии с ПЗЗ - Зона объектов здравоохранения (Оз); </t>
  </si>
  <si>
    <t>Присвоена категория: "без звёзд"
№ свидетельства 10/АА-036/088-2022 до 13.09.2025</t>
  </si>
  <si>
    <t>ООО Позитив</t>
  </si>
  <si>
    <t>Гостиница «Лососинская», 185014, Республика Карелия, г. Петрозаводск, ш. Лососинское, д. 7                                        Телефон: +7 (8142) 77-33-82
Факс: -
E-mail: losos-hotel@mail.ru
Адрес сайта: www.lososinskaya.ru</t>
  </si>
  <si>
    <t>10:01:0130127:1 Земли населенных пунктов. Вид разрешенного использования: Для размещения гостиниц</t>
  </si>
  <si>
    <t xml:space="preserve">ООО Форос Лтд </t>
  </si>
  <si>
    <t xml:space="preserve">Гостевой Дом «ФОРОС», 185005, Республика Карелия, г. Петрозаводск, ул. Державина, 27/А                                          
E-mail: trubnikovo00@mail.ru 
</t>
  </si>
  <si>
    <t>10:01:0010104:47 Земли населенных пунктов.  Вид разрешенного использования:для эксплуатации здания Дома физкультуры</t>
  </si>
  <si>
    <r>
      <rPr>
        <u/>
        <sz val="11"/>
        <rFont val="Times New Roman"/>
        <family val="1"/>
        <charset val="204"/>
      </rPr>
      <t>ДВА Свидетельства</t>
    </r>
    <r>
      <rPr>
        <sz val="11"/>
        <rFont val="Times New Roman"/>
        <family val="1"/>
        <charset val="204"/>
      </rPr>
      <t xml:space="preserve"> 1 таж Гостиница :  Присвоена категория: "две звезды"
№ свидетельства  АА-059/478-2023
Срок действия свидетельства до21.12.2026  2 и 3 этажи мини-отель: Присвоена категория: "три звезды"
№ свидетельства АА-022/157-2020
Срок действия свидетельства до 09 нояб. 2023 г</t>
    </r>
  </si>
  <si>
    <t xml:space="preserve">Автономное 
учреждение 
Республики Карелия
«Центр спортивной
подготовки»
(АУ РК «ЦСП»)
</t>
  </si>
  <si>
    <t>Гостиница «Акватика», 185035,
Республика Карелия, г.Петрозаводск, ул. Пушкинская, д. 7            Телефон: 8(8142) 76-50-05, 76-50-04, 76-61-80
Факс: 8(8142) 76-50-04, 76-61-80
E-mail: akvati00@mail.ru
Адрес сайта: csp-karelia.ru/objektisporta/akvatika/</t>
  </si>
  <si>
    <t>10:01:0140163:47 Земли населенных пунктов. Вид разрешенного использования: для эксплуатации зданий и сооружений спортивного комплекса"Курган"</t>
  </si>
  <si>
    <t>Гостиница «КУРГАН», 185026, Республика Карелия, г. Петрозаводск, пр-д. Курганский, д.3                                           Телефон:  +7 (8142) 33-29-29
Факс: -
E-mail: kurganhotel@mail.ru
Адрес сайта: https://101hotels.com/main/cities/petrozavodsk/gostinitsa_kurgan_1.html</t>
  </si>
  <si>
    <t>10:01:0010101:23 Земли населенных пунктов. Вид разрешенного использования: Для объектов общественно-делового значения (для эксплуатации вспомогательного производственного здания театра)</t>
  </si>
  <si>
    <t>Присвоенная категория (звездность): две звезды Номер свидетельства: 10/АА-063/113-2023
Дата выдачи свидетельства:10.02.2023
Срок действия:10.02.2026</t>
  </si>
  <si>
    <t xml:space="preserve">Государственное Автономное Учреждение Республики Карелия  Центр Народного Творчества и Культурных Инициатив Республики Карелия  </t>
  </si>
  <si>
    <t>Гостиница «Маски», 185035, Республика Карелия,  г. Петрозаводск, пр-кт К.Маркса, 3/а                                             Телефон:  8 (8142) 77-46-19
Факс: -
E-mail: karelia.maski@gmail.com
Адрес сайта: https://maski.ruhotel.su/</t>
  </si>
  <si>
    <t>10:01:0030123:14 Земли населенных пунктов. Вид разрешенного использования: Для многоэтажной застройки (для эксплуатации здания общежития)</t>
  </si>
  <si>
    <t>Присвоена категория: "одна звезда"
№ свидетельства 10/АА-036/089-2022 до 13.09.2025</t>
  </si>
  <si>
    <t xml:space="preserve">ООО Спорт - Лига </t>
  </si>
  <si>
    <t>Гостиница «Березовая роща», 185001, Республика Карелия, г. Петрозаводск, ул. Калевалы, д.2                         Телефон: +7 (8142) 70-31-69
Факс: -
E-mail: hotelroscha@yandex.ru
Адрес сайта: www.hotelroscha.ru</t>
  </si>
  <si>
    <t>10:01:0110142:1 Земли поселений (земли населенных пунктов) для размещения экологического центра</t>
  </si>
  <si>
    <t>Дополнительный вид деятельности:  55.90 Деятельность по предоставлению прочих мест для временного проживания</t>
  </si>
  <si>
    <t xml:space="preserve">ФЕДЕРАЛЬНОЕ ГОСУДАРСТВЕННОЕ БЮДЖЕТНОЕ УЧРЕЖДЕНИЕ "НАЦИОНАЛЬНЫЙ ПАРК "ВОДЛОЗЕРСКИЙ" </t>
  </si>
  <si>
    <t>Общежитие Административного центра Национального парка "Водлозерский" г. Петрозаводск, ул. Парковая, д. 44</t>
  </si>
  <si>
    <t>10:01:0180110:3 Земли населенных пунктов. Вид разрешенного использования: Для размещения объектов (территорий) рекреационного назначения (для размещения объектов оздоровительного и рекреационного назначения (эксплуатация здания санатория)</t>
  </si>
  <si>
    <t>Присвоена категория: "две звезды"
№ свидетельства 10/АА-036/081-2022
Срок действия свидетельства до 20 июня 2025 г</t>
  </si>
  <si>
    <t>ОАО Санаторий «Белые ключи»</t>
  </si>
  <si>
    <t>Санаторий «Белые ключи», 185034, Республика Карелия, г. Петрозаводск, ул. Судостроительная, д.30             Телефон: +7(8142) 52-59-19
Факс: -
E-mail: bk-smo@mail.ru
Адрес сайта: whitesprings.ru</t>
  </si>
  <si>
    <t>10:01:0200145:2 Земли населенных пунктов.  Вид разрешенного использования: для размещения объектов бытового обслуживания (завершение реконструкции общежития под гостиничный комплекс и последующая эксплуатация зданий и сооружений гостиницы)</t>
  </si>
  <si>
    <t>Присвоена категория: "две звезды"
№ свидетельства 10/АА-036/098-2022
до 06.11.2025</t>
  </si>
  <si>
    <t xml:space="preserve">ООО Русстрой                 </t>
  </si>
  <si>
    <t xml:space="preserve">Гостиница «Белые ночи», 185013, г. Петрозаводск, ул. Халтурина, д.13                          Телефон: +7 (8142) 70-75-72
bn.hotel@yandex.ru
Адрес сайта: www.hotelkarelia.ru </t>
  </si>
  <si>
    <t>10:01:0130149:1 Земли поселений (земли населенных пунктов) для эксплуатации здания гостиницы.</t>
  </si>
  <si>
    <t>Присвоена категория: "без звезд",№ свидетельства 77/АА-94/А-294-2022 до 01.11.2025</t>
  </si>
  <si>
    <t xml:space="preserve">ФЕДЕРАЛЬНОЕ ГОСУДАРСТВЕННОЕ УНИТАРНОЕ ПРЕДПРИЯТИЕ "УПРАВЛЕНИЕ ГОСТИНИЧНЫМ ХОЗЯЙСТВОМ" МИНИСТЕРСТВА ОБОРОНЫ РОССИЙСКОЙ ФЕДЕРАЦИИ </t>
  </si>
  <si>
    <t>Гостиница "Маршал", 185030, Республика Карелия, г. Петрозаводск, ул. Лесная, д. 3 Телефон: +7 (8142) 76-75-65, +7 (963) 713-59-66
Факс:
E-mail: pzk@hotel-mo.ru
Адрес сайта: http://hotel-mo.ru/hotel/marshal-petrozavodsk</t>
  </si>
  <si>
    <t xml:space="preserve">Петрозаводский городской округ </t>
  </si>
  <si>
    <t>Организационно-правовая форма легального хозяйствующего субъекта</t>
  </si>
  <si>
    <t>Легализация туристических объектов в Петрозаводском городском округе</t>
  </si>
  <si>
    <t xml:space="preserve"> осуществляется сдача дома </t>
  </si>
  <si>
    <t xml:space="preserve">земли населенных пунктов, ведение ЛПХ, аренда 10:19:0090108:12 </t>
  </si>
  <si>
    <t>79.90.3 Деятельность по предоставлению туристических услуг, связанных с бронированием</t>
  </si>
  <si>
    <t>Дата прекращения деятельности: 26.09.2022</t>
  </si>
  <si>
    <t>101900349649</t>
  </si>
  <si>
    <t>Гуляк Василий Васильевич</t>
  </si>
  <si>
    <t>Гостевой домик  Муезерский район, п. Лендеры</t>
  </si>
  <si>
    <t>проводится работа с НП</t>
  </si>
  <si>
    <t>не НП НПД на 04.08.2022</t>
  </si>
  <si>
    <t>Дата прекращения деятельности: 23.07.2022</t>
  </si>
  <si>
    <t>100402121424</t>
  </si>
  <si>
    <t>Воронин Евгений Александрович</t>
  </si>
  <si>
    <t>Коттедж «Чирко»  Муезерский район, д. Тикша</t>
  </si>
  <si>
    <t xml:space="preserve"> для ведения личного подсобного хозяйства, общая долевая собственность 10:19:0040101:16</t>
  </si>
  <si>
    <t xml:space="preserve"> Гостевой дом Хуталамба  п. Тикша, ул. Набережная, д.11, на берегу р. Чирка-Кемь</t>
  </si>
  <si>
    <t>Дополнительные виды деятельнсти: 55.10 Деятельность гостиниц и прочих мест
для временного проживания, 55.20, 55.30, 55.90</t>
  </si>
  <si>
    <t>ООО "Телекон"</t>
  </si>
  <si>
    <t xml:space="preserve">База отдыха "Талвисъярви",  Муезерский район, 40 км от  п. Волома
</t>
  </si>
  <si>
    <t>ООО «Бюро Активного Туризма «Тумча»</t>
  </si>
  <si>
    <t>Турбаза "Тумча", Муезерский р-н, урочище Мергуба, турбаза "Большое приключение"</t>
  </si>
  <si>
    <t>работают сезонно</t>
  </si>
  <si>
    <t>Дополнительный вид деятельности:  55.20 Деятельность по предоставлению
мест для краткосрочного проживания</t>
  </si>
  <si>
    <t>1019004868</t>
  </si>
  <si>
    <t>ООО "Север-Строй Ушкальский"</t>
  </si>
  <si>
    <t>Туристическая база "Вотто Тур Гимолы", Муезерский район, п. Гимолы, 89216201330, Ирина Викторовна</t>
  </si>
  <si>
    <t>совместная проверка с ФНС№2   по РК в сентябре 2021 , проводится работа МИЗО, новыми собственниками</t>
  </si>
  <si>
    <t>Дополнительный вид деятельности:        55.20 Деятельность по предоставлению мест для краткосрочного проживания</t>
  </si>
  <si>
    <t>4704075779</t>
  </si>
  <si>
    <t xml:space="preserve">ООО "Логиском" </t>
  </si>
  <si>
    <t xml:space="preserve">Туристический комплекс «Киви-Койву»   Муезерском районе, на берегу озера Верхнее Тахкалампи </t>
  </si>
  <si>
    <t>поддержка МСП ( субсидия)в мае 2022 г.</t>
  </si>
  <si>
    <t>100117308946</t>
  </si>
  <si>
    <t>Баринов Андрей Васильевич</t>
  </si>
  <si>
    <t>Гостиница «Лесная» Муезерский район, пгт. Муезерский, ул. Гагарина, 29</t>
  </si>
  <si>
    <t>проверить, кто осуществляет деятельность</t>
  </si>
  <si>
    <t xml:space="preserve">для размещения объектов здравоохранения, собственность 10:19:0130110:66 </t>
  </si>
  <si>
    <t>Присвоена категория: "без звёзд"
№ свидетельства 77/АА-154-2021/127-2022
Срок действия свидетельства до 18 мая 2025 г</t>
  </si>
  <si>
    <t>6451007521</t>
  </si>
  <si>
    <t xml:space="preserve"> ООО «ФЛАГМАН»
</t>
  </si>
  <si>
    <t xml:space="preserve"> Охотничья база «Велес»  Муезерский р-н, п.Суккозеро, пер. Гористый, 1</t>
  </si>
  <si>
    <t xml:space="preserve"> 771604887782</t>
  </si>
  <si>
    <t>Цысь Дмитрий Александрович</t>
  </si>
  <si>
    <t>гостевой дом д.Конецостров на берегу Ровкульского озёра, Муезерский район</t>
  </si>
  <si>
    <t>земли населенных пунктов, ИЖС, аренда 10:19:0090110:152</t>
  </si>
  <si>
    <t>101900756186</t>
  </si>
  <si>
    <t>Никитин Александр Николаевич</t>
  </si>
  <si>
    <t>Гостевой дом "Карельские зори"  Муезерский р-н, п. Лендеры, ул.Советская, д.2б</t>
  </si>
  <si>
    <t>земли сельхозназначения 10:19:0040302:213</t>
  </si>
  <si>
    <t>100302248931</t>
  </si>
  <si>
    <t>Кярккяйнен Инна Александровна</t>
  </si>
  <si>
    <t>Гостевой дом «Андронова Гора» Муезерский район, п.Тикша</t>
  </si>
  <si>
    <t>земли населенных пунктов, туристические базы, аренда 10:19:0030102:274</t>
  </si>
  <si>
    <t>101901744401</t>
  </si>
  <si>
    <t>Бурко Александра Геннадьевна</t>
  </si>
  <si>
    <t>Гостевой дом  Муезерский район, с.Реболы, ул.Набережная,д.13 кв.2</t>
  </si>
  <si>
    <t>для дачного строительства  10:19:0030401:43 10:19:0030401:45</t>
  </si>
  <si>
    <t>503406401370</t>
  </si>
  <si>
    <t>Бабанин Геннадий Борисович</t>
  </si>
  <si>
    <t>гостевой дом Республика Карелия, Муезерский р-н, д.Гафостров</t>
  </si>
  <si>
    <t>101901430250</t>
  </si>
  <si>
    <t>Махонин Алексей Валерьевич</t>
  </si>
  <si>
    <t>Гостевой дом Республика Карелия, Муезерский р-н, озеро Мотко</t>
  </si>
  <si>
    <t>земли населенных пунктов, дачное строительство, собственность 10:19:0030401:29</t>
  </si>
  <si>
    <t>101900130014</t>
  </si>
  <si>
    <t>Церр Наталья Викторовна</t>
  </si>
  <si>
    <t>Домик  на озере Лексозеро,   Муезерский р-н, ур.Гафостров на берегу оз.Лексозеро</t>
  </si>
  <si>
    <t>Муезерский муниципальный район</t>
  </si>
  <si>
    <t>Для ведения гражданами садоводства и огородничества</t>
  </si>
  <si>
    <t xml:space="preserve"> Не является НП НПД на 14.10.2024 г</t>
  </si>
  <si>
    <t>100300102285</t>
  </si>
  <si>
    <t xml:space="preserve">Безручко Р.Н. </t>
  </si>
  <si>
    <t xml:space="preserve">Дом Кондопожский р-н, Кончезерское СП, СОТ Чистые Пруды </t>
  </si>
  <si>
    <t>ЗЕМЛИ НАСЕЛЕННЫХ ПУНКТОВ,  10:03:0070120:7 , Для ведения гражданами садоводства и огородничества</t>
  </si>
  <si>
    <t xml:space="preserve">17.08.2020 не является НП НПД на 14.10.2024 </t>
  </si>
  <si>
    <t>344702005804</t>
  </si>
  <si>
    <t xml:space="preserve"> Федулова О. Г. </t>
  </si>
  <si>
    <t xml:space="preserve">дом Кондопожский р-н, с.Кончезеро </t>
  </si>
  <si>
    <t>не оформлена</t>
  </si>
  <si>
    <t>Дата прекращения деятельности: 29.11.2023 г. не является НП НПД на 14.10.2024</t>
  </si>
  <si>
    <t>100130828408</t>
  </si>
  <si>
    <t>Паршукова  Анастасия Владимировна</t>
  </si>
  <si>
    <t>дом Кондопожский р-н, п.Райгуба</t>
  </si>
  <si>
    <t>ЗЕМЛИ НАСЕЛЕННЫХ ПУНКТОВ, (для дачного строительства)</t>
  </si>
  <si>
    <t>Петровское СП зона индивидуальной жилой застройки "Ж-2"</t>
  </si>
  <si>
    <t>Петровское сельское поселение. Зона жилой застройки</t>
  </si>
  <si>
    <t>Дата прекращения деятельности ИП: 01.01.2005   не является НП НПД на 13.10.2022</t>
  </si>
  <si>
    <t>100100481100</t>
  </si>
  <si>
    <t>Костюков Георгий Валерьевич</t>
  </si>
  <si>
    <t>Гостевой дом "Деревня Тереки", Кондопожский район, д. Тереки</t>
  </si>
  <si>
    <t>Янишпольское СП зона не установлена</t>
  </si>
  <si>
    <t>ЗЕМЛИ НАСЕЛЕННЫХ ПУНКТОВ, Для ведения личного подсобного хозяйства, 10:03:0100701:16</t>
  </si>
  <si>
    <t>www.avito.ru</t>
  </si>
  <si>
    <t>ИП Макаров А.О.</t>
  </si>
  <si>
    <t>Коттедж, д.Часовенская,10</t>
  </si>
  <si>
    <t>данные АКМР: Костюков Георгий Валерьевич ИНН 100100481100   запланированы мероприятия ФНС</t>
  </si>
  <si>
    <t xml:space="preserve">Земли населённых пунктов 
(Для дачного строительства) </t>
  </si>
  <si>
    <t>02.12.2002  Дата прекращения деятельности: 19.11.2021</t>
  </si>
  <si>
    <t xml:space="preserve"> 1001088835   100102144702</t>
  </si>
  <si>
    <t>ООО Дом-Сервис (ФЛ   Пашков Виктор Анатольевич - собственник ЗУ и жилого дома)</t>
  </si>
  <si>
    <t>дом д. Тереки, Кондопожский р-н, Петровское СП</t>
  </si>
  <si>
    <t>Черданцев И.С.</t>
  </si>
  <si>
    <t>База отдыха "Медвежий угол", Кондопожский район, д. Тивдия, ул. Заречная, 40</t>
  </si>
  <si>
    <t>ООО "Тренинг-Клаб"</t>
  </si>
  <si>
    <t xml:space="preserve">Дом, Кондопожский р-н,                          с. Кончезеро,                  Мартнаволоцкий берег.40 </t>
  </si>
  <si>
    <t>16.05.20218</t>
  </si>
  <si>
    <t>100399097715</t>
  </si>
  <si>
    <t>Родькина Ксения Сергеевна</t>
  </si>
  <si>
    <t>Дом, Кондопожский р-н, п.Гирвас</t>
  </si>
  <si>
    <t>100303308380</t>
  </si>
  <si>
    <t xml:space="preserve">Малашенков Денис Викторович     
</t>
  </si>
  <si>
    <t>Дом, Кондопожский р-н, с. Кончезеро, Мартнаволоцкий берег</t>
  </si>
  <si>
    <t>Дата прекращения деятельности: 06.09.2022, турбаза действующая, требуется выезд</t>
  </si>
  <si>
    <t>Земли населенных пунктов (Для размещения объектов санаторного и курортного назначения) 10:03:0071201:104</t>
  </si>
  <si>
    <t>500707146287</t>
  </si>
  <si>
    <t>Гордиенко Николай Григорьевич</t>
  </si>
  <si>
    <t>Турбаза "Зайкина дача" Кондопожский р-н, д.Тюппега</t>
  </si>
  <si>
    <t>17 домиков (8 сфер полностью благоустроены, 6-дом-дом, 3 шале), 2 корпуса по 24 номера, ресторан номерной фонд: 17+(24*2)=</t>
  </si>
  <si>
    <t>6671183385</t>
  </si>
  <si>
    <t xml:space="preserve">ООО «Хвоя. Карелия» </t>
  </si>
  <si>
    <t>Парк-отель "Хвоя.Карелия" Кондопожский район, Гирвасское сельское поселение,  территория парк-отеля "Хвоя.Карелия" hvoya.kareliya@yandex.ru
Телефон
+7-953-533-07-15 (отдел бронирования), 8-921-803-93-12 Ольга Евгеньевна Илгунова</t>
  </si>
  <si>
    <t>сайт в разработке</t>
  </si>
  <si>
    <t>1003017646</t>
  </si>
  <si>
    <t xml:space="preserve">ООО "Ваша Карелия"   </t>
  </si>
  <si>
    <t>Кондопожский район, кемпинг Озера, Искрина Анатольевна +7 911 427 6551</t>
  </si>
  <si>
    <t>100399469353</t>
  </si>
  <si>
    <t>Арутюнян Нарэк Гайкович</t>
  </si>
  <si>
    <t>Мотель "Мираж"  Кондопожский р-н, г. Кондопога, Петрозаводское ш.1б</t>
  </si>
  <si>
    <t>Земли сельскохозяйственного назначения (для индивидуального садоводства), 10:03:0061204:101</t>
  </si>
  <si>
    <t>101801098112</t>
  </si>
  <si>
    <t>Джапаридзе Татьяна Николаевна</t>
  </si>
  <si>
    <t>База отдыха «Тихий берег» Кондопожский район, д. Мунозеро, Илья Джапаридзе, 8-921-62-99-000</t>
  </si>
  <si>
    <t>100118621929</t>
  </si>
  <si>
    <t>Градюшко Всеволод Сергеевич</t>
  </si>
  <si>
    <t>Юрта Лахти, Кондопожский район, деревня Мунозеро          +7 906 207 66 77, 8-903-122-5796    Всеволод Сергеевич</t>
  </si>
  <si>
    <t>Присвоенная категория (звездность): без звёзд Номер свидетельства: 47/051/005-2023
Дата выдачи свидетельства: 20.02.2023
Срок действия: 19.02.2026</t>
  </si>
  <si>
    <t>1003018311</t>
  </si>
  <si>
    <t xml:space="preserve"> ФГБПОУ "Государственное училище ( техникум) олимпийского резерва г. Кондопога"</t>
  </si>
  <si>
    <t xml:space="preserve">ЮЛ </t>
  </si>
  <si>
    <t>Гостиница "ГУОР г. Кондопога", г. Кондопога, ул. М.Горького, д. 10</t>
  </si>
  <si>
    <t>из списка АКМР</t>
  </si>
  <si>
    <t>Земли населённых пунктов 
(Для строительства гостиницы и кафе) 10:03:0080302:68</t>
  </si>
  <si>
    <t>1003018921</t>
  </si>
  <si>
    <t>ООО "Тапиола"</t>
  </si>
  <si>
    <t>База отдыха "Тапиола", пос. Сопоха, ул. Геологов, зем.уч-к 1, +7-953-539-89-99, i.v.a.n10rus@mail.ru</t>
  </si>
  <si>
    <t>ООО "Декабрь"</t>
  </si>
  <si>
    <t xml:space="preserve">3 домика А-фрэйм и один домик из карельского сухарника, территория СПА-Отель "Дворцы", п. Марциальные Воды, ул. Центральная 5, Кондопожский район, dvorcy@mailtur.ru
Тел./факс: +7(814-2) 78-88-12, 78-88-15, 78-88-18 89114003987, Ольга
</t>
  </si>
  <si>
    <t xml:space="preserve">ООО "Декабрь" будет передавать
объект ООО "Рубин"в аренду </t>
  </si>
  <si>
    <t>Земли особо охраняемых территорий и объектов
для обслуживания туристическо-гостиничного комплекса 10:03:0072603:2</t>
  </si>
  <si>
    <t>Присвоена категория: "две звезды"
№ свидетельства 10/АА-036/086-2022 до 19.08.2025</t>
  </si>
  <si>
    <t>1001327709</t>
  </si>
  <si>
    <t xml:space="preserve">СПА-Отель "Дворцы", п. Марциальные Воды, ул. Центральная 5, Кондопожский район, dvorcy@mailtur.ru
Тел./факс: +7(814-2) 78-88-12, 78-88-15, 78-88-18, 8-911-400-39-87 </t>
  </si>
  <si>
    <t>Земли населенных пунктов (Объекты торгового назначения и общественного питания. Территориальная зона - Ж1. Многофункциональная жилая зона) форма собственности не оформлена 10:03:0010117:2 (Советов, 19) 10:03:0010125:4 (Советов, 16)</t>
  </si>
  <si>
    <t>Присвоена категория: "три звезды"
№ свидетельства 10/АА-036/080-2022
Срок действия свидетельства до 21 июня 2025 г</t>
  </si>
  <si>
    <t>1003018230</t>
  </si>
  <si>
    <t xml:space="preserve">АО "Кондопожский ЦБК" </t>
  </si>
  <si>
    <t>Гостиница «Кондопога», 
г. Кондопога, ул. Советов, д.14</t>
  </si>
  <si>
    <t>Земли населенных пунктов (Для размещения объектов (территорий) рекреационного назначения), 10:03:0070102:75</t>
  </si>
  <si>
    <t>65</t>
  </si>
  <si>
    <t>1003001854</t>
  </si>
  <si>
    <t xml:space="preserve">АО "Лечебно-профилактическое учреждение естественного оздоровления "Клиника Кивач" </t>
  </si>
  <si>
    <t>Лечебно-профилактическое учреждение клиника «Кивач»  с. Кончезеро, Кондопожский район</t>
  </si>
  <si>
    <t>Земли особо охраняемых территорий и объектов (для размещения санатория 10:03:0072603:17</t>
  </si>
  <si>
    <t>Присвоена категория: "две звезды"
№ свидетельства 10/АА-036/041-2021
Срок действия свидетельства до 05 февр. 2024 г</t>
  </si>
  <si>
    <t>1000013379</t>
  </si>
  <si>
    <t xml:space="preserve">АО "Санаторий "Марциальные Воды" </t>
  </si>
  <si>
    <t>Санаторий "Марциальные Воды" п. Марциальные Воды, Кондопожский район</t>
  </si>
  <si>
    <t>Земли промышленности (Для размещения объектов торговли) форма собственности не оформлена  10:03:0103404:194</t>
  </si>
  <si>
    <t xml:space="preserve">Присвоена категория: "две звезды"
№ свидетельства: 10/АА-063/125-2023
Срок действия: 06.06.2026 </t>
  </si>
  <si>
    <t>1003004990</t>
  </si>
  <si>
    <t xml:space="preserve">ООО «СтандартОтель» </t>
  </si>
  <si>
    <t>Гостиница в с. Янишполе  ул. Дорожная, 29, с. Янишполе, Кондопожский район</t>
  </si>
  <si>
    <t>в адрес Карелиястат поступило письмо от ООО об отс.объекта</t>
  </si>
  <si>
    <t xml:space="preserve">Земли поселений (земли населенных пунктов)
для ведения личного подсобного хозяйства 10:03:0050604:16
</t>
  </si>
  <si>
    <t>1001334784</t>
  </si>
  <si>
    <t xml:space="preserve">ООО "Пельмень Хаус" </t>
  </si>
  <si>
    <t>Коттедж "Щучья губа" Кондопожский район, д. Вохтозеро</t>
  </si>
  <si>
    <t xml:space="preserve"> Земли населенных пунктов 
(для индивидуального жилищного строительства) 10:03:0090811:14</t>
  </si>
  <si>
    <t>Присвоена категория: "три звезды"
№ свидетельства 10/АА-036/095-2022 до 27.10.2025</t>
  </si>
  <si>
    <t xml:space="preserve">55.10 Деятельность гостиниц и прочих мест для временного проживания  </t>
  </si>
  <si>
    <t>1003102517</t>
  </si>
  <si>
    <t>ООО "Туристическая компания "Карелия-тур"</t>
  </si>
  <si>
    <t>Загородная база отдыха «Karjala hotelli vuokkiniemi» д. Ватнаволок, Кондопожский район</t>
  </si>
  <si>
    <t>Земли сельскохозяйственного назначения (для ведения дачного хозяйства)
10:03:0061203:177</t>
  </si>
  <si>
    <t>Присвоена категория: "две звезды"
№ свидетельства 47/028/17-2021
Срок действия свидетельства до 11 апр. 2024 г</t>
  </si>
  <si>
    <t xml:space="preserve">ООО "Ваша Карелия" </t>
  </si>
  <si>
    <t>Земли промышленности (Для размещения промышленных объектов), форма собственности не оформлена 10:03:0011301:20</t>
  </si>
  <si>
    <t>Присвоена категория: "две звезды"
№ свидетельства 10/АА-036/085-2022
Срок действия свидетельства до 08 авг. 2025 г</t>
  </si>
  <si>
    <t>1001266083</t>
  </si>
  <si>
    <t xml:space="preserve">ООО "Карелфармация" </t>
  </si>
  <si>
    <t xml:space="preserve">Отель «Вояж»
 ш. Петрозаводское, д.1a, Кондопога,  </t>
  </si>
  <si>
    <t>Земли населенных пунктов (для эксплуатации встроенного магазина), форма собственности не оформлена 10:03:0010115:13</t>
  </si>
  <si>
    <t>99</t>
  </si>
  <si>
    <t>Присвоена категория: "три звезды"
№ свидетельства 10/АА-036/055-2021
Срок действия свидетельства до 26 нояб. 2024 г</t>
  </si>
  <si>
    <t>1003016762</t>
  </si>
  <si>
    <t xml:space="preserve">  ООО "Турхолдинг Родина Карелия" </t>
  </si>
  <si>
    <t>Отель Карелия (Karelia Hotel) площадь Ленина 5, Кондопога</t>
  </si>
  <si>
    <t>Земли особо охраняемых территорий и объектов (Для размещения объектов (территорий) рекреационного назначения) 10:03:0082402:22</t>
  </si>
  <si>
    <t>55.20  Деятельность по предоставлению мест для краткосрочного проживания</t>
  </si>
  <si>
    <t>7731582332</t>
  </si>
  <si>
    <t xml:space="preserve">ООО "Кемпинг Сандал" </t>
  </si>
  <si>
    <t>База отдыха - Кемпинг «Сандал», Гостевой дом "Сандал" д. Сопоха, Кондопожский район, info@runa-land.ru</t>
  </si>
  <si>
    <t>ЗЕМЛИ НАСЕЛЕННЫХ ПУНКТОВ, Личное подсобное хозяйство, 10:03:0100901:16;     ЗЕМЛИ НАСЕЛЕННЫХ ПУНКТОВ,   Для индивидуальной жилой застройки, 10:03:0100904:31</t>
  </si>
  <si>
    <t>1001129640</t>
  </si>
  <si>
    <t xml:space="preserve">ООО "Карельское общество пчеловодов" </t>
  </si>
  <si>
    <t>коттедж "Медовое ранчо" Кондопожский р-н, д.Тулгуба, Зеленая.10</t>
  </si>
  <si>
    <t>100118366500</t>
  </si>
  <si>
    <t>Стрелковский Павел Виктрович</t>
  </si>
  <si>
    <t>Кемпинг StrelkovSki, Кондопожский район, д. Декнаволок</t>
  </si>
  <si>
    <t>ЗЕМЛИ НАСЕЛЕННЫХ ПУНКТОВ, Для ведения гражданами садоводства и огородничества 10:03:0110501:41</t>
  </si>
  <si>
    <t>100300125074</t>
  </si>
  <si>
    <t>Андрианов Александр Валентинович</t>
  </si>
  <si>
    <t>Коттедж, Кондопожский район, д. Горка</t>
  </si>
  <si>
    <t>ЗЕМЛИ СЕЛЬСКОХОЗЯЙСТВЕННОГО НАЗНАЧЕНИЯ, Для дачного строительства, 10:03:0112503:391,    ЗЕМЛИ СЕЛЬСКОХОЗЯЙСТВЕННОГО НАЗНАЧЕНИЯ,     Для сельскохозяйственного производства,   10:03:0112503:203</t>
  </si>
  <si>
    <t>Вид деятельности НП НПД - сдача гостевых домов в аренду</t>
  </si>
  <si>
    <t>100116250644</t>
  </si>
  <si>
    <t>Степанчук Зинаида Андреевна</t>
  </si>
  <si>
    <t>Гостевые дома "Онежская горка" Кондопожский р-н, д. Горка</t>
  </si>
  <si>
    <t>ЗЕМЛИ СЕЛЬСКОХОЗЯЙСТВЕННОГО НАЗНАЧЕНИЯ, Для ведения гражданами садоводства и огородничества, 10:03:0072602:514;     ЗЕМЛИ СЕЛЬСКОХОЗЯЙСТВЕННОГО НАЗНАЧЕНИЯ,   Для ведения гражданами садоводства и огородничества,  10:03:0072602:515</t>
  </si>
  <si>
    <t xml:space="preserve">100100501596 </t>
  </si>
  <si>
    <t>Сальников Сергей Владимирович</t>
  </si>
  <si>
    <t xml:space="preserve">НП НПД </t>
  </si>
  <si>
    <t>Дом, Кондпожский район, Кончезерское поселение</t>
  </si>
  <si>
    <t>ЗЕМЛИ НАСЕЛЕННЫХ ПУНКТОВ, Для индивидуальной жилой застройки,   10:03:0070201:34</t>
  </si>
  <si>
    <t xml:space="preserve">100125275740 </t>
  </si>
  <si>
    <t>Володина Ксения Константиновна</t>
  </si>
  <si>
    <t xml:space="preserve">ИП </t>
  </si>
  <si>
    <t>Дом Кондопожский р-н,              Кончезерское поселение, д.Викшица</t>
  </si>
  <si>
    <t>ЗЕМЛИ НАСЕЛЕННЫХ ПУНКТОВ,  Для иных видов жилой застройки, 10:03:0021103:18;  ЗЕМЛИ НАСЕЛЕННЫХ ПУНКТОВ, Для ведения гражданами садоводства и огородничества,  10:03:0021102:20</t>
  </si>
  <si>
    <t>100101043331</t>
  </si>
  <si>
    <t>Дурягин Сергей Леонидович</t>
  </si>
  <si>
    <t>Дом, Кондопожский р-н, п.Райгуба, 24 м2</t>
  </si>
  <si>
    <t>100115766813</t>
  </si>
  <si>
    <t>Фомина Ольга Владимировна</t>
  </si>
  <si>
    <t>Дом Кондопожский р-н,                                         п.Райгуба</t>
  </si>
  <si>
    <t xml:space="preserve"> Романова Валентина Федоровна </t>
  </si>
  <si>
    <t>Гостевой дом г. Кондопога</t>
  </si>
  <si>
    <t xml:space="preserve">100119980102  </t>
  </si>
  <si>
    <t xml:space="preserve">Михайлин Владимир Михайлович            </t>
  </si>
  <si>
    <t>Коттедж г.Кондопога, ул. Энтузиастов, 19а</t>
  </si>
  <si>
    <t>ЗЕМЛИ НАСЕЛЕННЫХ ПУНКТОВ, Для ведения личного подсобного хозяйства, 10:03:0060117:10</t>
  </si>
  <si>
    <t>100101026960</t>
  </si>
  <si>
    <t xml:space="preserve">Земсков В.Н. </t>
  </si>
  <si>
    <t>Гостевой дом  Кондопожский район, с. Спасская губа</t>
  </si>
  <si>
    <t>100113400059</t>
  </si>
  <si>
    <t>Фомин Р.С.</t>
  </si>
  <si>
    <t>Гостевой дом  Кондопожский р-н, д.Кулмукса.2</t>
  </si>
  <si>
    <t>В 2018 году мы запустили ещё один объект размещения в Карелии, гостевой дом нового формата!
В 2020 году стали сдавать трёхместные домики нового образца.
В 2021 году появились ещё трёхместные домики в Райгубе (на озере Сундозеро).
В 2022 году открыли шестиместные коттеджи на скале, а 2023 году на первой линии озера: http://u-plotnika.ru/dom-6-mest</t>
  </si>
  <si>
    <t>Земли населённых пунктов 
(Для дачного строительства) 10:03:0103404:113</t>
  </si>
  <si>
    <t>Комплекс гостевых домов «У Плотника»  Кондопожский район, Мережнаволок, Солнечная ул.</t>
  </si>
  <si>
    <t>ЗЕМЛИ НАСЕЛЕННЫХ ПУНКТОВ, Для индивидуальной жилой застройки,  10:03:0070701:97</t>
  </si>
  <si>
    <t>100101804473</t>
  </si>
  <si>
    <t xml:space="preserve">Алексеев Олег Александрович </t>
  </si>
  <si>
    <t xml:space="preserve">Гостевой дом  KaLLivo, Кондопожский р-н,                д.Восточное Кончезеро, https://vk.com/kallivo_h, +7 (953) 537-37-87 </t>
  </si>
  <si>
    <t>10:03:0070502:31 или 10:03:0070502:57</t>
  </si>
  <si>
    <t>100101033799</t>
  </si>
  <si>
    <t>Немкович Г. Е.</t>
  </si>
  <si>
    <t>Гостевой дом «Ранта» Кондопожский район, Мартнаволок</t>
  </si>
  <si>
    <t>ЗЕМЛИ НАСЕЛЕННЫХ ПУНКТОВ, Для индивидуальной жилой застройки, 10:03:0020601:2</t>
  </si>
  <si>
    <t>100300648331</t>
  </si>
  <si>
    <t xml:space="preserve">Евдокимов И.А. </t>
  </si>
  <si>
    <t>Дача Кондопожский р-н, Гирвасское поселение, д. Койкары</t>
  </si>
  <si>
    <t>100301164005</t>
  </si>
  <si>
    <t>Вознесенская Е.Н.</t>
  </si>
  <si>
    <t>Дом Кондопожский р-н, д.Лижмозеро</t>
  </si>
  <si>
    <t>сельскохозяйственное пр-во, дачное стр-во. Определить какой участок используется невозможно, т.к. имеет на территории Кончезерского поселения 15 участков</t>
  </si>
  <si>
    <t>100120458846</t>
  </si>
  <si>
    <t>Евсеев В.М.</t>
  </si>
  <si>
    <t>Кемпинг "Лукоморье" Кондопожский р-н,                   п. Кивач, Заповедная, 3</t>
  </si>
  <si>
    <t>Земли поселений (земли населенных пунктов)
отдельно стоящие индивидуальные жилые дома до 3 этажей 10:03:0103404:271</t>
  </si>
  <si>
    <t>100300935777</t>
  </si>
  <si>
    <t xml:space="preserve">Иванов В.И. </t>
  </si>
  <si>
    <t>Гостевой дом «Приют рыбака» Кондопожский район, д. Мережнаволок, Прибрежная улица, 16А, +7 (981) 404-80-71</t>
  </si>
  <si>
    <t>ЗЕМЛИ НАСЕЛЕННЫХ ПУНКТОВ, Для ведения личного подсобного хозяйства, 10:03:0010801:92</t>
  </si>
  <si>
    <t>101501519049</t>
  </si>
  <si>
    <t xml:space="preserve"> Зайцев А.Ю. </t>
  </si>
  <si>
    <t>Дом, д. Кулмукса, Кондопожский р-н, Новинское СП</t>
  </si>
  <si>
    <t>ЗЕМЛИ СЕЛЬСКОХОЗЯЙСТВЕННОГО НАЗНАЧЕНИЯ, Для ведения гражданами садоводства и огородничества,   10:03:0012202:17, 10:03:0012202:8</t>
  </si>
  <si>
    <t>дом Кондопожский р-н, д.Сюрьга (Кондопога)</t>
  </si>
  <si>
    <t>Земли сельскохозяйственного назначения 10:03:0061204:544</t>
  </si>
  <si>
    <t>771481117903</t>
  </si>
  <si>
    <t>Максутов Р.К.</t>
  </si>
  <si>
    <t>коттедж Кондопожский р-н, д.Мунозеро (Спасская Губа)</t>
  </si>
  <si>
    <t>дом Кондопожский р-н, д.Готнаволок  (Спасская Губа)</t>
  </si>
  <si>
    <t>дом Кондопожский р-н, д.Декнаволок  (Спасская Губа)</t>
  </si>
  <si>
    <t>100114300650</t>
  </si>
  <si>
    <t xml:space="preserve">Богданова Н.Ю.  </t>
  </si>
  <si>
    <t>коттедж Кондопосжкий р-н, с.Кончезеро, Совхозная, 5</t>
  </si>
  <si>
    <t>100300885847</t>
  </si>
  <si>
    <t>Назарова Татьяна Олеговна</t>
  </si>
  <si>
    <t xml:space="preserve">дом Кондпожский р-н, д. Зап. Кончезеро, Центральная </t>
  </si>
  <si>
    <t>Для индивидуальной жилой застройки      10:03:0100302:21</t>
  </si>
  <si>
    <t>100109410505</t>
  </si>
  <si>
    <t>Кордаш Игорь Олегович</t>
  </si>
  <si>
    <t xml:space="preserve">дом Кондпожский р-н, с.Янишполе, Лесная, 32 </t>
  </si>
  <si>
    <t>Вид дополнительной деятельности: 55.20 Деятельность по предоставлению мест для краткосрочного проживания</t>
  </si>
  <si>
    <t>100303370476</t>
  </si>
  <si>
    <t>Бояров Артём Алексеевич</t>
  </si>
  <si>
    <t>Коттедж, Кондопожский район, оз.Пертозеро (рядом с с.Кончезеро)</t>
  </si>
  <si>
    <t xml:space="preserve">79.11 Деятельность туристических агентств Дополнительный вид деятельности: 68.20 Аренда и управление собственным
или арендованным недвижимым
имуществом
</t>
  </si>
  <si>
    <t>100118272611</t>
  </si>
  <si>
    <t>Шпак Александр Михайлович</t>
  </si>
  <si>
    <t xml:space="preserve">База отдыха “Karelian Rocky House”, Кондопожский район,  Скалистая улица, 97к1, Западное Кончезеро
</t>
  </si>
  <si>
    <t xml:space="preserve"> 23.11.2021</t>
  </si>
  <si>
    <t>100118183707</t>
  </si>
  <si>
    <t>Котыш Марина Юрьевна</t>
  </si>
  <si>
    <t>Дом Кондопожский р-н, с. Янишполе, Заречная, 26</t>
  </si>
  <si>
    <t>необход</t>
  </si>
  <si>
    <t>Земли сельскохозяйственного назначения (Для сельскохозяйственного производства) 10:03:0072601:335</t>
  </si>
  <si>
    <t>100302530448</t>
  </si>
  <si>
    <t>Семенов Владимир Александрович</t>
  </si>
  <si>
    <t>Туристическая деревня «Чуньки» д. Большое Вороново, Кондопожский район</t>
  </si>
  <si>
    <t>Земли  населенных пунктов (для индивидуального жилищного строительства), 10:03:0040101:1</t>
  </si>
  <si>
    <t>Присвоена категория: "без звёзд"
№ свидетельства 10/АА-036/067-2022
Срок действия свидетельства до 25 февр. 2025 г</t>
  </si>
  <si>
    <t>100120161394</t>
  </si>
  <si>
    <t>Грищенко Владимир Степанович</t>
  </si>
  <si>
    <t>База отдыха "Медвежий угол" Кондопожский район, д. Тивдия, ул. Заречная, 40</t>
  </si>
  <si>
    <t>Земли особо охраняемых территорий и объектов (Для размещения объектов (территорий) рекреационного назначения) 10:03:0082401:7</t>
  </si>
  <si>
    <t>Присвоена категория: "без звёзд"
№ свидетельства 10/АА-036/046-2022
Срок действия свидетельства до 19 янв. 2025 г</t>
  </si>
  <si>
    <t>База отдыха «Шишки» Кондопожский район, 501-й км Мурманского шоссе, оз. Сундозеро,</t>
  </si>
  <si>
    <t>ЗЕМЛИ НАСЕЛЕННЫХ ПУНКТОВ, Для размещения объектов (территорий) рекреационного назначения, 10:03:0060601:60</t>
  </si>
  <si>
    <t>100303576854</t>
  </si>
  <si>
    <t>Мартынова Марта Олеговна</t>
  </si>
  <si>
    <t>дом Кондопожский р-н, д. Декнаволок  (Спасская Губа)</t>
  </si>
  <si>
    <t>100120322683</t>
  </si>
  <si>
    <t>Ахмадулина Аксана Александровна</t>
  </si>
  <si>
    <t>дом Кондопожский р-н, д.Антипинская</t>
  </si>
  <si>
    <t>100110749701</t>
  </si>
  <si>
    <t>Морковкин Владимир Леонидович</t>
  </si>
  <si>
    <t>дом Кондопожский р-н, с.Спасская Губа</t>
  </si>
  <si>
    <t>100302013746</t>
  </si>
  <si>
    <t>Менделев Юрий Анатольевич</t>
  </si>
  <si>
    <t>дом Кондопожский р-н, с.Кончезеро Студенческая, 26</t>
  </si>
  <si>
    <t>ЗЕМЛИ НАСЕЛЕННЫХ ПУНКТОВ, Для индивидуальной жилой застройки, 10:03:0020114:20</t>
  </si>
  <si>
    <t>101200738640</t>
  </si>
  <si>
    <t>Воронов Алексей Евгеньевич</t>
  </si>
  <si>
    <t>дом Кондопожский р-н, п. Гирвас, Сунская,14</t>
  </si>
  <si>
    <t>Кондопожский муниципальный район</t>
  </si>
  <si>
    <t xml:space="preserve">Легализация туристических объектов в Кондопожском муниципальном районе </t>
  </si>
  <si>
    <t>?</t>
  </si>
  <si>
    <t xml:space="preserve">Александров Андрей Викторович </t>
  </si>
  <si>
    <t>Парк-отель Green Club Family Karelia Калинина, 57</t>
  </si>
  <si>
    <t>https://greenclub-karelia.ru/</t>
  </si>
  <si>
    <t>уточнить, осуществляюется сдача дома или нет</t>
  </si>
  <si>
    <t xml:space="preserve"> 101300160472</t>
  </si>
  <si>
    <t>Хрылёв Юрий Анатольевич</t>
  </si>
  <si>
    <t>дача Медвежьегорский р-н., пгт. Пиндуши, ул. Набережная, 6</t>
  </si>
  <si>
    <t>Инфо Карелиястат</t>
  </si>
  <si>
    <t>Гостевой дом РК, р-н Медвежьегорский, с Великая Губа, остров б.н.п Вороний</t>
  </si>
  <si>
    <t>ТОСП ИП Савинов Александр Викторович</t>
  </si>
  <si>
    <t>100102319021</t>
  </si>
  <si>
    <t>1013802148</t>
  </si>
  <si>
    <t xml:space="preserve">СПК "ЗАОНЕЖСКАЯ ДЕРЕВНЯ"  </t>
  </si>
  <si>
    <t>Медвежьегорский район, д. Шуньга, оз. Путкозеро</t>
  </si>
  <si>
    <t>База отдыха "Заонего.ру"</t>
  </si>
  <si>
    <t>Деятельность осуществляет</t>
  </si>
  <si>
    <t>781305976208</t>
  </si>
  <si>
    <t>Руссков Констанин Валерьевич</t>
  </si>
  <si>
    <t>186302,РОССИЯ,Карелия Респ,Медвежьегорский р-н,,Типиницы д,,4а,,</t>
  </si>
  <si>
    <t>Гостевой дом "За Онегу"</t>
  </si>
  <si>
    <t>Требуется проверить</t>
  </si>
  <si>
    <t>открыт в 2023</t>
  </si>
  <si>
    <t>Шихуцкий Сергей Павлович</t>
  </si>
  <si>
    <t>Жемчужина Заонежья http://zaonezhie.ru/</t>
  </si>
  <si>
    <t>Планируется  к открытию</t>
  </si>
  <si>
    <t>Не является плательщиком НПД</t>
  </si>
  <si>
    <t>101301430202</t>
  </si>
  <si>
    <t xml:space="preserve">Богданова Т.А. </t>
  </si>
  <si>
    <t>Гостевой дом «На Сегозеро»   Медвежьегорский район, д. Карельская Масельга, ул. Центральная, 21</t>
  </si>
  <si>
    <t>Ж-1</t>
  </si>
  <si>
    <t>Великогубское сельское поселение</t>
  </si>
  <si>
    <t>https://guesthouse.travel/russia/id-domik-u-margarity</t>
  </si>
  <si>
    <t>101200142723</t>
  </si>
  <si>
    <t>Максимков Олег Николаевич</t>
  </si>
  <si>
    <t>Гостевой дом «Маргарита» Республика Карелия, Медвежьегорский район, д. Карельская с. Великая губа, ул. Октябрьская</t>
  </si>
  <si>
    <t>Чебинское сельское поселение</t>
  </si>
  <si>
    <t>https://www.vashotel.ru/gostinicy/rossiya/city57059/gostevoj-dom-taezhnaya-skazka/</t>
  </si>
  <si>
    <t>собственник: Чернышевская Елена Ивановна</t>
  </si>
  <si>
    <t>Гостевой дом «Таежная сказка» Медвежьегорский район, д. Карельская Масельга, ул. Центральная</t>
  </si>
  <si>
    <t>ИТОГО</t>
  </si>
  <si>
    <t>101302358679</t>
  </si>
  <si>
    <t>Балыков Алексей Александрович</t>
  </si>
  <si>
    <t>2 летних домика, Медвежьегорский р-н., д. Медведьева</t>
  </si>
  <si>
    <t>подает декларацию 3-НДФЛ</t>
  </si>
  <si>
    <t>101301248218</t>
  </si>
  <si>
    <t xml:space="preserve">ФЛ Мухамеджанов С.А. </t>
  </si>
  <si>
    <t>Дом  110 м2 на участке 15 сот. Медвежьегорский р-н, с. Сосновка, ул. Лесная, 1А</t>
  </si>
  <si>
    <t>772142870374</t>
  </si>
  <si>
    <t xml:space="preserve">Карханова Наталья Анатольевна </t>
  </si>
  <si>
    <t>Гостиничный комплекс "Остров", Медвежьегорский район, о. Большой Клименецкий, д. Плешки</t>
  </si>
  <si>
    <t>прменяет режим НПД с 22.01.2022</t>
  </si>
  <si>
    <t>101300858690</t>
  </si>
  <si>
    <t xml:space="preserve">Лупин Михаил Васильевич </t>
  </si>
  <si>
    <t xml:space="preserve">Турбаза "Сеновал", Медвежьегорский район, о. Большой Клименецкий </t>
  </si>
  <si>
    <t>1001185613</t>
  </si>
  <si>
    <t>ООО "ДАД"</t>
  </si>
  <si>
    <t>Медвежьегорский район, д. Кондобережская,  гостевой дом "Жемчужина Заонежья", 8-911-405-56-41, Подгорная Наталья Викторовна</t>
  </si>
  <si>
    <t>27.04.2021</t>
  </si>
  <si>
    <t>100119765521</t>
  </si>
  <si>
    <t>Гавриленко Яков Владимирович</t>
  </si>
  <si>
    <t xml:space="preserve">Гостевой дом, Медвежьегорский район, о. Кижи, </t>
  </si>
  <si>
    <t>100116704376</t>
  </si>
  <si>
    <t>Воробьев Иван Сергеевич</t>
  </si>
  <si>
    <t xml:space="preserve"> Гостевой дом "Воробьиное гнездо",(https://vk.com/sparrowsnest_guesthouse)Медвежьегорский район,  о.Кижи, д. Воробьи, д.10 А, +7 (906) 207-46-13</t>
  </si>
  <si>
    <t>28.07.2023: ведется работа по оформлению земельных участков для создания новых объектов</t>
  </si>
  <si>
    <t>земля оформлена под тур.деятельность</t>
  </si>
  <si>
    <t>Дополнительные виды деятельности: 55.10, 55.20, 55.30</t>
  </si>
  <si>
    <t>ООО "Открытые Кижи"</t>
  </si>
  <si>
    <t>Глэмпинг ВидноОзеро, Медвежьегорский район, с. Великая Губа, д. Кондобережская +7 999 065 63 66, https://vidnoozero.ru/</t>
  </si>
  <si>
    <t>68</t>
  </si>
  <si>
    <t>Вольгемар В.В, - сестра, подарила дом</t>
  </si>
  <si>
    <t>101302081804</t>
  </si>
  <si>
    <t>Долгакова Людмила Борисовна</t>
  </si>
  <si>
    <t>Коттедж Лахти, 80 кв.м. на 6 человек, 2 спальни,г. Медвежьегорск, ул. Чкалова, 7а, +7 (911) 415-47-87</t>
  </si>
  <si>
    <t>1013009080</t>
  </si>
  <si>
    <t>ООО «Берег»</t>
  </si>
  <si>
    <t>Усадьба «Karhumaki Sport&amp;Spa», г.Медвежьегорск, пер. Озерный, 11, contact@karhumaki365.ru, https://karhumaki365.ru, +7 (920) 877-18-88</t>
  </si>
  <si>
    <t>66</t>
  </si>
  <si>
    <t>101390270759</t>
  </si>
  <si>
    <t>Федоров Роман Юрьевич</t>
  </si>
  <si>
    <t>Гостевой дом Медвежьегорский р-н., д. Морская Масельга</t>
  </si>
  <si>
    <t>Получатель финансовой поддержки в 2020 г.</t>
  </si>
  <si>
    <t>101302470053</t>
  </si>
  <si>
    <t>Фокин Дмитрий Васильевич</t>
  </si>
  <si>
    <t>Дом 90 м2 на участке 15 сот. г. Медвежьегорск, ул. Мира, д. 32</t>
  </si>
  <si>
    <t>64</t>
  </si>
  <si>
    <t>700</t>
  </si>
  <si>
    <t>гостиница "Онежская" г. Медвежьегорск, Дзержинского, 2</t>
  </si>
  <si>
    <t>63</t>
  </si>
  <si>
    <t>1013800800</t>
  </si>
  <si>
    <t>ООО «Север»</t>
  </si>
  <si>
    <t>Туристическая база "Сондалы"  Медвежьегорский р-н., с. Паданы, ул. Григорьева, 32</t>
  </si>
  <si>
    <t>Присвоена категория: "две звезды"
№ свидетельства 10/АА-063/142-2023
Срок действия свидетельства до 21 окт. 2026 г</t>
  </si>
  <si>
    <t>1013008707</t>
  </si>
  <si>
    <t>ООО «Карху»</t>
  </si>
  <si>
    <t>гостиница "Карху" г. Медвежьегорск, ул. Лесная, д. 1</t>
  </si>
  <si>
    <t>Земли особо охраняемых территорий и объектов</t>
  </si>
  <si>
    <t>Присвоена категория: "две звезды"
№ свидетельства: 10/АА-063/124-2023
Срок действия: 17.05.2026</t>
  </si>
  <si>
    <t>1013800550</t>
  </si>
  <si>
    <t>ООО «Кодеранду»</t>
  </si>
  <si>
    <t>Экоотель "Большая медведица" Медвежьегорский район, пгт. Повенец, Войгуба</t>
  </si>
  <si>
    <t>1013000306</t>
  </si>
  <si>
    <t>ООО «Навигатор»</t>
  </si>
  <si>
    <t>Туристическая база "Сегозеро"  Медвежьегорский район, с. Паданы, ул. Садовая, д. 23</t>
  </si>
  <si>
    <t>251201682867</t>
  </si>
  <si>
    <t>Алистратова Ирина Вячеславовна</t>
  </si>
  <si>
    <t>Гостевой дом, Медвежьегорский район, д.Остречье, ул.Центральная, д.26</t>
  </si>
  <si>
    <t>101303529091</t>
  </si>
  <si>
    <t xml:space="preserve">Мисищева В.А. </t>
  </si>
  <si>
    <t>коттедж г. Медвежьегорск, ул. Пушкина</t>
  </si>
  <si>
    <t>101390386168</t>
  </si>
  <si>
    <t xml:space="preserve"> Палтусов Д.П. </t>
  </si>
  <si>
    <t>дом Медвежьегорский р-н., Ламбасручей, Школьная, 13</t>
  </si>
  <si>
    <t xml:space="preserve">Земли населенных пунктов </t>
  </si>
  <si>
    <t>101302303937</t>
  </si>
  <si>
    <t xml:space="preserve">Круглова С.О. </t>
  </si>
  <si>
    <t>коттедж Медвежьегорский р-н., д. Шуньга</t>
  </si>
  <si>
    <t>100501511859</t>
  </si>
  <si>
    <t xml:space="preserve">Патроева А.Г. </t>
  </si>
  <si>
    <t>дом Медвежьегорский р-н.,д. Маслозеро, ул. Озерная, д. 10А</t>
  </si>
  <si>
    <t>101300884299</t>
  </si>
  <si>
    <t>Давыдова Т.Н.</t>
  </si>
  <si>
    <t>дом Медвежьегорский р-н.,д. Тихвин Бор, д. 15</t>
  </si>
  <si>
    <t>101303068468</t>
  </si>
  <si>
    <t>Сало А.Н.</t>
  </si>
  <si>
    <t>дом Медвежьегорский район, Паданы</t>
  </si>
  <si>
    <t>101301880787</t>
  </si>
  <si>
    <t>Конжезеров С.Д.</t>
  </si>
  <si>
    <t>101303350295</t>
  </si>
  <si>
    <t xml:space="preserve">Давтян А.Г. </t>
  </si>
  <si>
    <t>Гостевой дом  "Турист" Медвежьегорск, К. Либкнехта, д. 1</t>
  </si>
  <si>
    <t>100106973700</t>
  </si>
  <si>
    <t xml:space="preserve"> Бобров Н.П.</t>
  </si>
  <si>
    <t>Гостевой дом «Кижанин» Медвежьегорский район, д. Ерсенево</t>
  </si>
  <si>
    <t>770402542952</t>
  </si>
  <si>
    <t>Теряева Ирина Васильева</t>
  </si>
  <si>
    <t>Коттедж «Солнечный" г. Медвежьегорск, ул. Омелина, 9</t>
  </si>
  <si>
    <t>101303589005</t>
  </si>
  <si>
    <t>Флуерар Виталий Сергеевич</t>
  </si>
  <si>
    <t>Дом 150 кв.м на участке 15 сот. , Медвежьегорский р-н, д. Тамбицы, ул. Николая Торопчина, 3</t>
  </si>
  <si>
    <t>780229361840</t>
  </si>
  <si>
    <t>Плеханов Александр Владимирович</t>
  </si>
  <si>
    <t>гостевой дом Медвежьегорский р-н, пгт. Пиндуши, ул. Повенецкая, д. 1</t>
  </si>
  <si>
    <t>101300057901</t>
  </si>
  <si>
    <t xml:space="preserve">Красногир Юрий Петрович </t>
  </si>
  <si>
    <t>Дом 50 м2 на участке 10 сот. Медвежьегорский р-н., д. Кажма</t>
  </si>
  <si>
    <t>Коттедж 300 м2 на участке 100 сот. г. Медвежьегорск, ул. Чкалова, 25</t>
  </si>
  <si>
    <t>101302417268</t>
  </si>
  <si>
    <t>Круглова Анастасия Юрьевна</t>
  </si>
  <si>
    <t>Гостевой дом  Толвуйское сельское поселение</t>
  </si>
  <si>
    <t>101302236462</t>
  </si>
  <si>
    <t>Маганов Валерий Александрович</t>
  </si>
  <si>
    <t>дача Медвежьегорский р-н., п. Падун, ул. Центральная</t>
  </si>
  <si>
    <t>объект на сайте Ростуризма</t>
  </si>
  <si>
    <t>Присвоена категория: "две звезды"
№ свидетельства 55/029-2020
Срок действия свидетельства до 05 окт. 2023 г</t>
  </si>
  <si>
    <t> 02.04.2004</t>
  </si>
  <si>
    <t>100102008629</t>
  </si>
  <si>
    <t>Кузькина Татьяна Юрьевна</t>
  </si>
  <si>
    <t>Гостиница "Гостевой дом "Кижская благодать", Медвежьегорский район, д.Ереснево, д.2</t>
  </si>
  <si>
    <t>101303095013</t>
  </si>
  <si>
    <t>Хотеева Алеся Александровна</t>
  </si>
  <si>
    <t>Гостевой дом Медвежьегорский район, д. Федотово</t>
  </si>
  <si>
    <t>проверить номерной фонд в Реестрее гостиниц</t>
  </si>
  <si>
    <t>Земли промышленности</t>
  </si>
  <si>
    <t>Присвоенная категория (звездность): Без звезд № свидетельства: 10/АА-063/121-2023
Срок действия: 20.03.2026</t>
  </si>
  <si>
    <t>100125417875</t>
  </si>
  <si>
    <t>Ульяшин Артур Владимирович</t>
  </si>
  <si>
    <t>Гостевой дом "Маяк" 60 кв.м, г. Медвежьегорск, 608 км автодороги Санкт-Петербург-Мурманск, ул. Верхняя, д. 100</t>
  </si>
  <si>
    <t>ИП Лёвин Руслан Владимирович  9216047022 (жена Ирина 89215268628 не является предпринимателем)</t>
  </si>
  <si>
    <t>101303468709</t>
  </si>
  <si>
    <t>Лёвин Руслан Владимирович</t>
  </si>
  <si>
    <t>Гостевой комплекс "Ириньин двор", Медвежьегорский район, д.Загубье, 8-921-526-86-28</t>
  </si>
  <si>
    <t>772133114950</t>
  </si>
  <si>
    <t>коттедж Медвежьегорск, ул. Калинина, д. 57</t>
  </si>
  <si>
    <t>101300040418</t>
  </si>
  <si>
    <t>Ильина  Елена Ивановна</t>
  </si>
  <si>
    <t>Гостевой дом Белые ночи г. Медвежьегорск, ул. Ленина, д. 10</t>
  </si>
  <si>
    <t>Пануркевич Константин Олегович</t>
  </si>
  <si>
    <t>100108940002</t>
  </si>
  <si>
    <t xml:space="preserve">Карбелайнен Юрий Робертович </t>
  </si>
  <si>
    <t>Гостевой дом Паданское сельское поселение (д.Погост или д.Паданы)</t>
  </si>
  <si>
    <t>Дополнительный вид деятельности:   68.20.1 Аренда и управление собственным или арендованным жилым недвижимым имуществом</t>
  </si>
  <si>
    <t>100122308941</t>
  </si>
  <si>
    <t>Мюллер Евгений Александрович</t>
  </si>
  <si>
    <t>Гостевой дом «Кармасельга»   Медвежьегорский район, д. Карельская Масельга, ул. Центральная</t>
  </si>
  <si>
    <t>101301354142</t>
  </si>
  <si>
    <t>Макарова Анна Алексеевна</t>
  </si>
  <si>
    <t>Гостевой дом в районе базы "Малая медвежка"  128 кв. м, Медвежьегорский район, Медвежьегорск, ул. Омелина, 7</t>
  </si>
  <si>
    <t>Гостиница (гостевой дом) Чародеи, 198 кв.м., Медвежьегорск, ул. Омелина, 20</t>
  </si>
  <si>
    <t>101390490546</t>
  </si>
  <si>
    <t xml:space="preserve">Мартынюк Екатерина Викторовна </t>
  </si>
  <si>
    <t>Гостевой дом 55,2 кв.м., г.Медвежьегорск, ул. Ленина, 37-а</t>
  </si>
  <si>
    <t>101300004177</t>
  </si>
  <si>
    <t>Могилева Ирина Николаевна</t>
  </si>
  <si>
    <t>гостевой дом Медвежьегорский р-н., д. Кажма, д. 56</t>
  </si>
  <si>
    <t>101300503698</t>
  </si>
  <si>
    <t>Шаллоева Анна Александровна</t>
  </si>
  <si>
    <t>Коттедж 96 кв.м, г. Медвежьегорск, Омелина, д. 4 б</t>
  </si>
  <si>
    <t>101300020443</t>
  </si>
  <si>
    <t>Шаллоев Роман Николаевич</t>
  </si>
  <si>
    <t>Коттедж 133 кв.м., г.  Медвежьегорск, Омелина, д. 4а</t>
  </si>
  <si>
    <t>68.2 Аренда и управление собственным или арендованным недвижимым имуществом Дополнительный вид деятельности:     55.2 Деятельность по предоставлению мест для краткосрочного проживания</t>
  </si>
  <si>
    <t>101300604946</t>
  </si>
  <si>
    <t xml:space="preserve"> Шукшина Людмила Юрьевна</t>
  </si>
  <si>
    <t>Коттедж 278 кв.м, г.  Медвежьегорск, ул. Чкалова, 30</t>
  </si>
  <si>
    <t>101300107292</t>
  </si>
  <si>
    <t>Макаров Игорь Петрович</t>
  </si>
  <si>
    <t>Коттедж 216,3 кв.м  г. Медвежьегорск,  ул. Чкалова, 31</t>
  </si>
  <si>
    <t>100105141467</t>
  </si>
  <si>
    <t>Омельчак Алексей Викторович</t>
  </si>
  <si>
    <t>Коттедж 100 м2 на участке 30 сот. Медвежьегорский р-н, д. Первые Границы, п. Вторые Границы</t>
  </si>
  <si>
    <t>100101385956</t>
  </si>
  <si>
    <t>Кулакова Елена Ивановна</t>
  </si>
  <si>
    <t>Коттедж 108 м2 на участке 15 сот. Медвежьегорский р-н, д. Сягозеро</t>
  </si>
  <si>
    <t>101303086280</t>
  </si>
  <si>
    <t>Панкратов Александр Аркадьевич</t>
  </si>
  <si>
    <t>Кгостевой дом "Заонежье", 73,2 кв.м, Медвежьегорский р-н, п. Больничный, Великогубское ш., 2 в</t>
  </si>
  <si>
    <t>Коттедж "Судма", 61,7 кв.м, Медвежьегорский р-н, п. Больничный, Великогубское ш., 26</t>
  </si>
  <si>
    <t>101301670148</t>
  </si>
  <si>
    <t xml:space="preserve"> Ушаков Андрей Викторович</t>
  </si>
  <si>
    <t>Дом  20 м2 на участке 10 га. Медвежьегорский р-н, п. при 7 шлюзе ББК</t>
  </si>
  <si>
    <t>101302005433</t>
  </si>
  <si>
    <t>Андреев Андрей Константинович</t>
  </si>
  <si>
    <t>Коттедж 70 м2 на участке 10 сот. Медвежьегорский р-н, с. Сосновка, ул. Набережная, 22</t>
  </si>
  <si>
    <t>101300688569</t>
  </si>
  <si>
    <t xml:space="preserve">Душин Владимир Викторович </t>
  </si>
  <si>
    <t>Гостиница, Медвежьегорский район, п. Пиндуши, пер. Больничный</t>
  </si>
  <si>
    <t>Дача 40 м2 на участке 1 сот. Медвежьегорский р-н, пгт. Пиндуши, ул. Нижняя, 8</t>
  </si>
  <si>
    <t>101303061303</t>
  </si>
  <si>
    <t xml:space="preserve">Климчук Павел Александрович </t>
  </si>
  <si>
    <t>Дом 72 м2 на участке 15 сот. Медвежьегорский р-н., д. Карзикозеро</t>
  </si>
  <si>
    <t>101302913964</t>
  </si>
  <si>
    <t>Лучинин Евгений Анатольевич</t>
  </si>
  <si>
    <t>Дом 90 м2 на участке 15 сот. г. Медвежьегорск, ул. Мира</t>
  </si>
  <si>
    <t xml:space="preserve"> 101301274602</t>
  </si>
  <si>
    <t>Ворон Николай Николаевич</t>
  </si>
  <si>
    <t>Дом 160 м2 на участке 15 сот. Медвежьегорский р-н., с. Сосновка</t>
  </si>
  <si>
    <t>Земля сельскохозяйственного назначения</t>
  </si>
  <si>
    <t>100102258675</t>
  </si>
  <si>
    <t>Коттедж 76,5 м2 на участке 65 сот. Медвежьегорский р-н., д. Кондобережская "Белый шоколад"</t>
  </si>
  <si>
    <t>Медвежьегорский муниципальный район</t>
  </si>
  <si>
    <t>площадь (кв.м.)</t>
  </si>
  <si>
    <t xml:space="preserve">Легализация туристических объектов в Медвежьегорском муниципальном районе </t>
  </si>
  <si>
    <t>Объект не существует. Постановлением главы Пяльмского сельского поселения № 8-П от 03.03.2015 года нежилое одноэтажное здание переведено в жилой дом.</t>
  </si>
  <si>
    <t>100102847286</t>
  </si>
  <si>
    <t>собственник дома Филонец Юрий Павлович</t>
  </si>
  <si>
    <t>Пудожский р-н, д. Пяльма, д. 25</t>
  </si>
  <si>
    <t>Гостевой дом "Потапыч"</t>
  </si>
  <si>
    <t>Информацией о деятельности не владеем</t>
  </si>
  <si>
    <t>нужно проверить осуществляет ли свою деятельность и как зарегистрирован (ИП, самозанятый)</t>
  </si>
  <si>
    <t>https://kareliya.move.ru/objects/6918525412</t>
  </si>
  <si>
    <t>Турбаза "Корни",   собственник Шамонтьев Александр Валерьевич</t>
  </si>
  <si>
    <t>Пудожский р-н, п. Тамбичозеро, ул.Ниж-няя, д.5</t>
  </si>
  <si>
    <t>Гостевой дом (3 домика)</t>
  </si>
  <si>
    <t>Деятельность по гостевому дому не осуществ-ляет. Открыто ИП по ОКВЭД - рыболовство пресноводное</t>
  </si>
  <si>
    <t>https://kareliya.move.ru/objects/6924288529</t>
  </si>
  <si>
    <t>102000999004</t>
  </si>
  <si>
    <t>Зюлин Дмитрий Викторович, 89217028293</t>
  </si>
  <si>
    <t>Пудожский р-н, п. Пяльма</t>
  </si>
  <si>
    <t>Гостевой дом</t>
  </si>
  <si>
    <t>по словам предпринимателя не осуществляет деятельность по предоставлению мест для краткосрочного проживания</t>
  </si>
  <si>
    <t>100121271745</t>
  </si>
  <si>
    <t xml:space="preserve"> Нырков Антон Викторович</t>
  </si>
  <si>
    <t>Пудожский р-н.,  п. Пяльма, ул. Школьная, д. 11, 89114330689</t>
  </si>
  <si>
    <t>мини гостиница закрыта</t>
  </si>
  <si>
    <t>1015009103</t>
  </si>
  <si>
    <t xml:space="preserve">ООО "Решка" </t>
  </si>
  <si>
    <t xml:space="preserve">г. Пудож, ул. Пионерская, д. 1 </t>
  </si>
  <si>
    <t xml:space="preserve">Мини гостиница </t>
  </si>
  <si>
    <t>не работает</t>
  </si>
  <si>
    <t xml:space="preserve">ИП Масалев П.В. </t>
  </si>
  <si>
    <t>оформляет земельный участок</t>
  </si>
  <si>
    <t>проводится работа с НП (житель СПб)</t>
  </si>
  <si>
    <t>10:15:0050108:4, ОД</t>
  </si>
  <si>
    <t>Линников Иван Николаевич</t>
  </si>
  <si>
    <t>Гостевой дом "У дяди Вани", Пудожский район, Шальское сельское поселение, п. Шальский, ул. Стеклянская, д. 37, 89219521000</t>
  </si>
  <si>
    <t>10:15:0010705:51, Ж-1 зона индивидуальной жилой застройки</t>
  </si>
  <si>
    <t>Беляковский Андрей Викторович</t>
  </si>
  <si>
    <t>гостевой домик Пудожское городское поселение, ул. Транспортная, д. 14</t>
  </si>
  <si>
    <t>10:15:0010602:124  объекты дорожного сервиса ПР</t>
  </si>
  <si>
    <t>55.10 Деятельность гостиниц и прочих мест для временного проживания 55.20 Деятельность по предоставлению мест для краткосрочного проживания</t>
  </si>
  <si>
    <t>1000001790</t>
  </si>
  <si>
    <t>"Калерия" Ладыгина Наталья Николаевна</t>
  </si>
  <si>
    <t>Гостевой домик Пудожское городское поселение, ул. Комсомольская, в районе д. 80</t>
  </si>
  <si>
    <t>10:15:0060304:3 зона индивидуальной жилой застройки</t>
  </si>
  <si>
    <t>Любой вид деятельности</t>
  </si>
  <si>
    <t>Юрчак Михаил Васильевич</t>
  </si>
  <si>
    <t>Гостевой домик, Пудожский район, Шальское сельское поселение, д. Бочилово, ул. Новая, б/н 89214542848</t>
  </si>
  <si>
    <t>10:15:0030107:16, для размещения национальных парков, производственная зона</t>
  </si>
  <si>
    <t>1001122483</t>
  </si>
  <si>
    <t>ФГБУ НП "Водлозерский"</t>
  </si>
  <si>
    <t>10:15:0050112:146 зона индивидуальной жилой застройки</t>
  </si>
  <si>
    <t>Луферов Никита Александрович</t>
  </si>
  <si>
    <t>Гостевые дома "Шальский" Пудожский район, Шальское сельское поселение, п. Шала, ул.Заречная, д. 30, 89217014466</t>
  </si>
  <si>
    <t>10:15:0030701:144</t>
  </si>
  <si>
    <t>68.20 сдача в краткосрочную аренду гостевых домов</t>
  </si>
  <si>
    <t>101501929895</t>
  </si>
  <si>
    <t>Минина Ирина Игоревна</t>
  </si>
  <si>
    <t>"Эко кемп Водлозерье", Пудожский район, Куганаволокское сельское поселение, 89114305335</t>
  </si>
  <si>
    <t>10:15:0000000:8450 зона индивидуальной жилой застройки</t>
  </si>
  <si>
    <t>Гостевой дом на Луговой, Пудожское городское поселение, г. Пудож, ул. Луговая в районе дома по ул. Совхозная №8, 89535462800</t>
  </si>
  <si>
    <t>земля не оформлена, зона лесов гослесфонда</t>
  </si>
  <si>
    <t>1001156740</t>
  </si>
  <si>
    <t xml:space="preserve">ООО "Карелонего" </t>
  </si>
  <si>
    <t>Охотничий домик Пужожский район, п. Шальский, ул. Стеклянская,  881452-532-97</t>
  </si>
  <si>
    <t>10:15:0090406:116</t>
  </si>
  <si>
    <t>101501686970</t>
  </si>
  <si>
    <t>Малеванова Людмила Викторовна</t>
  </si>
  <si>
    <t xml:space="preserve">Глемпинг "Вереск" Пудожское городское поселение, д. Кошуково. 89296030959 </t>
  </si>
  <si>
    <t>10:15:0010501:49, ОД</t>
  </si>
  <si>
    <t>1015002789</t>
  </si>
  <si>
    <t xml:space="preserve">ООО "Рента" </t>
  </si>
  <si>
    <t>Отель "Онего" г.Пудож, ул. Пионерская д. 97, 89210130616</t>
  </si>
  <si>
    <t>10:15:0010318:4, Ж-1 зона индивидуальной жилой застройки</t>
  </si>
  <si>
    <t>101501701033</t>
  </si>
  <si>
    <t>Ковин Александр Александрович</t>
  </si>
  <si>
    <t xml:space="preserve">Гостевой дом "У папы Карло" Пудожский р-н. г. Пудож, ул. Горького, д. 5/2, 89210164987 </t>
  </si>
  <si>
    <t>10:15:0050606, Ж-1 зона индивидуальной жилой застройки</t>
  </si>
  <si>
    <t>352512153388</t>
  </si>
  <si>
    <t>Ноякшев Антон Евгеньевич</t>
  </si>
  <si>
    <t>Гостевой дом "На Водле"Шальское сельское поселение,  д. Кашино, д.43, 89115207084</t>
  </si>
  <si>
    <t>10:15:050127:8, Ж-1 зона индивидуальной жилой застройки</t>
  </si>
  <si>
    <t>101501019670</t>
  </si>
  <si>
    <t>Карпова Е.П.</t>
  </si>
  <si>
    <t xml:space="preserve">дом  186167, РОССИЯ, Карелия Респ, Пудожский р-н, ,Шальское сельское поселение,  п Шальский, ул. Первомайская, 2 линия, д. 40, 89212241612  </t>
  </si>
  <si>
    <t>10:15:0050604:7, Ж-1 зона индивидуальной жилой застройки</t>
  </si>
  <si>
    <t>101500338836</t>
  </si>
  <si>
    <t>Филатова М.А.</t>
  </si>
  <si>
    <t xml:space="preserve">дача  Пудожский район, Шальское сельское поселение, п. Кашино, 26, 89114361091 </t>
  </si>
  <si>
    <t>10:15:0050601:3 Ж-1 зона индивидуальной жилой застройки</t>
  </si>
  <si>
    <t>101501923082</t>
  </si>
  <si>
    <t xml:space="preserve">Минин Н.Н. </t>
  </si>
  <si>
    <t xml:space="preserve">дача  Пудожский район, Шальское сельское поселение, п. Кашино, 23, 89210183441 </t>
  </si>
  <si>
    <t>101500690861</t>
  </si>
  <si>
    <t>101501011248</t>
  </si>
  <si>
    <t xml:space="preserve">Голубцова О.В. </t>
  </si>
  <si>
    <t xml:space="preserve">Дом  Пудожский район, Шальское сельское поселение, п. Шальский, ул. Онежская, д. 20 А, 89114078563 </t>
  </si>
  <si>
    <t>10:15:0050120:121, Ж-1 зона индивидуальной жилой застройки</t>
  </si>
  <si>
    <t>Дом  Пудожский район, Шальское сельское поселение, п. Шальский, ул. Онежская, д. 21 , 89114078563</t>
  </si>
  <si>
    <t>10:15:0050114:161, Ж-1 зона индивидуальной жилой застройки</t>
  </si>
  <si>
    <t>Дом  Пудожский район, Шальское сельское поселение, п. Шальский, ул. Онежская, д. 22 , 89114078563</t>
  </si>
  <si>
    <t>10:15:0070302:18, Ж-1 зона индивидуальной жилой застройки</t>
  </si>
  <si>
    <t>101502533744</t>
  </si>
  <si>
    <t xml:space="preserve">Евсеев И.Ю. </t>
  </si>
  <si>
    <t xml:space="preserve">Гостевой дом "Нигижма" Пудожский район, Красноборское сельское поселение, д. Нигижма, ул. Пионерская, д. 1, 89210174587, 89210187532 </t>
  </si>
  <si>
    <t>10:15:0070210:2, Ж-1 зона индивидуальной жилой застройки</t>
  </si>
  <si>
    <t>101501435198</t>
  </si>
  <si>
    <t>Сахатарова И.В.</t>
  </si>
  <si>
    <t xml:space="preserve">Гостевой дом "Деревенская благодать" Пудожский район, Красноборское сельское поселение, д. Каршево, ул. Лесная, д. 15, 89214611162 </t>
  </si>
  <si>
    <t>10:15:0010318:7, Ж-1В зона индивидуальной жилой застройки в водоохранной зоне</t>
  </si>
  <si>
    <t>101501254603</t>
  </si>
  <si>
    <t xml:space="preserve">Маршева Светлана Анатольевна </t>
  </si>
  <si>
    <t>Гостевой дом "Благодать", г. Пудож, ул. Горького, д. 5, 89215241403, 89215241407</t>
  </si>
  <si>
    <t>10:15:0010316:48, Ж-1 зона индивидуальной жилой застройки</t>
  </si>
  <si>
    <t>101501213928</t>
  </si>
  <si>
    <t>Конорева Вера Иосифовна</t>
  </si>
  <si>
    <t xml:space="preserve">Гостевой дом "У Верочки" Пудожский р-н. г. Пудож, ул. Пушкина, д. 7/2, 89110536459 </t>
  </si>
  <si>
    <t>10:15:0010318:3 земля не в их собственности, являются квартиросъемщиками</t>
  </si>
  <si>
    <t>101501020475</t>
  </si>
  <si>
    <t xml:space="preserve">Каменецкая Е.С. </t>
  </si>
  <si>
    <t>Гостевой дом 186150. Пудож, ул.Горького, 3, 89216231105, 89095707481</t>
  </si>
  <si>
    <t>10:15:0010202:1, Ж-1 зона идивидуальной жилой застройки</t>
  </si>
  <si>
    <t>101500214862</t>
  </si>
  <si>
    <t>Змитревич Н.Н.</t>
  </si>
  <si>
    <t>Гостевой дом "У Натальи" Пудожский р-н. г. Пудож, ул. Комсомольская, д. 74 , 89214542890</t>
  </si>
  <si>
    <t>10:15:0010605:117 ОД зона общественно деловой затройки</t>
  </si>
  <si>
    <t xml:space="preserve">101503202600      </t>
  </si>
  <si>
    <t>Мошникова Анна Викторовна</t>
  </si>
  <si>
    <t>Мини-мотель г. Пудож, ул. Комсомольская б/н, 881452-5-22-78</t>
  </si>
  <si>
    <t>10:15:0040207:1 земли населенных пунктов</t>
  </si>
  <si>
    <t>Гостевой дом Авдеевское сельское поселение, дер. Октябрьская, д. 26</t>
  </si>
  <si>
    <t>10:15:0040207:25 земли населенных пунктов</t>
  </si>
  <si>
    <t>Гостевой дом Авдеевское сельское поселение, дер. Октябрьская, д. 15</t>
  </si>
  <si>
    <t>10:15:0010302:21, ОД</t>
  </si>
  <si>
    <t>Присвоена категория: "три звезды"
№ свидетельства 10/АА-036/068-2022
Срок действия свидетельства до 14 марта 2025 г</t>
  </si>
  <si>
    <t>Мотель "Уют"  г. Пудож, ул. Комсомольская,д.65,      8-81452-5-22-78</t>
  </si>
  <si>
    <t>10:15:0050502:16, для ведения личного подсобного хозяйства</t>
  </si>
  <si>
    <t>101501057073</t>
  </si>
  <si>
    <t>Пастушенко Анна Станиславовна</t>
  </si>
  <si>
    <t>дом Пудожский р-н., Шальское сельское поселение,  д. Семеново, 47, 89095670028</t>
  </si>
  <si>
    <t xml:space="preserve">10:15:0040402:16, Ж-1 зона индивидуальной жилой застройки </t>
  </si>
  <si>
    <t>101500639833</t>
  </si>
  <si>
    <t>Вакулич Владимир Михайлович</t>
  </si>
  <si>
    <t>Гостевой дом "Песчаное", Пудожский район, Авдеевское седьское поселение, д. Песчаное, 90, 89215260121</t>
  </si>
  <si>
    <t>10:15:0070209:18, Ж-1 зона индивидуальной жилой застройки</t>
  </si>
  <si>
    <t>101502570802</t>
  </si>
  <si>
    <t>Стоянов Илья Владимирович</t>
  </si>
  <si>
    <t>Гостевой дом  Пудожский район, Красноборское сельское поселение, д. Каршево, ул. Лесная, 89215207107</t>
  </si>
  <si>
    <t>10:15:0070502:721 под рекреационную деятельность</t>
  </si>
  <si>
    <t xml:space="preserve">55.20 Деятельность по предоставлению
мест для краткосрочного проживания    Дополнительные виды деятельности:  55.10 Деятельность гостиниц и прочих мест для временного проживания;             55.30 Деятельность по предоставлению
мест для временного проживания в
кемпингах, жилых автофургонах и
туристических автоприцепах       </t>
  </si>
  <si>
    <t>100103205740</t>
  </si>
  <si>
    <t xml:space="preserve">Лисина Галина Юрьевна </t>
  </si>
  <si>
    <t>Гостевой домик "Лесной-2" Пудожский р-он, Красноборское сельское поселение,   д. Каршево в усть реки Черная, 89602137533</t>
  </si>
  <si>
    <t>Гостевой домик "Лесной-1" Пудожский р-он, Красноборское сельское поселение,   д. Каршево в усть реки Черная, 89602137533</t>
  </si>
  <si>
    <t>352524422525</t>
  </si>
  <si>
    <t>Ивойлов Игорь Анатольевич</t>
  </si>
  <si>
    <t>Гостевой дом "Каршево"  Пудожский р-н, Красноборское сельское поселение, д. Каршево, ул. Лесная, д.23, 89315072576</t>
  </si>
  <si>
    <t>10:15:0010704:72, ОД зона общественно-деловой застройки</t>
  </si>
  <si>
    <t>Гостевой дом "На транспортной"   г. Пудож, ул. Транспортная, д. 4,89210137218</t>
  </si>
  <si>
    <t>10:15:010106:13 земли населенных пунктов</t>
  </si>
  <si>
    <t>Гостевой дом "На Садовой", г. Пудож, ул. Садовая, д. 18, 89210137218</t>
  </si>
  <si>
    <t>10:15:0010319:8, ж-1 зона индивидуальной жилой застройки</t>
  </si>
  <si>
    <t>101502530856</t>
  </si>
  <si>
    <t>Евсеева Наталия Федоровна</t>
  </si>
  <si>
    <t xml:space="preserve">Гостевой дом "Троицкий" Пудожский р-н. г. Пудож, ул. К.Маркса, д. 20/1,89210187532 </t>
  </si>
  <si>
    <t>Пудожский муниципальный район</t>
  </si>
  <si>
    <t xml:space="preserve">Легализация туристических объектов в Пудожском муниципальном районе </t>
  </si>
  <si>
    <t>Дополнительный вид деятельности: 68.20 Аренда и управление собственным
или арендованным недвижимым
имуществом</t>
  </si>
  <si>
    <t>Кошкин Алексей Алексеевич</t>
  </si>
  <si>
    <t>Гостиница "Aalto", Сортавальский район, г. Сортавала, набережная Ладожской Флотилии,  1</t>
  </si>
  <si>
    <t>требует  проверки</t>
  </si>
  <si>
    <t>Еко Бор https://eko-bor.bitrix24site.ru/#b222468 АДМИНИСТРАТОР
+7-985-101-62-94</t>
  </si>
  <si>
    <t>Апартаменты 186790 Республика Карелия г. Сортавала улица Карельская д.25 кв.14</t>
  </si>
  <si>
    <t>100701386010</t>
  </si>
  <si>
    <t>Сава Кэмп, Сортавальский район, leedestate.ru
+7 (921) 747-88-81,
+7 (911) 418-40-99</t>
  </si>
  <si>
    <t>Глэмпинг Ладожские шхеры, Сортавальский район, о.Хавус</t>
  </si>
  <si>
    <t>Ферма Салокаллио (гостевые дома, кафе, сыроварня, геологический музей, экотропа) - в процессе строительства
3. ИП Васягина ЕМ</t>
  </si>
  <si>
    <t>1001348787</t>
  </si>
  <si>
    <t>27.07.2023, по телефону утверждает, что не ведет ком.деятельность несмотря на рекламу в ВК, на Авито. +7 (999) 177-12-68</t>
  </si>
  <si>
    <t>https://vk.com/public220655963, https://www.avito.ru/sortavala/doma_dachi_kottedzhi/dom_40m_na_uchastke_25sot._2221784938</t>
  </si>
  <si>
    <t>Светлана Ферапошкина</t>
  </si>
  <si>
    <t>Гостевой дом "У водопадов"</t>
  </si>
  <si>
    <t>https://www.avito.ru/sortavala/doma_dachi_kottedzhi/dom_50m_na_uchastke_15sot._2254596070?guests=2</t>
  </si>
  <si>
    <t>Дом 50  м² на участке 15 соток г.Сортавала ул.Энергетиков д.9</t>
  </si>
  <si>
    <t>https://www.avito.ru/sortavala/doma_dachi_kottedzhi/dom_45m_na_uchastke_40sot._2679870397</t>
  </si>
  <si>
    <t>Дом 45 м² на участке 40 соток Сортавала, Лахденкюля, ул.Весенняя д.47</t>
  </si>
  <si>
    <t>https://www.avito.ru/sortavala/doma_dachi_kottedzhi/dom_36m_na_uchastke_15sot._2425804714</t>
  </si>
  <si>
    <t>Дом 36 м² на участке 15 соток Сортавальское городское поселение ,Хюмпеля ул.Родниковая д.24</t>
  </si>
  <si>
    <t>https://www.avito.ru/sortavala/doma_dachi_kottedzhi/dom_108m_na_uchastke_12sot._980915392?guests=2</t>
  </si>
  <si>
    <t>Дом 108м² на участке 12соток, Сортавальский район,Хаапалампиское сельское поселение, посёлок Вуорио д.111</t>
  </si>
  <si>
    <t>https://www.avito.ru/sortavala/doma_dachi_kottedzhi/dom_200m_na_uchastke_15sot._2069074600</t>
  </si>
  <si>
    <t>Дом 200м² на участке 15соток, Сортавальский район,Хаапалампиское сельское поселение, посёлок участка №1 совзоза Сортавальский д.27А</t>
  </si>
  <si>
    <t>https://www.avito.ru/sortavala/doma_dachi_kottedzhi/dom_106m_na_uchastke_10sot._2437752652</t>
  </si>
  <si>
    <t>Дом 106 м² на участке 10 сот.,г.Сортавала, ул. Советских космонавтов д.6А</t>
  </si>
  <si>
    <t>https://www.avito.ru/sortavala/doma_dachi_kottedzhi/dom_72m_na_uchastke_20sot._2487379127</t>
  </si>
  <si>
    <t>61.695834, 30.628552</t>
  </si>
  <si>
    <t>Дом 72 м² на участке 20 сот.,г.Сортавала, сот.Мебельщик-4</t>
  </si>
  <si>
    <t>г.Сортавала,посёлок участка № 1 совхоза Сортавальский, д.161, 50м2</t>
  </si>
  <si>
    <t>проводятся мероприятия ФНС</t>
  </si>
  <si>
    <t>Гостевой дом на Полевой г.Сортавала, ул.Полевая, д.8Б</t>
  </si>
  <si>
    <t>27.07.2023, по телефону утверждает, что не ведет ком.деятельность несмотря на рекламу в ВК, на Авито</t>
  </si>
  <si>
    <t>Татьяна</t>
  </si>
  <si>
    <t>Гостевой дом "У водопадов", https://vk.com/public220655963, https://www.avito.ru/sortavala/doma_dachi_kottedzhi/dom_40m_na_uchastke_25sot._2221784938, +7 (999) 177-12-68</t>
  </si>
  <si>
    <t>объект снят в 3квартале 2023 администрацией, уточнить</t>
  </si>
  <si>
    <t>ЗУ не идентифицировать</t>
  </si>
  <si>
    <t>Кадастровый квартал 10:07:0061301 (кооператив "Ладожский"). Земли с/х назначения ВРИ:под дачное строительство.Частная собственность.</t>
  </si>
  <si>
    <t>781430407946</t>
  </si>
  <si>
    <t>Кий Зоя Алексеевна</t>
  </si>
  <si>
    <t>Коттедж 130  кв.м. на участке 12 сот. Сортавала. дачный кооператив "Ладожский"</t>
  </si>
  <si>
    <t>запланированы мероприятия ФНС, ведется работа</t>
  </si>
  <si>
    <t>10:07:0010420:22. Земли населённых пунктов. ВРИ: ИЖС. Частная собственность</t>
  </si>
  <si>
    <t>Сапронов Валерий Иванович</t>
  </si>
  <si>
    <t>Коттедж 97 м² на участке 7 сот. Сортавала, п. Красная горка, д 20</t>
  </si>
  <si>
    <t>запланированы мероприятия ФНС, не собирается регитсрироваться, необходмио адм.расследование</t>
  </si>
  <si>
    <t>Новый проект генерального плана Хаапалампинского сельского поселения , подготовленный в рамках муниципального контракта от 03.09.2019 г., дважды получил отрицательные заключения в ходе проведения согласительных процедур.</t>
  </si>
  <si>
    <t>10:07:0040802:14. Земли населенных пунктов. ВРИ: под здание мастерских и территорию, необходимую для его эксплуатации. Частная собственность</t>
  </si>
  <si>
    <t>Забугин Евгений Николаевич</t>
  </si>
  <si>
    <t>Гостевой дом «Финское имение» г.Сортавала, п. Хотинлахти, д. 38а</t>
  </si>
  <si>
    <t>10:07:0042810:185. земли с/х назначения. ВРИ: для дачного строительства. Частная собственность</t>
  </si>
  <si>
    <t>Дата прекращения деятельности ИП: 10.01.2013</t>
  </si>
  <si>
    <t>100700252775</t>
  </si>
  <si>
    <t>Чуйкин А.В.</t>
  </si>
  <si>
    <t>Гостевой дом «UimalaRanta»   Район п. 1 уч. «ГПЗ Сортавальский»</t>
  </si>
  <si>
    <t xml:space="preserve">10:07:0010219:68 Земли населённых пунктов ВРИ: ИЖС Частная собственность </t>
  </si>
  <si>
    <t>100701480076</t>
  </si>
  <si>
    <t>Федорова Эльвира Михайловна</t>
  </si>
  <si>
    <t xml:space="preserve">Гостевой дом «Уют»  Г. Сортавала, ул. Приозерная, д. 50в </t>
  </si>
  <si>
    <t>10:07:0062205:100 Земли населённых пунктов. ВРИ: индивидуальное садоводство. Частная собственность</t>
  </si>
  <si>
    <t>100703667351</t>
  </si>
  <si>
    <t>Ралдугина Ольга Владимировна</t>
  </si>
  <si>
    <t xml:space="preserve">Гостевой дом  «Дом на мысу» г. Сортавала,  п. Тарулинна, д. 17 </t>
  </si>
  <si>
    <t>запланированы мероприятия ФНС, проводится работа, снят с НПД</t>
  </si>
  <si>
    <t>100701561423</t>
  </si>
  <si>
    <t>Никитин Александр Леонидович</t>
  </si>
  <si>
    <t>Апартаменты "Уютный Дом"  Сортавала, ул.Ленина,д.28</t>
  </si>
  <si>
    <t>запланированы мероприятия ФНС, проводится работа</t>
  </si>
  <si>
    <t>10:07:0010120:14. Земли населённых пунктов. Расположено в здании общественно-делового назначения, Частная собственность</t>
  </si>
  <si>
    <t>сайт действует</t>
  </si>
  <si>
    <t>Дата прекращения деятельности ИП:                          02.11.2020</t>
  </si>
  <si>
    <t>100702478190</t>
  </si>
  <si>
    <t xml:space="preserve"> Артамонов Д.В. </t>
  </si>
  <si>
    <t>Мини-отель "Карельская Швейцария" Сортавала, ул.Кирова,д.4</t>
  </si>
  <si>
    <t>запланированы мероприятия ФНС, должен зарегистрироваться супруг</t>
  </si>
  <si>
    <t>10:07:0030607:2 Земли населённых пунктов. ВРИ: под существующий торговый дом. Частная собственность</t>
  </si>
  <si>
    <t>Дата прекращения деятельности: 09.10.2020</t>
  </si>
  <si>
    <t>100701418769</t>
  </si>
  <si>
    <t>Лепешкина Светлана Ивановна</t>
  </si>
  <si>
    <t>Гостевой дом «Уют»    г. Сортавала, п. Кааламо, ул. 40 лет Победы, д. 2</t>
  </si>
  <si>
    <t>Кадастровый номер: 10:07:0010215:743
Категория земель: Земли поселений (земли населенных пунктов)
для индивидуальной жилой застройки (эксплуатация жилого дома)</t>
  </si>
  <si>
    <t>https://www.avito.ru/sortavala/doma_dachi_kottedzhi/dom_136_m_na_uchastke_7_sot._3988074262?guestsDetailed=%7B%22version%22%3A1%2C%22totalCount%22%3A2%2C%22adultsCount%22%3A2%2C%22children%22%3A%5B%5D%7D</t>
  </si>
  <si>
    <t>Кузнецова, должна зарегистрироваться. ООО Центр здоровья Жемчужина. ИНН: 1007023320, ОКВЭД нет по аренде</t>
  </si>
  <si>
    <t>Дом для отпуска "The Lake House" г.Сортавала, ул.Малая Линейная, д.10, дом 8 сдается. https://www.avito.ru/sortavala/doma_dachi_kottedzhi/dom_100_m_na_uchastke_5_sot._4594129400?guestsDetailed=%7B%22version%22%3A1%2C%22totalCount%22%3A2%2C%22adultsCount%22%3A2%2C%22children%22%3A%5B%5D%7D</t>
  </si>
  <si>
    <t>запланированы мероприятия ФНС, работа ведется, вопрос об адм.расследовании 11.2022</t>
  </si>
  <si>
    <t>Гостевой дом городища Паасо г.Сортавала, Хелюльское шоссе, д.119 нет такого адреса ? Есть Бондарева 119 но там не сдается</t>
  </si>
  <si>
    <t>Кадастровый номер: 10:07:0010124:238
Категория земель: Земли поселений (земли населенных пунктов)
Гостиничное обслуживание. Территориальная зона ОД-1. Зона городского центра</t>
  </si>
  <si>
    <t>Дополнительные виды деятельности: 55.10, 55.20</t>
  </si>
  <si>
    <t>591607465000 г.Санкт-Петербург</t>
  </si>
  <si>
    <t>Перепелицына Людмила Ивановна</t>
  </si>
  <si>
    <t>Апарт-отель "Маяк", Сортавальский район, г. Сортавала, ул. Ленина, д. 1</t>
  </si>
  <si>
    <t>Дополнительный вид деятельности; 68.20.1 Аренда и управление собственным
или арендованным жилым недвижимым
имуществом</t>
  </si>
  <si>
    <t>100702448251</t>
  </si>
  <si>
    <t>Андросенко Геннадий Иванович</t>
  </si>
  <si>
    <t>Апартаменты на Карельской, Сортавальский район, г. Сортавала,ул. Садовая 17-32</t>
  </si>
  <si>
    <t>Кадастровый номер: 10:07:0010318:219
Категория земель: Земли поселений (земли населенных пунктов)
Для индивидуальной жилой застройки</t>
  </si>
  <si>
    <t>100702603203</t>
  </si>
  <si>
    <t>Ильичев Леонид Владимирович</t>
  </si>
  <si>
    <t xml:space="preserve">Гостевой дом с сауной, г. Сортавала, ул. Малая Боровая, д. 7 </t>
  </si>
  <si>
    <t>Кадастровый номер: 10:07:0010318:235
Категория земель: Земли поселений (земли населенных пунктов)
индивидуальные жилые дома</t>
  </si>
  <si>
    <t xml:space="preserve">Гостевой дом с баней, г. Сортавала, ул. Малая Боровая, д. 4 </t>
  </si>
  <si>
    <t xml:space="preserve"> налог на проф деятельность</t>
  </si>
  <si>
    <t>100702072457</t>
  </si>
  <si>
    <t>Шнаревич В.Н.</t>
  </si>
  <si>
    <t>Гостевой дом Сортавальский район, п.Заозерный, ул.Победы,д.9б</t>
  </si>
  <si>
    <t>Кадастровый номер: 10:07:0010103:14
Категория земель: Земли поселений (земли населенных пунктов)
под индивидуальное жилищное строительство</t>
  </si>
  <si>
    <t>100702329007</t>
  </si>
  <si>
    <t>Нехаев А.Е.</t>
  </si>
  <si>
    <t>Гостевой домик "Для двоих" г.Сортавала, ул.Антикайнена, д.13А</t>
  </si>
  <si>
    <t>10:07:0010317:25  Земли населённых пунктов. ВРИ: индивидуальное жилищное строительство,  Частная собственность (общая долевая соб-ть)</t>
  </si>
  <si>
    <t>100701803922</t>
  </si>
  <si>
    <t>Аношин Александр Александрович</t>
  </si>
  <si>
    <t>Гостевой дом г. Сортавала, ул. Большая Боровая, д.48</t>
  </si>
  <si>
    <t>Кадастровый номер: 10:07:0010226:7
Категория земель: Земли поселений (земли населенных пунктов)
под индивидуальное жилищное строительство</t>
  </si>
  <si>
    <t>https://www.booking.com/hotel/ru/karel-skii-provans.ru.html</t>
  </si>
  <si>
    <t>100701262504</t>
  </si>
  <si>
    <t>Акимов Антон Павлович</t>
  </si>
  <si>
    <t>Гостевой дом «Karelskiy provence»  г. Сортавала, ул. Промышленная ,17 А 921-461-57-50  (частный дом)</t>
  </si>
  <si>
    <t>100701829141</t>
  </si>
  <si>
    <t>Николаев В.В.</t>
  </si>
  <si>
    <t>Гостевой дом "Ладья" Сортавала, мрн. Гидрогородок, д. 90</t>
  </si>
  <si>
    <t>10:07:0061101:5 (земельный участок № 24 в садоводстве «Зеленый мыс») ВРИ: под индивидуальное садоводство. Частная собственность</t>
  </si>
  <si>
    <t>100702078233</t>
  </si>
  <si>
    <t>Иванова Любовь Ивановна</t>
  </si>
  <si>
    <t xml:space="preserve">Гостевой дом «Зеленый мыс»  Сортавала Вуорио  СОТ «Зеленый мыс» </t>
  </si>
  <si>
    <t xml:space="preserve">10:07:0010219:7 Земли населённых пунктов ВРИ: ИЖС, Частная собственность </t>
  </si>
  <si>
    <t>100702518540</t>
  </si>
  <si>
    <t>Федотова Раиса Владимировна</t>
  </si>
  <si>
    <t xml:space="preserve">Гостевой дом «Рая», г. Сортавала, ул. Фанерный тупик, д.20а   г. Сортавала, ул. Фанерный тупик, д.20а  </t>
  </si>
  <si>
    <t>Кадастровый номер: 10:10:0081504:23
Категория земель: Земли особо охраняемых территорий и объектов
размещение охотничье-рыболовной базы</t>
  </si>
  <si>
    <t>1001347617 г.Петрозаводск</t>
  </si>
  <si>
    <t>ООО "Ригола" ДИРЕКТОР: Лунцевич Валентин Васильевич</t>
  </si>
  <si>
    <t>Кадастровый номер: 10:07:0062205:131
Категория земель: Земли особо охраняемых территорий и объектов
Туристическое обслуживание. Территориальная зона (Р2). Зона застройки объектов отдыха, туризма, занятий</t>
  </si>
  <si>
    <t xml:space="preserve">Основной вид деятельности: 55.20 Деятельность по предоставлению
мест для краткосрочного проживания </t>
  </si>
  <si>
    <t>780619834139 г.Санкт-Петербург</t>
  </si>
  <si>
    <t>Аветисян Анастасия Николаевна</t>
  </si>
  <si>
    <t>Парк-отель «Чайка 1918», Сортавальский район, пос. Хаапалампи, залив Меллойстенлахти</t>
  </si>
  <si>
    <t>Кадастровый номер: 10:07:0042802:28
Категория земель: Земли сельскохозяйственного назначения
под личное подсобное хозяйство</t>
  </si>
  <si>
    <t>100500953188</t>
  </si>
  <si>
    <t>Александров Василий Евгеньевич</t>
  </si>
  <si>
    <t>Глэмпинг "Карелия рядом", Сортавльский , 9 км трассы Сортавала-Вяртсиля, +7 (921) 220-55-33</t>
  </si>
  <si>
    <t>шатры при ферме, эко-туризм</t>
  </si>
  <si>
    <t>Кадастровый номер: 10:07:0042802:551
Категория земель: Земли сельскохозяйственного назначения
для сельскохозяйственного использования</t>
  </si>
  <si>
    <t>Дополнительные виды деятельности: 55.20, 55.30</t>
  </si>
  <si>
    <t>100700403632</t>
  </si>
  <si>
    <t>Чебаевская Нина Александровна</t>
  </si>
  <si>
    <t>Глэмпинг "Финский Хутор", Сортавальский район, п. Кааламо, +7 (921) 014-00-59, Алексей Павлович</t>
  </si>
  <si>
    <t>Кадастровый номер: 10:07:0040403:191
Категория земель: Земли поселений (земли населенных пунктов)
Под строительство туристической базы. Много участков в одном месте с таким назначением.</t>
  </si>
  <si>
    <t>1007027973</t>
  </si>
  <si>
    <t>ООО "КарелияТур" (ГЕНЕРАЛЬНЫЙ ДИРЕКТОР: Антонченко Сергей Михайлович)</t>
  </si>
  <si>
    <t>Мини-база "Карелия-Глэмпинг", Сортавальский район, п. Рюттю, 8(921) 455-69-21</t>
  </si>
  <si>
    <t>в основном сезонно с апреля по октябрь</t>
  </si>
  <si>
    <t>100701813409</t>
  </si>
  <si>
    <t>Лисова Елена Андреевна</t>
  </si>
  <si>
    <t>Гостевой комплекс ''Лиски'', Сортавальский район, п. Рускеала, +7 (921) 626-10-10</t>
  </si>
  <si>
    <t>Конхневич Александр Петрович 89114086684 Общество Эпос Калевала арендует эко-отель у Канюхневича</t>
  </si>
  <si>
    <t>Кадастровый номер: 10:07:0010311:186
Категория земель: Земли поселений (земли населенных пунктов)
под склад и территорию обслуживания</t>
  </si>
  <si>
    <t>1007028021</t>
  </si>
  <si>
    <t>ООО "Эпос Калевала" (ГЕНЕРАЛЬНЫЙ ДИРЕКТОР: Давыдков Игорь Валентинович)</t>
  </si>
  <si>
    <t>Эко-отель "Удивительное рядом", г. Сортавала, ул.Малая Луговая, д.7а</t>
  </si>
  <si>
    <t xml:space="preserve">10:07:0062202:222 земли с/х назначения. ВРИ: ЛПХ. Частная собственность. 10:07:0062202:462, 10:07:0062202:463земли с/х, ВРИ: ЛПХ. Частная собственность, </t>
  </si>
  <si>
    <t>782020392575</t>
  </si>
  <si>
    <t xml:space="preserve">Якубенко Геннадий Николаевич                    </t>
  </si>
  <si>
    <t xml:space="preserve"> Гостевой дом "Остров Мейери" Сортавальский р-н, п. Мейери,СОТ Мейери</t>
  </si>
  <si>
    <t>100701128756</t>
  </si>
  <si>
    <t>Белокуров В.В.</t>
  </si>
  <si>
    <t>Вилла "Гидрогородок" г.Сортавала, Гидрогородок, д.30</t>
  </si>
  <si>
    <t>10:07:0030104:5 (участок, ранее учтенный без четких границ). Земли населённых пунктов. ВРИ: под индивидуальное жилищное строительство, Частная собственность.</t>
  </si>
  <si>
    <t>100700110107</t>
  </si>
  <si>
    <t>Уваров Валерий Владимирович</t>
  </si>
  <si>
    <t xml:space="preserve"> Хутор «Мраморная гора» Сортавальский р-н, п. Рускеала,  ул. Лесопильная, д.7</t>
  </si>
  <si>
    <t xml:space="preserve">100128129346 </t>
  </si>
  <si>
    <t>Молчун Екатерина Викторовна</t>
  </si>
  <si>
    <t>Хостел на Чкалова   г.Сортавала, ул.Чкалова, д.1 +7 (999) 294-85-67, 8-9114105887</t>
  </si>
  <si>
    <t>100702072200</t>
  </si>
  <si>
    <t>Юганов Антон Александрович</t>
  </si>
  <si>
    <t>гостевой дом "Надежда",Сортавала, п. Мейери, д.36,  https://www.avito.ru/sortavala/doma_dachi_kottedzhi/dom_96m_na_uchastke_15sot._2248909906?ysclid=lg4pm8289556970783</t>
  </si>
  <si>
    <t>68.20.1 Аренда и управление собственным
или арендованным жилым недвижимым
имуществом</t>
  </si>
  <si>
    <t>1000002874</t>
  </si>
  <si>
    <t>ООО "Армо Тало"</t>
  </si>
  <si>
    <t>Дом Армо Тало г.Сортавала, п.Вуорио,  д.31А, 8-921-457-44-30, Юлия</t>
  </si>
  <si>
    <t>Присвоена категория: "две звезды"
№ свидетельства 10/АА-063/110-2023
Срок действия свидетельства до 26 янв. 2026 г</t>
  </si>
  <si>
    <t>1007019027</t>
  </si>
  <si>
    <t>АУ СМР «Социально-культурный молодежный центр»</t>
  </si>
  <si>
    <t>Гостиница "Сеурахуоне" г. Сортавала, ул. Карельская, д 22</t>
  </si>
  <si>
    <t>Присвоена категория: "без звёзд"
№ свидетельства 10/АА-063/109-2023
Срок действия свидетельства до 26 янв. 2026 г</t>
  </si>
  <si>
    <t>1007018256</t>
  </si>
  <si>
    <t xml:space="preserve">ГАПОУ РК "Сортавальский колледж" </t>
  </si>
  <si>
    <t>Учебное предприятие
«Колледж-отель София» Г.Сортавала, ул.Гагарина,д.15</t>
  </si>
  <si>
    <t>Присвоена категория: "три звезды"
№ свидетельства 10/АА-036/107-2022
Срок действия свидетельства до 24 дек. 2025 г</t>
  </si>
  <si>
    <t>1007017051</t>
  </si>
  <si>
    <t>ООО ""Транс-Сервис"</t>
  </si>
  <si>
    <t>Загородный клуб "Ламберг" Г.Сортавала,п.Ламберг,д.44</t>
  </si>
  <si>
    <t>1007028127</t>
  </si>
  <si>
    <t>ООО "Тролль"</t>
  </si>
  <si>
    <t>Апартаменты "Лось и Тролль", г. Сортавала, ул. Ленина, 1А, +7 (921) 528-58-54</t>
  </si>
  <si>
    <t>Земельный участок 10:07:0010407:132, разрешенное использование "Гостиничное обслуживание"</t>
  </si>
  <si>
    <t>Присвоена категория: "четыре звезды"
№ свидетельства АА-145/029-2022
Срок действия свидетельства до 30 авг. 2025 г</t>
  </si>
  <si>
    <t>1007028180</t>
  </si>
  <si>
    <t>ООО "Маяковский"</t>
  </si>
  <si>
    <t>Гостиница "Родина"  г.Сортавала, ул.Маяковского, д.28</t>
  </si>
  <si>
    <t>Земельный участок 10:07:0020107:7, ВРИ: досугово-развлекательные объекты</t>
  </si>
  <si>
    <t>1007023489</t>
  </si>
  <si>
    <t>ООО "Созвездие"</t>
  </si>
  <si>
    <t>Гостевой дом "Зодиак" г.Сортавала, п.Вяртсиля, ул.Мира, д.23А</t>
  </si>
  <si>
    <t>а также ИП Грищенков В.С. ИНН 1001348787</t>
  </si>
  <si>
    <t>10:10:0070502:122 Земли лесного фонда</t>
  </si>
  <si>
    <t>Глэмпинг Lago Ladoga ("Лаго Ладога") на о.Хавус  г.Сортавала, о.Хавус</t>
  </si>
  <si>
    <t>земельные участки с кад. №: 10:07:0020404:20, 10:07:0020404:23, земли ООТ, ВРИ: для ведения личного подсобного хозяйства, Частная собственность.</t>
  </si>
  <si>
    <t>Присвоена категория: "без звёзд"
№ свидетельства 10/АА-063/129-2023
Срок действия свидетельства до 04 авг. 2026 г</t>
  </si>
  <si>
    <t>1007012670</t>
  </si>
  <si>
    <t>ООО «Нью Стар»</t>
  </si>
  <si>
    <t>Туристический комплекс «Арсенал» г. Сортавала,  п. Вяртсиля, 6-й км а/дороги «Вяртсиля-Суйстамо»</t>
  </si>
  <si>
    <t>Наименование объекта  на сайте Ростуризма - Ландшафтный отель «Рантала»</t>
  </si>
  <si>
    <t>10:07:0010105:1, Земли населенных пунктов. ВРИ: для закрепления территории, занимаемой общежитием,Частная собственность</t>
  </si>
  <si>
    <t>Присвоена категория: "три звезды"
№ свидетельства АА-008/364-2022
Срок действия свидетельства до 23 февр. 2025 г. уведомление о планируемой сертификации от 24.01.2023</t>
  </si>
  <si>
    <t>7707819968</t>
  </si>
  <si>
    <t>ООО "ГРК-менеджмент"</t>
  </si>
  <si>
    <t>Ландшафтный отель "Рантала"  г. Сортавала, п. Кирьявалахти, д.17</t>
  </si>
  <si>
    <t>10:07:0010135:9 (ранее учтенный земельный участок, без четких координат границ). Земли населенных пунктов. ВРИ: для многоэтажной застройки. права на зу не зарегистрированы</t>
  </si>
  <si>
    <t>Присвоена категория: "две звезды"
№ свидетельства 10/АА-036/094-2022 до 03.10.2025</t>
  </si>
  <si>
    <t>1007012416</t>
  </si>
  <si>
    <t>ООО «Ладога-Тур»</t>
  </si>
  <si>
    <t>Гостиница «Ладога» г. Сортавала,  ул. Карельская, д.12</t>
  </si>
  <si>
    <t>ООО «Охотничье хозяйство «Черные камни»</t>
  </si>
  <si>
    <t xml:space="preserve"> 25.04.2011</t>
  </si>
  <si>
    <t>1007019845</t>
  </si>
  <si>
    <t>ООО "ЗОО Гринпарк-Карелия" (Лебедев Андрей Алескеевич)</t>
  </si>
  <si>
    <t>Гостиница «Анлантика-2» (Эко-гостиница)  г. Сортавала, п. Киркколахти, д. 10</t>
  </si>
  <si>
    <t xml:space="preserve"> 10:07:0030804:13 земли особо охраняемых территорий, ВРИ: под туристическую базу. Частная собственность</t>
  </si>
  <si>
    <t>Присвоена категория: "три звезды"
№ свидетельства 10/АА-036/078-2022
Срок действия свидетельства до 20 июня 2025 г</t>
  </si>
  <si>
    <t>1007013353</t>
  </si>
  <si>
    <t>Курортный комплекс «Черные камни»  г. Сортавала, п. Киркколахти</t>
  </si>
  <si>
    <t>10:07:0010124:28  Земли населенных пунктов, ВРИ: для размещения здания со встроенными помещениями физической культуры, спорта и помещениями гостиницы.Права на зу не зарегистрированы. По данным Росреестра сведений о регистрации нет. Временный договор аренды не требующий регистрации???</t>
  </si>
  <si>
    <t>Присвоена категория: "две звезды"
№ свидетельства 10/АА-036/077-2022
Срок действия свидетельства до 20 июня 2025 г</t>
  </si>
  <si>
    <t>Гостиница «Каунис»  г. Сортавала,  ул. Ленина, д.3</t>
  </si>
  <si>
    <t>10:07:0042801:69, земли особо охраняемых территорий, ВРИ: отдых (рекреация), зарегистрирована аренда.</t>
  </si>
  <si>
    <t>Присвоена категория: "три звезды"
№ свидетельства 77/А010-00130-77/01113002/297-1-2024
Срок действия свидетельства до 04 июня 2027 г</t>
  </si>
  <si>
    <t>1007027148</t>
  </si>
  <si>
    <t>ООО «Точка на карте»</t>
  </si>
  <si>
    <t>Отель комфорт-класса «Точка на карте» г. Сортавала, п. Рюттю, д.1/2</t>
  </si>
  <si>
    <t>участок не сформирован, в здании несколько собствеников</t>
  </si>
  <si>
    <t xml:space="preserve">1007022679 </t>
  </si>
  <si>
    <t>ООО "Роял+" (ДИРЕКТОР: Мурадов Фарман Байрам Оглы)</t>
  </si>
  <si>
    <t>Гостиница «Хаапалампи»  г.Сортавала, п. Хаапалампи, Выборгское шоссе, д.1В</t>
  </si>
  <si>
    <t>10:07:0020404:11 Земли особо охраняемых территорий, ВРИ: под водноспортивную базу, Частная собственность. 10:07:0020404:230, земли лесного фонда, ВРИ: для размещения туристической базы</t>
  </si>
  <si>
    <t>Присвоена категория: "две звезды"
№ свидетельства АА-145/025-2022
Срок действия свидетельства до 24 июля 2025 г</t>
  </si>
  <si>
    <t>1007015632</t>
  </si>
  <si>
    <t>ООО «Гардарика Сервис»</t>
  </si>
  <si>
    <t>Отель-клуб «Гардарика» Сортавальский район, п.Вяртсиля, Рихиканга, стр.3, корпус 3</t>
  </si>
  <si>
    <t xml:space="preserve">10:07:0010126:5, земли населенных пунктов, ВРИ: под гостиничный комплекс и территорию обслуживания; частная собственность </t>
  </si>
  <si>
    <t>Присвоена категория: "три звезды"
№ свидетельства 10/АА-063/111-2023
Срок действия свидетельства до 29 янв. 2026 г</t>
  </si>
  <si>
    <t xml:space="preserve">1007023383 </t>
  </si>
  <si>
    <t>ООО "Старая Дружба"</t>
  </si>
  <si>
    <t>Гостинично-ресторанный комплекс «Пиипун Пиха» г.Сортавала, ул. Промышленная, д. 44</t>
  </si>
  <si>
    <t>зу 10:10:0080101:20, вид разрешенного использования "под оздоровительную базу"</t>
  </si>
  <si>
    <t>Присвоена категория: "четыре звезды"
№ свидетельства АА-157/006-2022
Срок действия свидетельства до 14 апр. 2025 г</t>
  </si>
  <si>
    <t>1007027821</t>
  </si>
  <si>
    <t xml:space="preserve">ООО "Кружево" </t>
  </si>
  <si>
    <t>Загородный отель "Кружево"  Сортавальский район, п.Рантуэ,д.77</t>
  </si>
  <si>
    <t>наимепнование субъекта на сайте Ростуризма ООО "ГКТ "Ладожская усадьба"</t>
  </si>
  <si>
    <t>Кадастровый номер: 10:07:0060501:23
Категория земель: Земли поселений (земли населенных пунктов)
под объектами недвижимости и территорию обслуживания</t>
  </si>
  <si>
    <t>создание пляжа с набором дополнительных услуг, в том числе для лиц с ограниченными возможностями (субсидия)</t>
  </si>
  <si>
    <t>15.05.2012</t>
  </si>
  <si>
    <t>1007021940</t>
  </si>
  <si>
    <t>ООО ГТК "Ладожская усадьба"</t>
  </si>
  <si>
    <t>10:07:0020404:14 Земли особо охраняемых территорий ВРИ: под водно-оздоровительную базу,  Частная собственность. 10:07:0020404:19 земли особо охраняемых территорий, ВРИ: под базу отдыха, Постоянное (бессрочное) пользование.</t>
  </si>
  <si>
    <t>Присвоена категория: "без звёзд"
№ свидетельства 10/АА-063/127-2023
Срок действия свидетельства до 20 июня 2026 г</t>
  </si>
  <si>
    <t>55.2 Деятельность по предоставлению мест для краткосрочного проживания</t>
  </si>
  <si>
    <t>1007021989</t>
  </si>
  <si>
    <t>ООО «Янис Ярви»</t>
  </si>
  <si>
    <t>База отдыха «Янисъярви» г.Сортавала, 8-й км а/дороги «Вяртсиля-Суйстамо», территория урочища Рихинканга, д.8</t>
  </si>
  <si>
    <t>Кадастровый номер: 10:07:0000000:7839
Категория земель: Земли поселений (земли населенных пунктов)
гостиницы</t>
  </si>
  <si>
    <t>Присвоена категория: "четыре звезды"
№ свидетельства 77/АА-115-2021/275-1-2023
Срок действия свидетельства до 19 нояб. 2026 г</t>
  </si>
  <si>
    <t>1007028085</t>
  </si>
  <si>
    <t>ООО "Северное Приладожье"</t>
  </si>
  <si>
    <t>Парк-отель "Дача Винтера", Сортвальский район, п. Таруллина, д.19</t>
  </si>
  <si>
    <t xml:space="preserve">Кадастровый квартал 10:07:0010103. Земли населенных пунктов. Гостиница находится в многоквартирном доме. </t>
  </si>
  <si>
    <t>100704074770</t>
  </si>
  <si>
    <t>Миркадиров Жавлонбек Хотамович</t>
  </si>
  <si>
    <t xml:space="preserve">Гостиница «Скандинавия» г. Сортавала, ул. Садовая,  д. 28   </t>
  </si>
  <si>
    <t>Горный парк "Рускеала"</t>
  </si>
  <si>
    <t>1007009808</t>
  </si>
  <si>
    <t xml:space="preserve">ООО «Колмас плюс» </t>
  </si>
  <si>
    <t>Горный парк, Домик 4,   г. Сортавала, п. Рускеала, ул. Мраморная, д. 1</t>
  </si>
  <si>
    <t>Горный парк, Домик 3,   г. Сортавала, п. Рускеала, ул. Мраморная, д. 1</t>
  </si>
  <si>
    <t>Горный парк, Домик 2,   г. Сортавала, п. Рускеала, ул. Мраморная, д. 1</t>
  </si>
  <si>
    <t>Горный парк, Домик 1,   г. Сортавала, п. Рускеала, ул. Мраморная, д. 1</t>
  </si>
  <si>
    <t>в турчате -  ООО "Калливо Групп"</t>
  </si>
  <si>
    <t>10:07:0030811:2- земли сельскохозяйственного назначения. ВРИ: ЛПХ. Частная собственность. 10:07:0030811:281, 80, 81, 82, 83, 96-земли ООТ, ВРИ: туристическое обслуживание</t>
  </si>
  <si>
    <t>1007022823</t>
  </si>
  <si>
    <t>ООО «Центр спортивного туризма «Рускеала»</t>
  </si>
  <si>
    <t xml:space="preserve">Хутор «Елки» (кемпинг) Сортавальский р-н, пос. Рускеала </t>
  </si>
  <si>
    <t>Присвоена категория: "без звёзд"
№ свидетельства 10/АА-063-2022/163-2024
Срок действия свидетельства до 20.06.2027</t>
  </si>
  <si>
    <t>1007026867</t>
  </si>
  <si>
    <t>ООО "Ира"</t>
  </si>
  <si>
    <t>Хостел "Старс" г.Сортавала, ул.Комсомольская, д.8</t>
  </si>
  <si>
    <t>Присвоена категория: "без звёзд"
№ свидетельства 10/АА-063-2022/164-2024
Срок действия свидетельства до 21.06.2027</t>
  </si>
  <si>
    <t xml:space="preserve"> Хостел «Удача» г.Сортавала, ул. Карельская, д. 27</t>
  </si>
  <si>
    <t>10:07:0010227:13. Земли населённых пунктов. ВРИ: Для размещения производственных зданий. Постоянное (бессрочное) пользование</t>
  </si>
  <si>
    <t xml:space="preserve">Мини-гостиница "Ярви"  г. Сортавала,  ул. Первомайская, д.50а </t>
  </si>
  <si>
    <t>10:07:0010113:38 Административное здание</t>
  </si>
  <si>
    <t>1007027765</t>
  </si>
  <si>
    <t>ООО "Малиновый лист"</t>
  </si>
  <si>
    <t>Хостел "Лампо" Сортавала, ул. Ленина,д.6 а</t>
  </si>
  <si>
    <t>Кадастровый номер: 10:07:0010106:6
Категория земель: Земли поселений (земли населенных пунктов)
под строительство индивидуального жилого дома совмещённого с тренажёрным залом</t>
  </si>
  <si>
    <t>100702316255</t>
  </si>
  <si>
    <t>Дробин Антон Борисович</t>
  </si>
  <si>
    <t>Гостевой дом "Северный олень" г.Сортавала, ул.Горького,  д.9</t>
  </si>
  <si>
    <t>здание городской библиотеки</t>
  </si>
  <si>
    <t>100702899399</t>
  </si>
  <si>
    <t>Гордеев Артем Александрович</t>
  </si>
  <si>
    <t>Мини-хостел  г. Сортавала, ул. Гагарина, д. 14</t>
  </si>
  <si>
    <t>Кадастровый номер: 10:07:0010213:2
Категория земель: Земли поселений (земли населенных пунктов)
под индивидуальное жилищное строительство</t>
  </si>
  <si>
    <t>100702929886</t>
  </si>
  <si>
    <t xml:space="preserve">Валиченко А.А. </t>
  </si>
  <si>
    <t>Гостевой дом на Лесной г.Сортавала, ул.Лесная, д.25А</t>
  </si>
  <si>
    <t>в части собственника возбуждено адм.дело о незаконном предпринимательстве 17.11.2022</t>
  </si>
  <si>
    <t>100702262553 Не является НПД, объект сдается</t>
  </si>
  <si>
    <t>Домокур Сергей Валерьевич</t>
  </si>
  <si>
    <t>Любимый домик-рейсталинг г.Сортавала,  участок № 1 Совхоза Сортавальский, д.71</t>
  </si>
  <si>
    <t>Кадастровый номер: 10:07:0060202:31
Категория земель: Земли поселений (земли населенных пунктов)
Под индивидуальное садоводство</t>
  </si>
  <si>
    <t>100700022309</t>
  </si>
  <si>
    <t>Лебедева Лариса Ивановна</t>
  </si>
  <si>
    <t>Коттедж на берегу Ладоги г.Сортавала, п.Вуорио, д.7</t>
  </si>
  <si>
    <t>Кадастровый номер: 10:07:0042803:14
Категория земель: Земли поселений (земли населенных пунктов)
под индивидуальное жилищное строительство</t>
  </si>
  <si>
    <t>507703224321</t>
  </si>
  <si>
    <t>Рошка Вячеслав Петрович</t>
  </si>
  <si>
    <t>Дом у Пестрого залива г.Сортавала, поселок Кирьяволахти,4</t>
  </si>
  <si>
    <t>100701547620</t>
  </si>
  <si>
    <t>Дитятьева А.А.</t>
  </si>
  <si>
    <t>Дом на скале г.Сортавала, посёлок участка № 1 совхоза Сортавальский, д.11А</t>
  </si>
  <si>
    <t>Кадастровый номер: 10:10:0080402:336
Категория земель: Земли поселений (земли населенных пунктов)
Для индивидуального жилищного строительства</t>
  </si>
  <si>
    <t>100703006601</t>
  </si>
  <si>
    <t>Слузова Н.Н.</t>
  </si>
  <si>
    <t>Гостевой дом "Островок" с сауной, г.Сортавала, п.Красная горка, д.34</t>
  </si>
  <si>
    <t>Кадастровый номер: 10:10:0080402:55
Категория земель: Земли поселений (земли населенных пунктов)
под индивидуальное жилищное строительство</t>
  </si>
  <si>
    <t>101700330249</t>
  </si>
  <si>
    <t>Рекин Р.В.</t>
  </si>
  <si>
    <t>Дом на берегу "Red Hill" г.Сортавала, п.Красная горка, д.61</t>
  </si>
  <si>
    <t>Кадастровый номер: 10:07:0040102:38
Категория земель: Земли поселений (земли населенных пунктов)
индивидуальное жилищное строительство</t>
  </si>
  <si>
    <t>471423657108</t>
  </si>
  <si>
    <t>Зимина Марина Леонидовна</t>
  </si>
  <si>
    <t>Хутор "Зимний" г.Сортавала, с.Хелюля, ул.Цветочная, д.12</t>
  </si>
  <si>
    <t>Кадастровый номер: 10:07:0050117:526
Категория земель: Земли поселений (земли населенных пунктов)
под индивидуальное жилищное строительство</t>
  </si>
  <si>
    <t>100700248440</t>
  </si>
  <si>
    <t>Макарятова Н.С.</t>
  </si>
  <si>
    <t>Гостевой дом "У реки"  г.Сортавала, п.Хелюля, ул.Мюллюкюля, д.32А</t>
  </si>
  <si>
    <t>Кадастровый номер: 10:07:0060601:176
Категория земель: Земли поселений (земли населенных пунктов)
для индивидуального жилищного строительства</t>
  </si>
  <si>
    <t>100701177922</t>
  </si>
  <si>
    <t>Нифонтов Михаил Вкторович</t>
  </si>
  <si>
    <t>Дом с сауной "Карелия-Ярви" г. Сортавала, п.Хюмпеля, ул.Набережная, д.1</t>
  </si>
  <si>
    <t>есть еще объекты в Лахденпохья</t>
  </si>
  <si>
    <t>Ж-З зона застройки индивидуальными жилыми домами (Сортавальское городское поселение) 10:10:0081301:2 Земли с/х назначения ВРИ: под садовый участок общедолевая частная собственность</t>
  </si>
  <si>
    <t>101200566905 г.Лахденпохья</t>
  </si>
  <si>
    <t>Апартаменты, г. Сортавала, Фанерный тупик, д. 7А, кв. 3</t>
  </si>
  <si>
    <t>Коттедж 80 кв.м. на участке 20 сот. Сортавальский район, п.Рантуэ, СОТ Рантуэ, 89214525044</t>
  </si>
  <si>
    <t>Кадастровый номер: 10:07:0010317:51
Категория земель: Земли поселений (земли населенных пунктов)
под индивидуальное жилищное строительство</t>
  </si>
  <si>
    <t>100700066056</t>
  </si>
  <si>
    <t>Силонова Лейла Сейтеновна</t>
  </si>
  <si>
    <t>Гостевой дом "Holiday home" г.Сортавала, ул.Большая Боровая, д.62</t>
  </si>
  <si>
    <t>Кадастровый номер: 10:07:0010417:117
Категория земель: Земли поселений (земли населенных пунктов)
Для индивидуальной жилой застройки</t>
  </si>
  <si>
    <t>100700054572</t>
  </si>
  <si>
    <t>Никитин Анатолий Иванович</t>
  </si>
  <si>
    <t xml:space="preserve">Гостевой дом  г. Сортавала, Светлый переулок, д. 4  </t>
  </si>
  <si>
    <t>Кадастровый квартал 10:10:0080701. Земли с/х назначения. ВРИ: под садоводство. Земельный участок не идентифицировать</t>
  </si>
  <si>
    <t>100701165412</t>
  </si>
  <si>
    <t>Сухорукова Ирина Валентиновна</t>
  </si>
  <si>
    <t>Гостевой дом «Мантитало» г. Сортавала, п. Оявойс, СОТ Приладожец, строение 21</t>
  </si>
  <si>
    <t>10:10:0080802:16 Земли с/х назначения ВРИ: Под садовый участок СОТ «Надежда» Частная собственность</t>
  </si>
  <si>
    <t xml:space="preserve"> Коттедж 100 м² на участке 30 сот. "Riekkalansaari Cottage", Сортавальсский район, п. Оявойс, СОТ "Надежда"</t>
  </si>
  <si>
    <t>Ранее учтенный ЗУ 10:07:0010312:4 Земли населённых пунктов. ВРИ: ИЖС. Частная собственность (свидетельство 1995 года)</t>
  </si>
  <si>
    <t>100700098072</t>
  </si>
  <si>
    <t>Ширко Оксана Николаевна</t>
  </si>
  <si>
    <t xml:space="preserve">Коттедж 120 м² на участке 8 сот., г. Сортавала, Южный пер, 29а </t>
  </si>
  <si>
    <t>10:07:0040103:26-земли населенных пунктов.ВРИ, ЛПХ. Частная собственность.</t>
  </si>
  <si>
    <t xml:space="preserve">100701066490 </t>
  </si>
  <si>
    <t xml:space="preserve">Гурьев А. М.    </t>
  </si>
  <si>
    <t xml:space="preserve">Гостевой дом "Paaso" г. Сортавала, Хелюльское шоссе, д.6 </t>
  </si>
  <si>
    <t>Кадастровый номер: 10:07:0042810:197
Категория земель: Земли сельскохозяйственного назначения
для дачного строительства</t>
  </si>
  <si>
    <t>100702494850</t>
  </si>
  <si>
    <t>Соколова Ирина Александровна</t>
  </si>
  <si>
    <t xml:space="preserve">Гостевой дом «Барсятос» г. Сортавала, Совхозный участок № 1, район п. Заозерный </t>
  </si>
  <si>
    <t>10:07:0010420:10. Земли населённых пунктов. ВРИ: индивидуальное жилищное строительство. Частная собственность. ИНН 100701792131</t>
  </si>
  <si>
    <t>100700420719</t>
  </si>
  <si>
    <t>Ахатбекова Татьяна Николаевна</t>
  </si>
  <si>
    <t xml:space="preserve">Гостевой дом   г. Сортавала Выборгское ш., д. 84 </t>
  </si>
  <si>
    <t>10:07:0010420:6. Земли населенного пункта. ВРИ: ИЖС. Частная собственность</t>
  </si>
  <si>
    <t>100700100099</t>
  </si>
  <si>
    <t>Паникаровская Юлия Николаевна</t>
  </si>
  <si>
    <t>Гостевой дом "Уютный" г. Сортавала, Выборгское ш., 86а</t>
  </si>
  <si>
    <t>10:07:0040807:15, земли населенных пунктов. 
Под существующий жилой дом территорию обслуживания</t>
  </si>
  <si>
    <t>100700039253</t>
  </si>
  <si>
    <t>Ишукова Галина Ивановна</t>
  </si>
  <si>
    <t>Гостевой дом, г. Сортавала, Туокслахти, д.4</t>
  </si>
  <si>
    <t>Кадастровый номер: 10:07:0062204:151
Категория земель: Земли поселений (земли населенных пунктов)
индивидуальное жилищное строительство</t>
  </si>
  <si>
    <t>68.20.2 Аренда и управление собственным или арендованным недвижимым имуществом</t>
  </si>
  <si>
    <t>100700659070</t>
  </si>
  <si>
    <t>Дробина Татьяна Алексеевна</t>
  </si>
  <si>
    <t>Гостевые дома «Клюква» Сортавальский  район, пос. Вуорио</t>
  </si>
  <si>
    <t>https://www.lberrykarelia.ru/#contacts</t>
  </si>
  <si>
    <t>100701700807 не является НПД! Деятельность ведется</t>
  </si>
  <si>
    <t>Староверкин Денис Викторович</t>
  </si>
  <si>
    <t>Гостевой дом Lberry
Сортавальский район, п.Вуорио, Солнечный проезд 1, 8-921-224-14-22</t>
  </si>
  <si>
    <t>https://www.lberrykarelia.ru/citycamp</t>
  </si>
  <si>
    <t>Мини-гостиница "City Camp" г.Сортавала, ул.Суворова, д.1, к.1 +7 (921) 522-55-55, https://www.lberrykarelia.ru</t>
  </si>
  <si>
    <t>https://www.avito.ru/sortavala/doma_dachi_kottedzhi/dom_110_m_na_uchastke_15_sot._1346887594?guestsDetailed=%7B%22version%22%3A1%2C%22totalCount%22%3A2%2C%22adultsCount%22%3A2%2C%22children%22%3A%5B%5D%7D</t>
  </si>
  <si>
    <t>Кадастровый номер: 10:07:0062204:121
Категория земель: Земли поселений (земли населенных пунктов)
Индивидуальное жилищное строительство</t>
  </si>
  <si>
    <t>781432214876 не является НПД, детяельность ведется</t>
  </si>
  <si>
    <t>Виткина Наталия Геннадьевна</t>
  </si>
  <si>
    <t>Гостевой дом, г. Сортавала, п. Вуорио, д. 51 (Гостевые дома VUORIO), также д.45,47</t>
  </si>
  <si>
    <t>10:07:0010506:23 Земли населённых пунктов. ВРИ: ИЖС, частная собственность</t>
  </si>
  <si>
    <t>100702115485</t>
  </si>
  <si>
    <t xml:space="preserve">Ковтун В.К. </t>
  </si>
  <si>
    <t xml:space="preserve"> Гостевой дом "Мансарда"  г. Сортавала, Спортивная,д.6</t>
  </si>
  <si>
    <t xml:space="preserve">Кадастровый номер: 10:07:0030106:708
Категория земель: Земли поселений (земли населенных пунктов)
Для индивидуальной жилой застройки. Территориальная зона - Ж1. </t>
  </si>
  <si>
    <t>100701669441</t>
  </si>
  <si>
    <t>Петляков С.Н.</t>
  </si>
  <si>
    <t>Гостевой дом "Вента" г. Сортавала,пос. Рускеала, Сортавальское шоссе, д.4а</t>
  </si>
  <si>
    <t>100702434900 не является НПД</t>
  </si>
  <si>
    <t>Ващенко Генадий Васильевич</t>
  </si>
  <si>
    <t xml:space="preserve">Гостевой дом «Для отпуска», 
г. Сортавала,   ул.Восточная, д.32 в
</t>
  </si>
  <si>
    <t>100703209249</t>
  </si>
  <si>
    <t>Бузун Н.И.</t>
  </si>
  <si>
    <t>Гостевой дом Сортавала, кооператив "Спутник",56 уч.</t>
  </si>
  <si>
    <t>100700177278</t>
  </si>
  <si>
    <t>Первухина Любовь Николаевна</t>
  </si>
  <si>
    <t>Гостевой дом "Южный" г.Сортавала, пер.Южный,д.4а</t>
  </si>
  <si>
    <t>10:07:0010212:1 Земли населённых пунктов. ВРИ: ИЖС, Частная собственность</t>
  </si>
  <si>
    <t>100702846735</t>
  </si>
  <si>
    <t>Гришунин В.В.</t>
  </si>
  <si>
    <t>Гостевой дом "На лесной"   г. Сортавала, , ул Лесная, 49</t>
  </si>
  <si>
    <t>101401113888</t>
  </si>
  <si>
    <t>Кипрушева Наталья Васильевна</t>
  </si>
  <si>
    <t>Гостевой дом , г. Сортавала, о.Риеккалансаари, д.1</t>
  </si>
  <si>
    <t>10:07:0011219:74. Земли населенных пунктов. ВРИ: под ИЖС. Частная собственность</t>
  </si>
  <si>
    <t>100700628322</t>
  </si>
  <si>
    <t>Бражник Тамара Михайловна</t>
  </si>
  <si>
    <t>Гостевой дом «Nika Guest House»  г.Сортавала, ул. Первомайская, д. 59а</t>
  </si>
  <si>
    <t>10:07:0010317:51 (или 10:07:0010317:35?) Земли населённых пунктов. ВРИ: ИЖС.  частная собственность</t>
  </si>
  <si>
    <t>100702582899</t>
  </si>
  <si>
    <t>Курилович Сергей Александрович</t>
  </si>
  <si>
    <t xml:space="preserve">Гостевой дом  г. Сортавала, ул. Большая Боровая,  д. 52   </t>
  </si>
  <si>
    <t>10:07:0060602:31 Земли населённых пунктов. ВРИ: ИЖС. Частная собственность</t>
  </si>
  <si>
    <t>Гостевой дом "Сортавала" г.Сортавала, п. Хюмпеля, ул. Родниковая, д. 12Д,</t>
  </si>
  <si>
    <t>до 02.2021 ИП, адрес верно</t>
  </si>
  <si>
    <t>з/у 10:07:0062204:107 ИЖС частная собственность</t>
  </si>
  <si>
    <t>100701549000</t>
  </si>
  <si>
    <t>Гунько Валерия Александровна</t>
  </si>
  <si>
    <t>Гостевой дом "Лесная сказка" г. Сортавала, Большая Боровая ул., 72, 8-999-177-00-16</t>
  </si>
  <si>
    <t xml:space="preserve">100701994280  </t>
  </si>
  <si>
    <t>Гунько Андрей Николаевич</t>
  </si>
  <si>
    <t>Мини-гостиница Сортавала, Боровая ул., 72, 8-921-010-19-55</t>
  </si>
  <si>
    <t>10:07:0010312:43. Земли населенных пунктов. ВРИ: ИЖС. Общая долевая собственность</t>
  </si>
  <si>
    <t xml:space="preserve">100116909870 </t>
  </si>
  <si>
    <t xml:space="preserve"> Баршевский Владимир Александрович</t>
  </si>
  <si>
    <t xml:space="preserve">Гостевой дом  "Для хороших гостей" , г. Сортавала, ул. Южный пер., д.15А  </t>
  </si>
  <si>
    <t>Требуется приведение категории земель и узаканивания объекта недвижимого имущества</t>
  </si>
  <si>
    <t>10:07:0042811:393 Земли с/х назначения ВРИ: ЛПХ Частная собственность</t>
  </si>
  <si>
    <t>773379183497</t>
  </si>
  <si>
    <t>Дмитриев Сергей Викторович</t>
  </si>
  <si>
    <t xml:space="preserve">Гостевой дом «goгrmet-hotel wild chokolate» Сортавальский район, п. Кирьявалахти </t>
  </si>
  <si>
    <t>10:07:0010219:14 (под д. 23) Земли населенных пунктов. ВРИ: ИЖС. Частная собственность. 10:07:0010219:82 (под д. 5). Земли населенных пунктов. ВРИ: ИЖС. Частная собственность</t>
  </si>
  <si>
    <t>100700545500</t>
  </si>
  <si>
    <t>Штыкарева Наталья Васильевна</t>
  </si>
  <si>
    <t>Гостевые дома «Kodikas» г. Сортавала,  Приозерная ул., д. 5</t>
  </si>
  <si>
    <t>Гостевые дома «Kodikas» г. Сортавала, ул. Фанерный тупик, д.23</t>
  </si>
  <si>
    <t>100118311483</t>
  </si>
  <si>
    <t>Леонтьева Галина Альбертовна</t>
  </si>
  <si>
    <t>Гостевые дома "Ханки", Сортавальский р-н, п.Рускеала, Ханки 8</t>
  </si>
  <si>
    <t>Объект расположен на воде</t>
  </si>
  <si>
    <t>100702026637</t>
  </si>
  <si>
    <t xml:space="preserve">Коржавин Александр Петрович </t>
  </si>
  <si>
    <t xml:space="preserve">Гостевой дом                                         "Бунгало-СПА"              г.Сортавала, п.Рантуэ   </t>
  </si>
  <si>
    <t>100702794653</t>
  </si>
  <si>
    <t>Евтушенко Андрей Владимирович</t>
  </si>
  <si>
    <t>Гостевой дом "Тихий сосед" г. Сортавала, ул.Бондарева, д.27А</t>
  </si>
  <si>
    <t xml:space="preserve">55.20 Деятельность по предоставлению мест для краткосрочного проживания Дополниетльный вид деятельности: 55.30 Деятельность по предоставлению
мест для временного проживания в
кемпингах, жилых автофургонах и
туристических автоприцепах
</t>
  </si>
  <si>
    <t>Гостевой дом "Рауталахти", Сортавальский район, п. Рауталахти,  д.2</t>
  </si>
  <si>
    <t xml:space="preserve">55.30 Деятельность по предоставлению
мест для временного проживания в
кемпингах, жилых автофургонах и
туристических автоприцепах      Дополнительный вид деятельности:  55.20 Деятельность по предоставлению мест для краткосрочного проживания </t>
  </si>
  <si>
    <t>100701541843</t>
  </si>
  <si>
    <t>Стальмахов В.А.</t>
  </si>
  <si>
    <t>Шале у озера г.Сортавала, п.Кирьявалахти, ул.Гранитная, д.6</t>
  </si>
  <si>
    <t>туристическая деятельность осуществляется на з/у 10:07:0042802:27, 10:07:0042802:16,   
10:07:0042802:308,   
10:07:0042802:309,  Вид разрешенного использования зу: дачное строительство, личное подсобное хозяйство, для сельскохозяйственного использования</t>
  </si>
  <si>
    <t>780621278633</t>
  </si>
  <si>
    <t>Невская Елена Валерьевна</t>
  </si>
  <si>
    <t>База отдыха «Суанрюттю» г.Сортавала, п. Рюттю, д. 30, +7 (921) 629-85-86</t>
  </si>
  <si>
    <t>10:07:0040103:406
Категория земель: Земли поселений (земли населенных пунктов)
Гостиничное обслуживание. Территориальной зона О1 - Зона делового, общественного и коммерческого значения</t>
  </si>
  <si>
    <t>Дополнительный вид деятельности: 55.10 Деятельность гостиниц и прочих мест
для временного проживания</t>
  </si>
  <si>
    <t>Аббасалиев Хабил Тахир оглы</t>
  </si>
  <si>
    <t>Отель "Белые ночи", г.Сортавала, с..Хелюля, Хелюльское шоссе, 12 +7 (921) 521-68-68</t>
  </si>
  <si>
    <t>информация об объекте на сайте Ростуризма</t>
  </si>
  <si>
    <t> 781903928673</t>
  </si>
  <si>
    <t>Мини-отель "Уют", г.Сортавала, ул.Карельская, дом 17</t>
  </si>
  <si>
    <t>100702634586</t>
  </si>
  <si>
    <t>Гришихин Николай Владимирович</t>
  </si>
  <si>
    <t>Мини-гостиница "Karjala" г.Сортавала, ул.Садовая, д.21</t>
  </si>
  <si>
    <t>10:07:0042811:324. Земли с/х назначения. ВРИ: Под дачное строительство. Частная собственность. 10:07:0042811:325 Земли с/х назначения  ВРИ: ЛПХ. Частная собственность</t>
  </si>
  <si>
    <t>781414881002</t>
  </si>
  <si>
    <t>Рыбкин Владислав Леонидович</t>
  </si>
  <si>
    <t>Guest House Na Beregu Коттедж 70 м² на участке 10 сот. , Сортавальский район, п. Кирьявалахти</t>
  </si>
  <si>
    <t xml:space="preserve">100701825203 </t>
  </si>
  <si>
    <t>Гунько Ирина Николаевна</t>
  </si>
  <si>
    <t>Гостевой дом "Луттилампи" г.Сортавала, ул. Солнечная, д.12</t>
  </si>
  <si>
    <t>100700157698</t>
  </si>
  <si>
    <t>Скруйбис Татьяна Владимировна</t>
  </si>
  <si>
    <t>Глэмпинг Геокупол "Млечный путь", Сортавальский район, г. Сортавала, п. Рантуэ</t>
  </si>
  <si>
    <t>100700295465</t>
  </si>
  <si>
    <t>Концевая Светлана Сергеевна</t>
  </si>
  <si>
    <t>Гостевой дом «Тохмайоки», Сортавальский район,  п. Рускеала</t>
  </si>
  <si>
    <t>Кадастровый номер: 10:07:0010204:10
Категория земель: Земли поселений (земли населенных пунктов)
под ремонтную площадку</t>
  </si>
  <si>
    <t>Отель "Golden Rose" г.Сортавала, ул.Дорожная, д.13, +79814042121, +79281741176</t>
  </si>
  <si>
    <t>100700571108</t>
  </si>
  <si>
    <t xml:space="preserve">Авакян Оганес Минасович
</t>
  </si>
  <si>
    <t>Хостел "Калитка" г.Сортавала, ул.Бондарева, д.41</t>
  </si>
  <si>
    <t>1007010923</t>
  </si>
  <si>
    <t>ООО "НАТОЛ"</t>
  </si>
  <si>
    <t>База отдыха «Отдых на берегу» 186753 г. Сортавала, Хаапалампинское СП, п. Рауталахти, д.10</t>
  </si>
  <si>
    <t>79.90.2 Деятельность по предоставлению
экскурсионных туристических услуг</t>
  </si>
  <si>
    <t>032604480930</t>
  </si>
  <si>
    <t>Черевущенко Алексей Иванович</t>
  </si>
  <si>
    <t xml:space="preserve">Туристическая база «Аласари» на оз. Сиесманъярви (с восточной стороны озера) г. Сортавала, район п. Кааламо  </t>
  </si>
  <si>
    <t xml:space="preserve"> Требуется приведение в соответствии вида разрешенного использования земельного участка (заявительный характер через МФЦ)</t>
  </si>
  <si>
    <t>Частная собственность. 10:07:0010133:70. Земли населенных пунктов.</t>
  </si>
  <si>
    <t>Гостиница "Ласточкино гнездо"  г.Сортавала, ул.Кайманова, д.2А</t>
  </si>
  <si>
    <t>Перенести в нелегальные</t>
  </si>
  <si>
    <t>10:07:006002:29 Земли населённых пунктов. ВРИ: для индивидуальной жилой застройки</t>
  </si>
  <si>
    <t>101200478409</t>
  </si>
  <si>
    <t>Манукян Анна Агасии</t>
  </si>
  <si>
    <t>Гостевой дом "Славянка"  Сортавала, ул.Родниковая, д.7</t>
  </si>
  <si>
    <t>10:07:0062204:50 Земли населённых пунктов ВРИ: под садоводство Частная собственность</t>
  </si>
  <si>
    <t xml:space="preserve">470304793406 </t>
  </si>
  <si>
    <t>Богданов Антон Сергеевич</t>
  </si>
  <si>
    <t>Коттедж 110 м² на участке 30 сот. г.Сортавала,п. Вуорио</t>
  </si>
  <si>
    <t>Присвоена категория: "две звезды"
№ свидетельства 10/АА-036/096-2022 до 03.11.2025</t>
  </si>
  <si>
    <t>780705836838</t>
  </si>
  <si>
    <t>Верба Денис Сергеевич</t>
  </si>
  <si>
    <t>Гостиница «Сортавала» г. Сортавала,  ул. Карельская, д.35</t>
  </si>
  <si>
    <t>781075138470</t>
  </si>
  <si>
    <t>Титова Ольга Викторовна</t>
  </si>
  <si>
    <t>Хостел "Рускеала"  г.Сортавала, п.Рускеала, ул.Школьная, д.22</t>
  </si>
  <si>
    <t>101901473720</t>
  </si>
  <si>
    <t>Никитин Сергей Николаевич</t>
  </si>
  <si>
    <t>База отдыха "Каранкойя" Сортавала, пос.Кааламо, ул. Центральная,д.28</t>
  </si>
  <si>
    <t>10:07:0010117:115. Земли населенных пунктов. ВРИ: Под здание конторы и прилегающую территорию. Частная собственность</t>
  </si>
  <si>
    <t>100701237579</t>
  </si>
  <si>
    <t>Синева Анна Александровна</t>
  </si>
  <si>
    <t xml:space="preserve"> Гостевой дом "Карельский дом"  Сортавала, Октябрьская,д.11,</t>
  </si>
  <si>
    <t>https://vk.link/otel_morris</t>
  </si>
  <si>
    <t>100700058023</t>
  </si>
  <si>
    <t>Забелин Валерий Федорович</t>
  </si>
  <si>
    <t>Гостиница "Моррис" Сортавала, ул. Бондарева 48Г</t>
  </si>
  <si>
    <t>100701916203</t>
  </si>
  <si>
    <t>Кустова Наталья Алексеевна</t>
  </si>
  <si>
    <t>Гостевой дом Тарулинна г. Сортавала, ул.Тарулинна,д.32</t>
  </si>
  <si>
    <t>100700324758</t>
  </si>
  <si>
    <t>Гулисова Ирина Васильевна</t>
  </si>
  <si>
    <t>Гостевой дом "Карел" Сортавальсктй р-н, п.Рускеала, Набережная,д.14</t>
  </si>
  <si>
    <t>svetloe10.ru</t>
  </si>
  <si>
    <t>зу 10:07:0042811:566, на участке расположено жилое строение с кадастровым номером 10:07:0042811:932</t>
  </si>
  <si>
    <t>100702327240</t>
  </si>
  <si>
    <t>Шихиева Евгения Вячеславовна</t>
  </si>
  <si>
    <t>Мини-гостиница «Местечко Светлое»,   г.Сортавала, п.Лахденкюля, м.Светлое, д.7
+7 (921) 622-31-06
+7 (921) 224-41-76</t>
  </si>
  <si>
    <t>100702416620</t>
  </si>
  <si>
    <t>Королев Алексей Анатольевич</t>
  </si>
  <si>
    <t xml:space="preserve">Гостевой дом «LexHouse" г. Сортавала, п. Рантуэ, д. 35Б </t>
  </si>
  <si>
    <t>требуется корректировака территориальной зоны. Требуется корректировака градостроительных регламентов. Сроки работ зависят непосредственно от срока подачи соответствующего ходатайства от правообладателя з/у</t>
  </si>
  <si>
    <t>з/у 10:10:0080101:24, земли населенных пунктов, вид разрешенного использования "для ведения личного подсобного хозяйства"</t>
  </si>
  <si>
    <t>Гостевой дом "Рантуэ" г.Сортавала,пос.Рантуэ, 8А</t>
  </si>
  <si>
    <t>100702129752</t>
  </si>
  <si>
    <t>Бровко Кристина Эдуардовна</t>
  </si>
  <si>
    <t>Гостевой дом  г.Сортавала, 40 Лет ВЛКСМ 5/8</t>
  </si>
  <si>
    <t>100700022161</t>
  </si>
  <si>
    <t>Квасницкий  Александр Францевич</t>
  </si>
  <si>
    <t xml:space="preserve"> Гостевые дома «Хекселя» г. Сортавала, п. Кааламо</t>
  </si>
  <si>
    <t>Заключен муниципальный контракт от 03.09.2019г. Срок зависит от решения по утверждению нового генплана ХСП. Предположительный срок утверждения 2022г.</t>
  </si>
  <si>
    <t>зу 10:07:0062208:161,  Приусадебный участок личного подсобного хозяйства, на участке расположено жилой дом с кадастровым номером 10:07:0062208:177</t>
  </si>
  <si>
    <t>780719726828</t>
  </si>
  <si>
    <t>Зимин Максим Юрьевич</t>
  </si>
  <si>
    <t>База отдыха «Forrest Lodge Karelia»  г. Сортавала, п. Реускула</t>
  </si>
  <si>
    <t>требуется корректировака градостроительных регламентов. Сроки работ зависят непосредственно от срока подачи соответствующего ходатайства от правообладателя з/у</t>
  </si>
  <si>
    <t xml:space="preserve">земельные участки с кадастровыми номерами: 10:07:0010204:124, 10:07:0010204:123,  Земли населенных пунктов, ВРИ: под здания и территорию обслуживания; Частная собственность </t>
  </si>
  <si>
    <t>Манукян Агасий Вагаршакович</t>
  </si>
  <si>
    <t>Гостевой дом «Благодать» г.Сортавала, ул. Фабричная, д. 11</t>
  </si>
  <si>
    <t>Кадастровый номер з/у 10:07:0010401:24. На данном з/у находится здание с кадастровым номером 10:07:0010401:43. Земли населенных пунктов, ВРИ: ИЖС.  Долевая собственность</t>
  </si>
  <si>
    <t>Гостевой дом «Благодать» г.Сортавала, Выборгское шоссе, 26А</t>
  </si>
  <si>
    <t>100700039969</t>
  </si>
  <si>
    <t>Паникаровский  Сергей Валерьевич</t>
  </si>
  <si>
    <t>Гостевой дом "Уютный"  г.Сортавала, ул. Выборгское ш., д. 86а</t>
  </si>
  <si>
    <t xml:space="preserve">10:10:0080101:111. Земли населённых пунктов . ВРИ: под жилой дом. Частная собственность </t>
  </si>
  <si>
    <t>782580200646</t>
  </si>
  <si>
    <t>Грачев  Дмитрий Алексеевич</t>
  </si>
  <si>
    <t>Гостевой дом «Дом отца Василия»  г.Сортавала, п. Рантуэ, д. 11</t>
  </si>
  <si>
    <t>по инфо карелиястат деятельность не ведет, на сайте объекта инфо об ИП есть. Фактически детяельность ведется https://beregulesa.ru/</t>
  </si>
  <si>
    <t>зу 10:10:0081402:35, под садоводство, на участке расположен жилой дом с кадастровым номером 10:10:0081402:206</t>
  </si>
  <si>
    <t>780400148731</t>
  </si>
  <si>
    <t>Боголюбов Андрей Олегович</t>
  </si>
  <si>
    <t xml:space="preserve">Коттедж «Берег у леса»  г.Сортавала,  СОТ Гранит, д.99 а, +7 921 935-61-04. </t>
  </si>
  <si>
    <t xml:space="preserve">
ООО "ЛАДОЖСКИЕ ФЬОРДЫ"(водные перевозки)</t>
  </si>
  <si>
    <t>55.20 Деятельность по предоставлению мест для краткосрочного проживания Дополнительные виды деятельности:  55.10 Деятельность гостиниц и прочих мест для временного проживания 55.90 Деятельность по предоставлению прочих мест для временного проживания</t>
  </si>
  <si>
    <t>100701898850</t>
  </si>
  <si>
    <t>Трофимов Юрий Владимирович</t>
  </si>
  <si>
    <t xml:space="preserve">Мини-отель "Импульс"  г.Сортавала, Старовыборгское ш., 15 </t>
  </si>
  <si>
    <t>10:07:0030107:46 Земли населённых пунктов. ВРИ: для индивидуальной жилой застройки Право аренды</t>
  </si>
  <si>
    <t>100703514250</t>
  </si>
  <si>
    <t>Дайлиденок Вячеслав Юрьевич</t>
  </si>
  <si>
    <t xml:space="preserve"> Кемпинг "Лесная поляна" Сортавальский р-н, п. Рускеала,б-н</t>
  </si>
  <si>
    <t>Присвоена категория: "без звёзд"
№ свидетельства 77/АА-79/1301-2022
Срок действия свидетельства до 10 июня 2025 г</t>
  </si>
  <si>
    <t>100703891610</t>
  </si>
  <si>
    <t>Сухорукова Алена Игоревна</t>
  </si>
  <si>
    <t>Отель «Aleon» (Гостевой дом «Риеккалансари»),  г. Сортавала, ул. Бондарева, д.43</t>
  </si>
  <si>
    <t>10:07:0030809:265 земли с/х назначения, ВРИ для организации и ведения ЛПХ</t>
  </si>
  <si>
    <t>100702902362</t>
  </si>
  <si>
    <t>Мироненко Александр Николаевич</t>
  </si>
  <si>
    <t xml:space="preserve">Гостевые дома "Фортуна",  Сортавальский р-н, п. Ханки  </t>
  </si>
  <si>
    <t>10:07:0010219:367, Земли населенных пунктов. ВРИ: ИЖС. Частная собственность.</t>
  </si>
  <si>
    <t>100500956397</t>
  </si>
  <si>
    <t>Балбукова Екатерина Викторовна</t>
  </si>
  <si>
    <t>Гостевой дом «Lintu» г. Сортавала,  ул. Приозерная, д.6 а</t>
  </si>
  <si>
    <t>Гостевой дом «Рантатало» г. Сортавала,  ул. Приозерная, д.6</t>
  </si>
  <si>
    <t>Апартаменты, г.Сортавала, Комсомольская ул., д.10, кв.22</t>
  </si>
  <si>
    <t>10:07:0010219:241</t>
  </si>
  <si>
    <t>Гостевой дом «Lintu»  г. Сортавала, Фанерный тупик</t>
  </si>
  <si>
    <t>Гостевой дом «Lintu»  Сортавальский район, п.Заречье, д.15</t>
  </si>
  <si>
    <t xml:space="preserve"> Частная собственность. 10:07:0010219:8 (под д. 8). Земли населенных пунктов. ВРИ: ИЖС</t>
  </si>
  <si>
    <t>Гостевой дом «Lintu»  г. Сортавала, ул. Приозерная д.8</t>
  </si>
  <si>
    <t>10:07:0050113:18 Земли населенных пунктов. ВРИ: под строительство индивидуального жилого дома со встроенным магазином. Частная собственность</t>
  </si>
  <si>
    <t>100700405573</t>
  </si>
  <si>
    <t>Приймич Оксана Викторовна</t>
  </si>
  <si>
    <t>Гостевой дом «Радуга»  г. Сортавала, п.Хелюля, Сортавальское шоссе, д. 15</t>
  </si>
  <si>
    <t>10:07:0030107:25,  Земли населенный пунктов. ВРИ: Учреждения санаторно-курортные и оздоровительные, отдыха и туризма. Частная собственность</t>
  </si>
  <si>
    <t>780713350801</t>
  </si>
  <si>
    <t>Шумарина Юлия Александровна</t>
  </si>
  <si>
    <t xml:space="preserve">Отель "Царь горы"  г.Сортавала,  п. Рускеала,  ул. Лесопильная, д. 1 А </t>
  </si>
  <si>
    <t>10:10:0080301:63. Земли населённых пунктов. ВРИ: ЛПХ. Частная собственность</t>
  </si>
  <si>
    <t>100701248637</t>
  </si>
  <si>
    <t>Дукуль Владислав Игоревич</t>
  </si>
  <si>
    <t>Гостевой дом "Тихотут",  Сортавала, п. Токкарлахти, 7А</t>
  </si>
  <si>
    <t>10:07:0010420:2. Земли населенных пунктов. ВРИ: под индивидуальное жилищное строительство. Частная собственность</t>
  </si>
  <si>
    <t>272511833486</t>
  </si>
  <si>
    <t>Карасева Анастасия Михайловна</t>
  </si>
  <si>
    <t xml:space="preserve">Гостевой дом у оз. Хюмпелянъярви Сортавала,  Хюмпеля, Выборгское шоссе, 96 </t>
  </si>
  <si>
    <t>Сортавальский муниципальный район</t>
  </si>
  <si>
    <t xml:space="preserve">Реестр объектов временного размещения, расположенных на территории Сортавальского муниципального района </t>
  </si>
  <si>
    <t xml:space="preserve">Легализация туристических объектов в Сортавальском муниципальном районе </t>
  </si>
  <si>
    <t xml:space="preserve">Легализация туристических объектов в Калевальском национальном районе </t>
  </si>
  <si>
    <t>Калевальский национальный  район</t>
  </si>
  <si>
    <t>Гостиница «Сампо»,  ул.Садовая, 2, п. Калевала</t>
  </si>
  <si>
    <t>Тимонен Андрей Анатольевич</t>
  </si>
  <si>
    <t>101700001318</t>
  </si>
  <si>
    <t>на сайте</t>
  </si>
  <si>
    <t>земельный участок площадью 1200 кв.м., категория земель: земли населенных пунктов, разрешенное использование: для содержания гостиницы, кадастровый номер: 10:17:01 07 11:016</t>
  </si>
  <si>
    <t>Дорога Кемь-Лонка.</t>
  </si>
  <si>
    <t>ип утвю, что один объект</t>
  </si>
  <si>
    <t>Отель на Садовой,  ул. Садовая д.3а, п. Калевала</t>
  </si>
  <si>
    <t>земельный участок площадью 240 кв.м., категория земель: земли населенных пунктов, разрешенное использование: для строительства административного здания, кадастровый номер: 10:17:00 107 11:4</t>
  </si>
  <si>
    <t>Калевальский район, Коттедж, аренда лесного дома Уткина заводь, Калевальский район, оз Маливайнен, 40 км. От п. калевала</t>
  </si>
  <si>
    <t>Калевальский район, Коттедж, аренда лесного дома Медведь, Калевальский район, оз Маливайнен, 40 км. От п. калевала</t>
  </si>
  <si>
    <t>Калевальский район, Коттедж, аренда лесного дома На острове, Калевальский район, оз Маливайнен, 40 км. От п. калевала</t>
  </si>
  <si>
    <t>Калевальский район, Коттедж, аренда лесного дома Мёкки, Калевальский район, оз Маливайнен, 40 км. От п.Ккалевала</t>
  </si>
  <si>
    <t>Калевальский район, Коттедж, аренда лесного дома  рыбака, Калевальский район, оз Маливайнен, 40 км. От п. калевала</t>
  </si>
  <si>
    <t>Земельный участок не оформлен, используется в собственных целях, в том числе и для размещения туристов.</t>
  </si>
  <si>
    <t>дорога до д.Тунгозеро</t>
  </si>
  <si>
    <t>Коттедж, аренда лесного дома</t>
  </si>
  <si>
    <t>Дом, Калевальский район, остров на оз. Куроярви Юшкозерского сельского поселения</t>
  </si>
  <si>
    <t xml:space="preserve">Тарасов Игорь Викторович </t>
  </si>
  <si>
    <t>101700052746</t>
  </si>
  <si>
    <t xml:space="preserve">18.03.2019
</t>
  </si>
  <si>
    <t xml:space="preserve">01.50 Смешанное сельское хозяйство
</t>
  </si>
  <si>
    <t>Земельный участок не оформлен, используется под туризм.</t>
  </si>
  <si>
    <t>Разъяснены положения О применении контрольно-кассовой техники</t>
  </si>
  <si>
    <t>Дом, Калевальский район, на берегу оз. Варозеро Юшкозерского сельского поселения</t>
  </si>
  <si>
    <t xml:space="preserve"> Дом, Калевальский район, Урочище Суопасалми озерского сельского поселения</t>
  </si>
  <si>
    <t>Три земельных участка общей площадью 4500 кв.м.; разрешенное использование: под ИЖС</t>
  </si>
  <si>
    <t>Гостевой комплекс «Кемское трехречье» (2 дома), Калевальский район,п. Новое Юшкозеро, ур.Супосальма , район озера Кулинъярви</t>
  </si>
  <si>
    <t>документы на право собственности находятся в стадии оформления</t>
  </si>
  <si>
    <t>База отдыха "Урочище Коркиниеми", Калевальский район, д. Коркиниеми, http://korkiniemi.ru</t>
  </si>
  <si>
    <t>Горячева Ирина Шавкетовна</t>
  </si>
  <si>
    <t>500400051275</t>
  </si>
  <si>
    <t>6 земельных участков по 1500 кв. м., всего 9000 кв.м.; земли с/х назначения, вид разрешенного использования: для индивидуального дачного строительства; кадастровый номер: 1 участок 10:17:0020405:275;  2 участок 10:17:0020405:277;  3 участок 10:17:0020405:278; 4 участок 10:17:0020405:276; 5 участок 10:17:0020405:273; 6 участок 10:17:0020405:274.</t>
  </si>
  <si>
    <t>Вялиахо Станислав Алексеевич</t>
  </si>
  <si>
    <t>101700617690</t>
  </si>
  <si>
    <t>Варченков Иван Анатольевич</t>
  </si>
  <si>
    <t>101700001639</t>
  </si>
  <si>
    <t>Отель «ВелТ»  ул. Советская, 28а, п. Калевала</t>
  </si>
  <si>
    <t>ООО "ВелТ-Карельские путешествия"</t>
  </si>
  <si>
    <t>земельный участок площадью 542 кв.м., категория земель: земли населенных пунктов, разрешенное использование: для размещения гостиницы, кадастровый номер:10:17:0010725:25</t>
  </si>
  <si>
    <t>Дорога Кемь-Лонка</t>
  </si>
  <si>
    <t>в 2022 году оказана гос.поддержка.</t>
  </si>
  <si>
    <t>Присвоена категория: "две звезды"
№ свидетельства 10/АА-063/137-2023
Срок действия свидетельства до 16 сент. 2026 г</t>
  </si>
  <si>
    <t xml:space="preserve"> земельный участок площадью 4388 кв.м., категория земель: -, разрешенное использование: -, кадастровый номер   10:17:0010812:23</t>
  </si>
  <si>
    <t xml:space="preserve">Комплекс лесных домиков, д. Тихтозеро, урочище Конду 
</t>
  </si>
  <si>
    <t>документы оформляются</t>
  </si>
  <si>
    <t>в феврале 2023 г. заключены договора аренды сроком на 20 лет на земельные участки: около оз.Кайналойнен кадастровый номер 10:17:0020403:221; около оз.Хирмушярви кадастровый номер 10:17:0020403:222; около оз.Муасярви кадастровый номер 10:17:0020403:219; около оз.Таежное кадастровый номер 10:17:0020403:220.</t>
  </si>
  <si>
    <t>Нелегальные объекты размещения , выявленные объекты размещения</t>
  </si>
  <si>
    <t>Гостевой дом, Калевальский район, д.Юшкозеро,ул.Зеленая, д.1</t>
  </si>
  <si>
    <t xml:space="preserve"> 10.12.2022</t>
  </si>
  <si>
    <t>земельный участок оформляется в аренду</t>
  </si>
  <si>
    <t>работа по выявлению лица, осуществляющего деятельность или подтверждение деятельности Варченковым</t>
  </si>
  <si>
    <t xml:space="preserve">Легализация туристических объектов в Лоухском муниципальном районе </t>
  </si>
  <si>
    <t>Лоухский муниципальный район</t>
  </si>
  <si>
    <t>Дом на Белом море, Лоухский район,  д. Кокосалма</t>
  </si>
  <si>
    <t>Корнеева Ирина Владимировна</t>
  </si>
  <si>
    <t>101700405825</t>
  </si>
  <si>
    <t>лесной участок</t>
  </si>
  <si>
    <t>База Пундома Лоухский район,  оз.Пяозеро</t>
  </si>
  <si>
    <t>База Винвам , Лоухский район, оз.Топозеро</t>
  </si>
  <si>
    <t>Гостевой домик «У Натальи»
Лоухский район, пгт.Чупа, ул.Заречная 79</t>
  </si>
  <si>
    <t>Кирзеёнок Наталья Евгеньевна</t>
  </si>
  <si>
    <t>101800982858</t>
  </si>
  <si>
    <t>земли населённых пунктов, Зона застройки индивидуальными жилыми домами</t>
  </si>
  <si>
    <t>Гостевой дом Софпорог, Лоухский район, Софпорог, ул. Советская, д. 28</t>
  </si>
  <si>
    <t>Аванесян Алла Валерьевна</t>
  </si>
  <si>
    <t>773302669904</t>
  </si>
  <si>
    <t>Перевод земель из лесного фонда в земли населенных пунктов</t>
  </si>
  <si>
    <t>Апартаменты «Дом на берегу реки Софьянга" Лоухский район, Софпорог, ул. Советская, д. 30</t>
  </si>
  <si>
    <t>Гостевой дом  Лоухский район, п.Кестеньга, ул.Набережная, д.10</t>
  </si>
  <si>
    <t xml:space="preserve">Куксина Юлия Сергеевна </t>
  </si>
  <si>
    <t>101800916421</t>
  </si>
  <si>
    <t>Земли населенных пунктов, зона застройки индивидуальными жилыми домами</t>
  </si>
  <si>
    <t>"Гостевой дом Пяозеро"  Лоухский район, п.Пяозерский, ул.Лесная,4</t>
  </si>
  <si>
    <t>Иванов Дмитрий Сергеевич</t>
  </si>
  <si>
    <t>780533400637</t>
  </si>
  <si>
    <t xml:space="preserve">Гостевой дом, Лоухский район, п.Тунгозеро, ул.Озерная, 1а </t>
  </si>
  <si>
    <t xml:space="preserve">Голятина С.В. </t>
  </si>
  <si>
    <t>101801120505</t>
  </si>
  <si>
    <t>частная собственность</t>
  </si>
  <si>
    <t>Турбаза  Энгозеро, Лоухский район</t>
  </si>
  <si>
    <t>Тризна Дмитрий Юрьевич</t>
  </si>
  <si>
    <t>100200751134</t>
  </si>
  <si>
    <t>Гостевой дом "Приют странника" Лоухский район,  п.Пяозерский, ул.Сосновая,12</t>
  </si>
  <si>
    <t>Иванов Олег Геннадьевич</t>
  </si>
  <si>
    <t>101800024414</t>
  </si>
  <si>
    <t>Зона застройки индивидуальными жилыми домами</t>
  </si>
  <si>
    <t>Гостевые дома на оз.Пяозеро, Лоухский район, оз.Пяозеро, квартал 294 Пяозерского участкового лесничества</t>
  </si>
  <si>
    <t>Ключников Сергей Николаевич</t>
  </si>
  <si>
    <t xml:space="preserve">101800027165 </t>
  </si>
  <si>
    <t>лесфонд</t>
  </si>
  <si>
    <t>гостевой домик д. Кушеванда ,Лоухский район, по дороге Лоухи- Суоперя</t>
  </si>
  <si>
    <t>Для индивидуальной жилой застройки</t>
  </si>
  <si>
    <t>Изба, лесной участок(оз.Пяозеро) Лоухский район, Лайдасалма</t>
  </si>
  <si>
    <t xml:space="preserve"> Ключникова Т. В.
</t>
  </si>
  <si>
    <t>Изба  лесной участок(оз.Пяозеро), Лоухский район</t>
  </si>
  <si>
    <t>Дыдалев Михаил Владимирович</t>
  </si>
  <si>
    <t>101800142785</t>
  </si>
  <si>
    <t>79.1 Деятельность туристических агентств и туроператоров</t>
  </si>
  <si>
    <t>лесной участок в аренду</t>
  </si>
  <si>
    <t>Изба (оз.Пяозеро), лесной участок(оз.Пяозеро), Лоухский район</t>
  </si>
  <si>
    <t>Миткевич Анатолий Андреевич</t>
  </si>
  <si>
    <t>510205775834</t>
  </si>
  <si>
    <t>Дополнительный вид деятельности: 79.90.2 Деятельность по предоставлению
экскурсионных туристических услуг</t>
  </si>
  <si>
    <t>Изба (оз.Пяозеро), Лоухский район</t>
  </si>
  <si>
    <t>Анкудинов Павел Владимирович</t>
  </si>
  <si>
    <t>101800801822</t>
  </si>
  <si>
    <t>79.90.2 Деятельность по предоставлению экскурсионных туристических услуг</t>
  </si>
  <si>
    <t>База Висасалми  остров на оз.Топозеро, Лоухский район</t>
  </si>
  <si>
    <t>Корнеев Андрей Валентинович</t>
  </si>
  <si>
    <t>101800374698</t>
  </si>
  <si>
    <t xml:space="preserve">Гостевые дома,  Лоухский район, д.Коккосалма </t>
  </si>
  <si>
    <t>Изба лесной участок(оз.Пяозеро) Лоухский район, Лайдасалма</t>
  </si>
  <si>
    <t>Леонтьев Игорь Иванович</t>
  </si>
  <si>
    <t>101800012151</t>
  </si>
  <si>
    <t>Изба лесной участок(оз.Пяозеро) Лайдасалма</t>
  </si>
  <si>
    <t>Кирикова Екатерина Владимировна</t>
  </si>
  <si>
    <t>101801519970</t>
  </si>
  <si>
    <t>Гостевые дома, 
 п.Пяозерский, ул.Дружбы, 18</t>
  </si>
  <si>
    <t>Кадастровый квартал 10:18:0020101, без координат границ, под ИЖС</t>
  </si>
  <si>
    <t>Изба  лесной участок(оз.Пяозеро) ,Лоухский район, Лайдасалма</t>
  </si>
  <si>
    <t>Тарасов Александр Владимирович</t>
  </si>
  <si>
    <t>101800023925</t>
  </si>
  <si>
    <t>на острове ничего строить нельзя, нет кадастровых номеров</t>
  </si>
  <si>
    <t>Изба  лесной участок(оз.Пяозеро) Лоухский район, Лайдасалма</t>
  </si>
  <si>
    <t>Никитин  Эдуард Вячеславович</t>
  </si>
  <si>
    <t>101800090135</t>
  </si>
  <si>
    <t>79.12 Деятельность туроператоров</t>
  </si>
  <si>
    <t>Дом 
(Изба )
Лоухский район, поселок Тунгозеро</t>
  </si>
  <si>
    <t xml:space="preserve">Дополнительные виды деятельности: 68.20.1 Аренда и управление собственным
или арендованным жилым недвижимым
имуществом    79.11 Деятельность туристических агентств          79.90.1 Деятельность по предоставлению
туристических информационных услуг
</t>
  </si>
  <si>
    <t>Изба
Лоухский район, кв.276 выдел 5 
(площадь 1 га)  (оз.Пяозеро), Лесной участок в аренду под рекреационную деятельность</t>
  </si>
  <si>
    <t>Еникеев Артур Маратович</t>
  </si>
  <si>
    <t>101801188302</t>
  </si>
  <si>
    <t>База отдыха «Аурелия»,
  Лоухский район, п.Чупа, ул.Заречная, д.82а</t>
  </si>
  <si>
    <t xml:space="preserve">Лангуев Леонид Данилович </t>
  </si>
  <si>
    <t>101800105550</t>
  </si>
  <si>
    <t>10:18:0050110:8, частная собственность, Зона индивидуально жилой застройки</t>
  </si>
  <si>
    <t>Изба № 412 оз. Корпиярви, Лоухский район</t>
  </si>
  <si>
    <t>Копосов Сергей Михайлович</t>
  </si>
  <si>
    <t>263401166161</t>
  </si>
  <si>
    <t>Изба № 330 расположена на материке рядом с устьем реки Софьянка и островом Талвишуари, Лоухский район</t>
  </si>
  <si>
    <t>Кемпинг, Лоухский район, урочище Кереть</t>
  </si>
  <si>
    <t>Ананенко Павел Александрович</t>
  </si>
  <si>
    <t>101800827500</t>
  </si>
  <si>
    <t>10:18:0060301:345, ЛПХ</t>
  </si>
  <si>
    <t>24.07.2023 состоялся телефонный разговор с Н.Поляковой по поводу жалоб местных жителей на туристов</t>
  </si>
  <si>
    <t>Гостиничный центр
«Полярный Круг» 
 (д.Нильмогуба), Лоухский район, д. Нильмогуба, ул. Полярная, д. 9</t>
  </si>
  <si>
    <t xml:space="preserve">ЗАО "Компания ПОЛЯРНЫЙ КРУГ" </t>
  </si>
  <si>
    <t>1018003406</t>
  </si>
  <si>
    <t>Присвоена категория: "без звёзд"
№ свидетельства 78/АА-034/799-2022
Срок действия свидетельства до 21 нояб. 2025 г</t>
  </si>
  <si>
    <t xml:space="preserve">10:18:0040601:254;
 10:18:0040601:6, земли населенных пунктов/площадки и базы отдыха;
10:18:0040601:30;
10:18:0040601:31;
10:18:0040601:241;
10:18:0040601:242;
10:18:0040601:243;
10:18:0040601:244;
10:18:0040601:245, земли населенных пунктов/для строительства туристического центра подводного плавания и экологического образования  зона рекрационного назначения
</t>
  </si>
  <si>
    <t>Гостиница, Лоухский район, 
 п.Лоухи, ул.Советская, д.83</t>
  </si>
  <si>
    <t>10:18:0010901:18, земли населенных пунктов, под здание конторы, общественно-деловая зона</t>
  </si>
  <si>
    <t>Гостиница «СОЛО», Лоухский район, п.Пяозерский, ул.Дружбы,33</t>
  </si>
  <si>
    <t xml:space="preserve">ООО «ЛИК"
</t>
  </si>
  <si>
    <t>1018004086</t>
  </si>
  <si>
    <t>10:18:0020101:48, земли населенных пунктов, под здание магазина, частная собственность, общественно-деловая зона</t>
  </si>
  <si>
    <t>Визит-центр «Прокопьевский»
 Лоухский район, п.Чупа, ул.Пионерская, дом 94</t>
  </si>
  <si>
    <t xml:space="preserve">МБУК «Горняк» </t>
  </si>
  <si>
    <t>1018003999</t>
  </si>
  <si>
    <t>Присвоена категория: "без звёзд"
№ свидетельства 10/АА-036/105-2022
Срок действия свидетельства до 24 дек. 2025 г</t>
  </si>
  <si>
    <t>10:18:0050101:324, земли населенных пунктов, общественно-деловая зона</t>
  </si>
  <si>
    <t>Хостел "Северяночка",  Лоухский район, пгт.Лоухи, ул.Шмагрина, д. 7а</t>
  </si>
  <si>
    <t xml:space="preserve">ООО "Каравай" </t>
  </si>
  <si>
    <t>1018004054</t>
  </si>
  <si>
    <t xml:space="preserve">Земли населенных пунктов, </t>
  </si>
  <si>
    <t>Гостевые дома д.Зашеек – база Niska, д.Зашеек
Туристский домик №1
Туристский домик №2
Туристский домик №3
Туристский домик №4
Туристский домик №5
Туристский домик №6
 Лоухский р-н м.р-н., ,Пяозерский пгт н.п., ,Зеленая ул элем. улично-дорожн.сети, д. 2А</t>
  </si>
  <si>
    <t>ООО «Вектор»</t>
  </si>
  <si>
    <t>1001180541</t>
  </si>
  <si>
    <t xml:space="preserve">Земли населенных пунктов, под тур.домик
10:18:0030201:38,
10:18:0030201:39,
10:18:0030201:40,
10:18:0030201:42,
10:18:0030201:43,
10:18:0030201:44  Зона рекреации (туризм)
</t>
  </si>
  <si>
    <t>Гостиница, Лоухский район, п. Пяозерский, ул. Молодежная, д. 5, пом. 37</t>
  </si>
  <si>
    <t>ООО "Север - Строй"</t>
  </si>
  <si>
    <t>1018003357</t>
  </si>
  <si>
    <t>земли населенных пунктов, частная собственность</t>
  </si>
  <si>
    <t>Лесная изба «Одиночка» оз.Пяозеро, Лоухский район, 33 км. от п.Пяозерский</t>
  </si>
  <si>
    <t xml:space="preserve">ООО "Карелия-Север  ТУР" </t>
  </si>
  <si>
    <t>1018005548</t>
  </si>
  <si>
    <t>Две лесные избы «Укон место»  оз.Пяозеро, Лоухский район, 30 км. от п.Пяозерский</t>
  </si>
  <si>
    <t>Лесная изба «Глухари», Лоухский район, оз.Пяозеро, 35 км. от п.Пяозерский</t>
  </si>
  <si>
    <t>Лесная изба «Медвежья губа» , Лоухский район</t>
  </si>
  <si>
    <t xml:space="preserve">Лесная изба «Гришина губа», Лоухский район 
</t>
  </si>
  <si>
    <t>Лесная изба «Брусника» , Лоухский район</t>
  </si>
  <si>
    <t>Коттедж «Пулонга»,  Лоухский район, д. Нижняя Пулонга, д. 20 8-921-222-88-86</t>
  </si>
  <si>
    <t xml:space="preserve">100115128320 </t>
  </si>
  <si>
    <t>Присвоена категория: "без звёзд"
№ свидетельства 55/037-2020
Срок действия свидетельства до 30 окт. 2023 г</t>
  </si>
  <si>
    <t>Гостевые дома, Лоухский район,  п.Чупа, ул. Слюдяная, д.15</t>
  </si>
  <si>
    <t xml:space="preserve">ООО "Кереть тур" </t>
  </si>
  <si>
    <t>1018003050</t>
  </si>
  <si>
    <t xml:space="preserve">Туристический центр Паанаярви",  Лоухский район, урочище Боровское
</t>
  </si>
  <si>
    <t xml:space="preserve">ООО «СП «Паанаярви»
</t>
  </si>
  <si>
    <t>10:18:0000000:28,земли особо охраняемых территорий и объектов,  Для размещения туристических баз, стационарных и палаточных туристско-оздоровительных лагерей, домов рыболова и охотника, детских туристических станций</t>
  </si>
  <si>
    <t>www.erakeskus.com</t>
  </si>
  <si>
    <t xml:space="preserve">База отдыха «Ципринга», Лоухский район, поселок Зашеек
</t>
  </si>
  <si>
    <t>Глэмпинг "Точка притяжения", Лоухский район, пгт. Чупа</t>
  </si>
  <si>
    <t>Лучин Роман Константинович</t>
  </si>
  <si>
    <t>101801804696</t>
  </si>
  <si>
    <t xml:space="preserve">55.30 Деятельность по предоставлению
мест для временного проживания в
кемпингах, жилых автофургонах и
туристических автоприцепах
</t>
  </si>
  <si>
    <t>Туристский приют Национального парка "Паанаярви", Лоухский район</t>
  </si>
  <si>
    <t>Федеральное государственное бюджетное учреждение «Национальный парк «Паанаярви»</t>
  </si>
  <si>
    <t>1018000959</t>
  </si>
  <si>
    <t>Гостиница (в виде корабля) 86673, Россия, Республика Карелия, Лоухский район, поселок Чкаловский, https://nereis.ru/otel, 8-921-452-40-62</t>
  </si>
  <si>
    <t>ООО "Нереис"</t>
  </si>
  <si>
    <t>1000009492</t>
  </si>
  <si>
    <t>планируют провести классификацию, работают сезонно</t>
  </si>
  <si>
    <t>Трехкомнатная квартира, Лоухский район,  пгт. Пяозерский, ул. Мира, д. 6, кв.7</t>
  </si>
  <si>
    <t>Зыбенский Ю. А.</t>
  </si>
  <si>
    <t>101800009342</t>
  </si>
  <si>
    <t xml:space="preserve"> 20.01.2021</t>
  </si>
  <si>
    <t>Гостевой дом Пяозерский Лоухский район, п.Пяозерский, ул.Лесная,1</t>
  </si>
  <si>
    <t xml:space="preserve">Чайковский Александр Петрович </t>
  </si>
  <si>
    <t>101800859607</t>
  </si>
  <si>
    <t>Проводится работа с НП</t>
  </si>
  <si>
    <t>База отдыха «Оружейник», п.Энгозеро Лоухский р-он , п. Энгозеро</t>
  </si>
  <si>
    <t>Рженик Н.А.</t>
  </si>
  <si>
    <t>710402268902 712800030081</t>
  </si>
  <si>
    <t>земли населённых пунктов, под ИЖС</t>
  </si>
  <si>
    <t>Изба (оз.Пяозеро), Лесной участок в аренду под рекреационную деятельность
кв.37 выдел 2.3 
(площадь 1 га)</t>
  </si>
  <si>
    <t xml:space="preserve">Костылев А.О. 
</t>
  </si>
  <si>
    <t>Гостевые дома п.Пяозерский, ул.Лесная</t>
  </si>
  <si>
    <t xml:space="preserve">Шевчук Александр Ярославович </t>
  </si>
  <si>
    <t xml:space="preserve">10:18:0020102:737
10:18:0020102:738
, земли населенных пунктов, под ИЖС, частная собственность
</t>
  </si>
  <si>
    <t xml:space="preserve">смена собственника </t>
  </si>
  <si>
    <t>Гостевые дома (оз.Пяозеро). +79210193247</t>
  </si>
  <si>
    <t xml:space="preserve"> Мещков И.А. (гостевой дом), ИНН 10180000872, ИП ликвидирован, собственник умер </t>
  </si>
  <si>
    <t>https://pyaozero-kareliya.ru/</t>
  </si>
  <si>
    <t>Изба, лесной участок(оз.Пяозеро) Лайдасалма</t>
  </si>
  <si>
    <t>Драпков Андрей Иванович, ИНН 101800019132</t>
  </si>
  <si>
    <t xml:space="preserve">Блажевич Н.П. (изба)
</t>
  </si>
  <si>
    <t xml:space="preserve">Кашин (изба)
</t>
  </si>
  <si>
    <t>Гостевые  дома, лесной участок (в районе п.Софпорог)</t>
  </si>
  <si>
    <t xml:space="preserve">Компания «АВАНТА-плюс» (г.Москва)(гостевые дома)
www.go-karelia.ru
</t>
  </si>
  <si>
    <t xml:space="preserve">требуют дополнительной проверки, налоговой исключены как недействующие, при этом предалагются на сайте http://www.pyaozero.ru </t>
  </si>
  <si>
    <t xml:space="preserve">Гостевой дом "Тунгозеро", п. Тунгозеро </t>
  </si>
  <si>
    <t>ИП Мирошка Е.А. ИНН 100122308941 - Мюллер Е.А., юр.адрес: г.Петрозаводск, ул.Ленинградская, 14-56</t>
  </si>
  <si>
    <t>ОВД: 79.11 - Деятельность туристических агенств</t>
  </si>
  <si>
    <t>Гостевые дома оз.Пяозеро, оз.Топозеро</t>
  </si>
  <si>
    <t xml:space="preserve">
Сайт: http://www.pyaozero.ru/ekskursii/razmecshenie-i-ceny/varianty-razmecshenija-i-ceny
</t>
  </si>
  <si>
    <t>Легализация туристических объектов в Костомушском городском округе</t>
  </si>
  <si>
    <t xml:space="preserve">Костомукшский городской округ </t>
  </si>
  <si>
    <t>Крестьянско-фермерское хозяйство «Кормило», Костомукша д. Вокнаволок</t>
  </si>
  <si>
    <t>10:04:0026502:189, 10:04:0026502:190, 10:04:0026502:191 - земли населенных пунктов; ВРИ - для индивидуального дачного строительства, для строительства 10:04:0026502:183, 10:04:0026502:187,  10:04:0026502:188, 10:04:0026502:193, 10:04:0026502:194, 10:04:0026502:931 - земли населенных пунктов; ВРИ - под личное подсобное хозяйство 10:04:0026502:932 - земли населенных пунктов; ВРИ - для строительства индивидуального жилого дома 10:04:0026502:143 - земли сельскохозяйственного назначения; ВРИ - под личное подсобное хозяйство</t>
  </si>
  <si>
    <t>гостевой дом "Маслята" РК, г.Костомукша, д.Вокнаволок, ул.Кириллова, д. 21</t>
  </si>
  <si>
    <t>Новиков Алексей Юрьевич</t>
  </si>
  <si>
    <t>100401902986</t>
  </si>
  <si>
    <t>10:04:0026501:240 - земли населенных пунктов; ВРИ -для ведения личного подсобного хозяйства</t>
  </si>
  <si>
    <t>гостевой дом Усадьба Куйтто РК, г.Костомукша, д.Вокнаволок, ул.Кириллова, д. 21А</t>
  </si>
  <si>
    <t>Гостиница "Норд" Костомукша, пр. Горняков 4 Б</t>
  </si>
  <si>
    <t>Галимова Ольга Геннадьевна</t>
  </si>
  <si>
    <t>100400989906</t>
  </si>
  <si>
    <t>Присвоена категория: "три звезды", № свидетельства 10/АА-036/092-2022 до 03.10.2025</t>
  </si>
  <si>
    <t>10:04:0010220:99, 10:04:0010220:100 - земли населенных пунктов; ВРИ - гостиничное обслуживание, магазины 10:04:0010220:795 - земли населенных пунктов; ВРИ - для размещения гостиницы 10:04:0010220:948 - земли населенных пунктов; ВРИ - для целей не связанных со строительством (благоустройство территории)</t>
  </si>
  <si>
    <t>Гостиница "Хозяюшка" г. Костомукша, б-р Лазарева, д.4</t>
  </si>
  <si>
    <t>Шалыгина Галина Даниловна</t>
  </si>
  <si>
    <t>100400124645</t>
  </si>
  <si>
    <t>Присвоена категория: "две звезды"
№ свидетельства 10/АА-036/093-2022 до 03.10.2025</t>
  </si>
  <si>
    <t>10:04:0010220:74 - земли населенных пунктов; ВРИ -  гостиничное обслуживание</t>
  </si>
  <si>
    <t>Гостевой дом   «Котиранта» г. Костомукша, ул. Октябрьская, д. 16/1</t>
  </si>
  <si>
    <t>Лехтинен Ольга Суловна</t>
  </si>
  <si>
    <t>100400036780</t>
  </si>
  <si>
    <t>10:04:0010218:36 - земли населенных пунктов; ВРИ - Для строительства объекта "Туристический мини - комплекс "Дом рыбака и охотника"</t>
  </si>
  <si>
    <t>Гостиница "Северное сияние" Костомукша ,ул. Антикайнена, д. 14А</t>
  </si>
  <si>
    <t>Самохвалов Максим Иванович</t>
  </si>
  <si>
    <t>781101312600</t>
  </si>
  <si>
    <t>10:04:0010217:449 - земли населенных пунктов; ВРИ - объекты временного пребывания граждан (гостиницы, кемпинги, мотели и иные подобные объекты)</t>
  </si>
  <si>
    <t xml:space="preserve">Гостинично-туристический комплекс "Подкова"  г. Костомукша, ул. Подкова, д. 2 </t>
  </si>
  <si>
    <t>Чмыхов Евгений Леонидович</t>
  </si>
  <si>
    <t>100402479001</t>
  </si>
  <si>
    <t>Присвоена категория: "без звёзд"
№ свидетельства 10/АА-036/097-2022
Срок действия свидетельства до 06 нояб. 2025 г</t>
  </si>
  <si>
    <t>10:04:0010301:197 - земли населенных пунктов; ВРИ - для размещения гостинично-туристического комплекса</t>
  </si>
  <si>
    <t xml:space="preserve">Чесноков Олег Николаевич </t>
  </si>
  <si>
    <t>100400020893</t>
  </si>
  <si>
    <t>Квартира, г. Костомукша, ул. Горняков, д.3, кв.26</t>
  </si>
  <si>
    <t>Квартира, г. Костомукша, ул. Мира д. 4, кв. 67</t>
  </si>
  <si>
    <t>Гостевой дом  "Лось"  г. Костомукша, 40 км от гл. дороги</t>
  </si>
  <si>
    <t>Первушкина Олеся Анатольевна</t>
  </si>
  <si>
    <t>100401470133</t>
  </si>
  <si>
    <t>Гостевой дом "Олень", г.                Костомукша, 40 км от гл. дороги</t>
  </si>
  <si>
    <t xml:space="preserve"> Воробьев Виктор Владимирович</t>
  </si>
  <si>
    <t>472000130200</t>
  </si>
  <si>
    <t>Гостиничный комплекс  "Фрегат" г.Костомукша, Приграничное шоссе, 13</t>
  </si>
  <si>
    <t xml:space="preserve">ООО "Фрегат+"  </t>
  </si>
  <si>
    <t>1004019639</t>
  </si>
  <si>
    <t>Присвоена категория: "одна звезда"
№ свидетельства 10/АА-063/134-2023
Срок действия свидетельства до 31 авг. 2026 г</t>
  </si>
  <si>
    <t xml:space="preserve">10:04:0010201:11 - земли промышленности и иного специального назначения; ВРИ -  
для размещения автокемпинга </t>
  </si>
  <si>
    <t>Гостиница ОАЗИС РК, г.Костомукша, ул.Мира7/2</t>
  </si>
  <si>
    <t xml:space="preserve">ООО "Пальмали" </t>
  </si>
  <si>
    <t>1006027378</t>
  </si>
  <si>
    <t>10:04:0010206:374 - земли населенных пунктов, ВРИ - для проектирования и строительства кафе-клуба</t>
  </si>
  <si>
    <t>Хостел "Хаски", г.Костомукша, пр.Горняков, д. 2а, 8-81459-73-874, 8-981-402-93-77</t>
  </si>
  <si>
    <t>МБУ "Муниципальный архив и Центральна библиотека Костомукшского муниципального округа"</t>
  </si>
  <si>
    <t>1004009800</t>
  </si>
  <si>
    <t>Присвоена категория: "без звёзд"
№ свидетельства 10/АА-036/103-2022
Срок действия свидетельства до 19 дек. 2025 г</t>
  </si>
  <si>
    <t>Гостевой дом 186932, Карелия Республика, Костомукша г., ул. Брусничная,д. 22</t>
  </si>
  <si>
    <t>Ибрагимова Эльмира Магомедовна</t>
  </si>
  <si>
    <t>Квартира, г. Костомукша, Первомайская ул, д. 10, кв. 55</t>
  </si>
  <si>
    <t>Ананин Вадим Николаевич</t>
  </si>
  <si>
    <t>100402738295</t>
  </si>
  <si>
    <t>Квартира, г. Костомукша, ул. Ленина, д. 11, кв. 80</t>
  </si>
  <si>
    <t xml:space="preserve">Штепа Сергей Николаевич </t>
  </si>
  <si>
    <t>Дополнительные виды деятельности:  55.20 Деятельность по предоставлению
мест для краткосрочного проживания            55.90 Деятельность по предоставлению прочих мест для временного проживания</t>
  </si>
  <si>
    <t>Дополнительные виды деятельности:  55.10 Деятельность гостиниц и прочих мест для временного проживания;        55.20 Деятельность по предоставлению
мест для краткосрочного проживания            55.90 Деятельность по предоставлению прочих мест для временного проживания</t>
  </si>
  <si>
    <t xml:space="preserve">Дополнительные виды деятельности:  55.1 Деятельность гостиниц и прочих мест для временного проживания;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t>
  </si>
  <si>
    <t>Дополнительные виды деятельности:       55.20 Деятельность по предоставлению
мест для краткосрочного проживания           55.90 Деятельность по предоставлению прочих мест для временного проживания</t>
  </si>
  <si>
    <t>Дополнительный вид деятельности:     55.90 Деятельность по предоставлению прочих мест для временного проживания</t>
  </si>
  <si>
    <t>Дополнительные виды деятельности:  55.10 Деятельность гостиниц и прочих мест для временного проживания;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si>
  <si>
    <t>База отдыха  «13-й Кордон»  п.Салми, ул.Зеленая Деятельность приостановлена</t>
  </si>
  <si>
    <t xml:space="preserve">Дополнительные виды деятельности:  55.10 Деятельность гостиниц и прочих мест для временного проживания;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t>
  </si>
  <si>
    <t xml:space="preserve">Дополнительные виды деятельности: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t>
  </si>
  <si>
    <t>Дополнительные виды деятельности:     55.20 Деятельность по предоставлению
мест для краткосрочного проживания           55.90 Деятельность по предоставлению прочих мест для временного проживания</t>
  </si>
  <si>
    <t>Дополнительные виды деятельности: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si>
  <si>
    <t xml:space="preserve">Дополнительные виды деятельности:  55.10 Деятельность гостиниц и прочих мест для временного проживания;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t>
  </si>
  <si>
    <t>Дополнительные виды деятельности:  55.10 Деятельность гостиниц и прочих мест для временного проживания;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si>
  <si>
    <t>Дополнительные виды деятельности:  55.10 Деятельность гостиниц и прочих мест для временного проживания;                 55.90 Деятельность по предоставлению прочих мест для временного проживания</t>
  </si>
  <si>
    <t>временно не работают в связи с ремонтом базы, далее будет регистрироваться заново Исключена 10.03.2023</t>
  </si>
  <si>
    <t xml:space="preserve">Дополнительные виды деятельности:  55.10 Деятельность гостиниц и прочих мест для временного проживания;        55.20 Деятельность по предоставлению
мест для краткосрочного проживания      </t>
  </si>
  <si>
    <t>Дополнительные виды деятельности:      55.20 Деятельность по предоставлению
мест для краткосрочного проживания          55.90 Деятельность по предоставлению прочих мест для временного проживания</t>
  </si>
  <si>
    <t>Дополнительные виды деятельности: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si>
  <si>
    <t xml:space="preserve">Дополнительные виды деятельности:  55.10 Деятельность гостиниц и прочих мест для временного проживания;        55.20 Деятельность по предоставлению
мест для краткосрочного проживания         </t>
  </si>
  <si>
    <r>
      <rPr>
        <b/>
        <sz val="11"/>
        <rFont val="Calibri"/>
        <family val="2"/>
        <charset val="204"/>
        <scheme val="minor"/>
      </rPr>
      <t>на move.ru</t>
    </r>
    <r>
      <rPr>
        <sz val="11"/>
        <rFont val="Calibri"/>
        <family val="2"/>
        <charset val="204"/>
        <scheme val="minor"/>
      </rPr>
      <t xml:space="preserve"> https://kareliya.move.ru/objects/sdaetsya_5-komnatnaya_kottedji_na_sutki_ploschadyu_168_kvm_ploschadyu_11_sotok_kareliya_pryajinskiy_chalninskoe_vidany_ul_krupskoy_22_6901207459/</t>
    </r>
  </si>
  <si>
    <r>
      <rPr>
        <b/>
        <sz val="11"/>
        <rFont val="Calibri"/>
        <family val="2"/>
        <charset val="204"/>
        <scheme val="minor"/>
      </rPr>
      <t xml:space="preserve">move.ru </t>
    </r>
    <r>
      <rPr>
        <sz val="11"/>
        <rFont val="Calibri"/>
        <family val="2"/>
        <charset val="204"/>
        <scheme val="minor"/>
      </rPr>
      <t>https://kareliya.move.ru/objects/sdaetsya_3-komnatnaya_kottedji_na_sutki_ploschadyu_54_kvm_ploschadyu_10_sotok_kareliya_pryajinskiy_pryajinskoe_pryaja_naberejnaya_ul_14_6900260077/</t>
    </r>
  </si>
  <si>
    <r>
      <rPr>
        <b/>
        <sz val="11"/>
        <rFont val="Calibri"/>
        <family val="2"/>
        <charset val="204"/>
        <scheme val="minor"/>
      </rPr>
      <t xml:space="preserve"> move.ru</t>
    </r>
    <r>
      <rPr>
        <sz val="11"/>
        <rFont val="Calibri"/>
        <family val="2"/>
        <charset val="204"/>
        <scheme val="minor"/>
      </rPr>
      <t xml:space="preserve"> https://kareliya.move.ru/objects/sdaetsya_1-komnatnaya_kottedji_na_sutki_ploschadyu_56_kvm_ploschadyu_17_sotok_kareliya_pryajinskiy_essoylskoe_syapsya_ul_1_maya_28_6900160702/</t>
    </r>
  </si>
  <si>
    <r>
      <rPr>
        <b/>
        <sz val="11"/>
        <rFont val="Calibri"/>
        <family val="2"/>
        <charset val="204"/>
        <scheme val="minor"/>
      </rPr>
      <t>move.ru</t>
    </r>
    <r>
      <rPr>
        <sz val="11"/>
        <rFont val="Calibri"/>
        <family val="2"/>
        <charset val="204"/>
        <scheme val="minor"/>
      </rPr>
      <t xml:space="preserve"> https://kareliya.move.ru/objects/sdaetsya_3-komnatnaya_kottedji_na_sutki_ploschadyu_70_kvm_ploschadyu_14_sotok_kareliya_pryajinskiy_essoylskoe_essoyla_ul_stroiteley_16_6897474686/</t>
    </r>
  </si>
  <si>
    <r>
      <rPr>
        <b/>
        <sz val="11"/>
        <rFont val="Calibri"/>
        <family val="2"/>
        <charset val="204"/>
        <scheme val="minor"/>
      </rPr>
      <t>НА ТВИЛ</t>
    </r>
    <r>
      <rPr>
        <sz val="11"/>
        <rFont val="Calibri"/>
        <family val="2"/>
        <charset val="204"/>
        <scheme val="minor"/>
      </rPr>
      <t xml:space="preserve"> - https://tvil.ru/city/jessojla/houses/1239990/</t>
    </r>
  </si>
  <si>
    <r>
      <rPr>
        <b/>
        <sz val="11"/>
        <rFont val="Calibri"/>
        <family val="2"/>
        <charset val="204"/>
        <scheme val="minor"/>
      </rPr>
      <t>НА ТВИЛ</t>
    </r>
    <r>
      <rPr>
        <sz val="11"/>
        <rFont val="Calibri"/>
        <family val="2"/>
        <charset val="204"/>
        <scheme val="minor"/>
      </rPr>
      <t xml:space="preserve"> https://tvil.ru/city/jessojla/camps/1305801/</t>
    </r>
  </si>
  <si>
    <t xml:space="preserve">Дополнительные виды деятельности:  55.10 Деятельность гостиниц и прочих мест для временного проживания;             55.30 Деятельность по предоставлению
мест для временного проживания в
кемпингах, жилых автофургонах и
туристических автоприцепах       </t>
  </si>
  <si>
    <t xml:space="preserve">     55.90 Деятельность по предоставлению прочих мест для временного проживания</t>
  </si>
  <si>
    <t>Дополнительные виды деятельности: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si>
  <si>
    <t xml:space="preserve">Дополнительные виды деятельности: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t>
  </si>
  <si>
    <t>Дополнительные виды деятельности:  55.1 Деятельность гостиниц и прочих мест для временного проживания;           55.2 Деятельность по предоставлению
мест для краткосрочного проживания</t>
  </si>
  <si>
    <t>Дополнительные виды деятельности:  55.10 Деятельность гостиниц и прочих мест для временного проживания;               55.90 Деятельность по предоставлению прочих мест для временного проживания</t>
  </si>
  <si>
    <t>Дополнительные виды деятельности:  55.10 Деятельность гостиниц и прочих мест для временного проживания;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si>
  <si>
    <t xml:space="preserve">Дополнительные виды деятельности:  55.10 Деятельность гостиниц и прочих мест для временного проживания;        55.20 Деятельность по предоставлению
мест для краткосрочного проживания       </t>
  </si>
  <si>
    <t xml:space="preserve">79.90 Услуги по бронированию прочие и
сопутствующая деятельность. Дополнительные виды деятельности:  55.10,55.20 ,55.30, 55.90 </t>
  </si>
  <si>
    <t>Места</t>
  </si>
  <si>
    <t>Кол-во номеров</t>
  </si>
  <si>
    <t>Питкярантский муниципальный округ</t>
  </si>
  <si>
    <t>Калевальский национальный район</t>
  </si>
  <si>
    <t>Костомукшский городской округ</t>
  </si>
  <si>
    <t>Петрозаводскский городской округ</t>
  </si>
  <si>
    <t xml:space="preserve">кол-во </t>
  </si>
  <si>
    <t>% от общего числа объектов</t>
  </si>
  <si>
    <t xml:space="preserve">% от общего числа объектов </t>
  </si>
  <si>
    <t xml:space="preserve">Итого субъектов </t>
  </si>
  <si>
    <t xml:space="preserve">Итого объектов </t>
  </si>
  <si>
    <t xml:space="preserve">Легальные туристические объекты </t>
  </si>
  <si>
    <t xml:space="preserve">Городские округа, муниципальные районы (в алфавитном порядке) </t>
  </si>
  <si>
    <t>Сводная таблица по легализации туристических объектов (текущие данные)</t>
  </si>
  <si>
    <t>Присвоенная категория (звездность): Две звезды №10/АА-063/136-2023 Срок действия: до 12 сент. 2026 г.</t>
  </si>
  <si>
    <t>Присвоена категория: "три звезды"
№ свидетельства №77/АА-94/А-610-20224
Срок действия свидетельства до 22 апреля 2027 г.</t>
  </si>
  <si>
    <t>Присвоена категория: "одна звезда"
№ свидетельства №77/АА-94/А-613-2024
Срок действия свидетельства до 24 апр. 2027 г</t>
  </si>
  <si>
    <t>База отдыха "Марциальные ключи" Кондопожский район, д. Верхняя Ламба  4 км от курорта «Марциальные воды»</t>
  </si>
  <si>
    <t>Присвоена категория: "без звёзд"
№ свидетельства 77/А10-00130-77/01216258/903-2024
Срок действия свидетельства до 07 июл. 2027 г.</t>
  </si>
  <si>
    <t>Присвоена категория: "три звезды"
№ свидетельства 77/АА-115-2021/282-2-2023
Срок действия свидетельства до 10 дек. 2026 г</t>
  </si>
  <si>
    <t>Присвоена категория: "без звёзд"
№ свидетельства 77/АА-139-2021/812-2023
Срок действия свидетельства до 28 дек. 2026 г</t>
  </si>
  <si>
    <t>Присвоена категория: "две звезды"
№ свидетельства 10/АА-063-2022/156-2024
Срок действия свидетельства до 18 марта 2027 г</t>
  </si>
  <si>
    <t>База отдыха «Длинный берег» г.Питкяранта, ул.Ленина, д.151</t>
  </si>
  <si>
    <t>Присвоена категория: "без звёзд"
№ свидетельства 47/АА-051-2022/022-2024
Срок действия свидетельства до 04 июля 2027 г</t>
  </si>
  <si>
    <t>Присвоена категория: "без звёзд"
№ свидетельства 10/АА-063-2022/160-2024
Срок действия свидетельства до 26 мая 2027 г</t>
  </si>
  <si>
    <t>ВДОВЕНКО МАРИЯ АНАТОЛЬЕВНА</t>
  </si>
  <si>
    <t>100702173247</t>
  </si>
  <si>
    <t xml:space="preserve">https://omarand.ru/ </t>
  </si>
  <si>
    <t>фл</t>
  </si>
  <si>
    <t>Классификация</t>
  </si>
  <si>
    <t>кол-во</t>
  </si>
  <si>
    <t>Присвоена категория: "три звезды"
№ свидетельства о присвоении гостинице определенной категории:10/АА-063-2022/173-2024Срок действия свидетельства:01.11.2027</t>
  </si>
  <si>
    <t>Присвоенная категория (звездность): Без звезд Номер свидетельства: 10/АА-063-2022/178-2024
Дата выдачи свидетельства:11.11.2024
Срок действия:11.11.2027</t>
  </si>
  <si>
    <t>Присвоенная категория (звездность): Без звезд  Номер свидетельства: 77/А010-00130-77/01203175/298-2024
Дата выдачи свидетельства:28.10.2024
Срок действия:27.10.2027</t>
  </si>
  <si>
    <t>781903928672</t>
  </si>
  <si>
    <t>Туристический комплекс "Ригола", местечко Телкинниэми, Д.6 Сортавала, +7 (921) 800-88-99</t>
  </si>
  <si>
    <t>Присвоенная категория (звездность): Без звезд Номер свидетельства: 47/AA-051-2022/038-2024
Дата выдачи свидетельства:25.10.2024
Срок действия:24.10.2027</t>
  </si>
  <si>
    <t>ООО «Стройторг»</t>
  </si>
  <si>
    <t>1018003580</t>
  </si>
  <si>
    <t>Присвоенная категория (звездность): Без звезд Номер свидетельства: 10/АА-063-2022/184-2024
Дата выдачи свидетельства:18.11.2024
Срок действия:18.11.2027</t>
  </si>
  <si>
    <t>Присвоенная категория (звездность): Без звезд  Номер свидетельства: 10/АА-063-2022/169-2024
Дата выдачи свидетельства:01.11.2024
Срок действия:01.11.2027</t>
  </si>
  <si>
    <t>Отель ул. Ленана, д. 31а</t>
  </si>
  <si>
    <t>деятельность не ведется</t>
  </si>
  <si>
    <t>Присвоенная категория (звездность): Три звезды 10/АА-063-2022/209-2024
Дата выдачи свидетельства:11.11.2024
Срок действия:11.11.2027</t>
  </si>
  <si>
    <t>Присвоенная категория (звездность): Четыре звезды
Номер свидетельства: 77/А010-00130-77/01205730/91-2024
Дата выдачи свидетельства:12.11.2024
Срок действия:11.11.2027</t>
  </si>
  <si>
    <t>Присвоенная категория (звездность): Три звезды
Номер свидетельства: 47/AA-051-2022/056-2024
Дата выдачи свидетельства:27.12.2024
Срок действия:27.12.2027</t>
  </si>
  <si>
    <t>Присвоенная категория (звездность): Без звезд
Номер свидетельства: 10/АА-063-2022/205-2024
Дата выдачи свидетельства:02.12.2024
Срок действия:02.12.2027</t>
  </si>
  <si>
    <t>Гостиница "Home sweet home"  Г. Петрозаводск, ул. Маршала Мерецкого, д. 7</t>
  </si>
  <si>
    <t>1020008313</t>
  </si>
  <si>
    <t>Присвоенная категория (звездность): Без звезд
Номер свидетельства: 10/АА-063-2022/204-2024
Дата выдачи свидетельства:04.12.2024
Срок действия:04.12.2027</t>
  </si>
  <si>
    <t>1001035103</t>
  </si>
  <si>
    <t>Присвоенная категория (звездность): Без звезд
Номер свидетельства: 10/АА-063-2022/213-2024
Дата выдачи свидетельства:20.12.2024
Срок действия:20.12.2027</t>
  </si>
  <si>
    <t>Присвоенная категория (звездность): Четыре звезды
Номер свидетельства: 10/АА-063-2022/225-2024
Дата выдачи свидетельства:24.12.2024
Срок действия:24.12.2027</t>
  </si>
  <si>
    <t>Кристалл</t>
  </si>
  <si>
    <t>1016042270</t>
  </si>
  <si>
    <t>10:16:0080302:30, 10:16:0080302:66, 10:16:0080302:68, 10:16:0080302:174</t>
  </si>
  <si>
    <t>Дом, г. Суоярви, Карьерный переулок, 5-2</t>
  </si>
  <si>
    <t>Евсеева Евгения Григорьевна</t>
  </si>
  <si>
    <t>10:16:0010510:154</t>
  </si>
  <si>
    <t>на окт нет ни ИП ни НПД</t>
  </si>
  <si>
    <t>ЮЛ ИП</t>
  </si>
  <si>
    <t>№</t>
  </si>
  <si>
    <t>Присвоенная категория (звездность): Две звезды
Свидетельство о присвоении гостинице определенной категории
Номер свидетельства: 10/АА-063-2022/188-2024
Дата выдачи свидетельства:25.12.2024
Срок действия:25.12.2027</t>
  </si>
  <si>
    <t>Присвоенная категория (звездность): Две звезды
Свидетельство о присвоении гостинице определенной категории
Номер свидетельства: 10/АА-063-2022/183-2024
Дата выдачи свидетельства:03.12.2024
Срок действия:03.12.2027</t>
  </si>
  <si>
    <t>Амосова Мария Алексеевна ООО Белое море</t>
  </si>
  <si>
    <t>Присвоенная категория (звездность): Без звезд
Свидетельство о присвоении гостинице определенной категории
Номер свидетельства: 77/АА-87/211964-2024
Дата выдачи свидетельства:30.12.2024
Срок действия:30.12.2027</t>
  </si>
  <si>
    <t>КСР</t>
  </si>
  <si>
    <t>КСр</t>
  </si>
  <si>
    <t>119</t>
  </si>
  <si>
    <t>Квартира \г. Костомукша, ул. Мира д. 10, кв. 51</t>
  </si>
  <si>
    <t>Присвоенная категория (звездность): Две звезды
Свидетельство о присвоении гостинице определенной категории
Номер свидетельства: 10/АА-063-2022/199-2024
Дата выдачи свидетельства:11.12.2024
Срок действия:11.12.2027</t>
  </si>
  <si>
    <t>Хутoр Уpочище Kивиньеми п. Лоймола, Гостевой Дом 120 кв.м.</t>
  </si>
  <si>
    <t>Гостевой дом Дом 60 м2 СТ Энергетик, Республика Карелия, Суоярвский район, урочище "Бродное", СТ "Энергетик".</t>
  </si>
  <si>
    <t>Туристская база "Парк-отель "Сямозерье" Республика Карелия, р-н Пряжинский, д. Алекка, 67-й км. Автодороги, полуостров Азаннаволок</t>
  </si>
  <si>
    <t>Категория средства размещения:
три звезды
Присвоенный тип средства размещения:
Гостиница
Дата решения:
25.12.2024
Номер решения:
055-24</t>
  </si>
  <si>
    <t>Категория средства размещения:
две звезды
Присвоенный тип средства размещения:
Гостиница
Дата решения:
25.12.2024</t>
  </si>
  <si>
    <t>ведомственное общежитие для сотрудников национального парка "Водлозерский"</t>
  </si>
  <si>
    <t>100113543434</t>
  </si>
  <si>
    <r>
      <t>Бутик-отель «13 стульев», 185035, Республика Карелия, г. Петрозаводск, набережная Неглинская, д. 13, кв. 2 Телефон: +7(8142) 77-45-99,</t>
    </r>
    <r>
      <rPr>
        <sz val="11"/>
        <color rgb="FFFF0000"/>
        <rFont val="Times New Roman"/>
        <family val="1"/>
        <charset val="204"/>
      </rPr>
      <t xml:space="preserve"> +7(8142) 77-45-99</t>
    </r>
    <r>
      <rPr>
        <sz val="11"/>
        <rFont val="Times New Roman"/>
        <family val="1"/>
        <charset val="204"/>
      </rPr>
      <t xml:space="preserve">
Факс: нет
E-mail: luxkarelia@gmail.com
Адрес сайта:</t>
    </r>
    <r>
      <rPr>
        <sz val="11"/>
        <color rgb="FFFF0000"/>
        <rFont val="Times New Roman"/>
        <family val="1"/>
        <charset val="204"/>
      </rPr>
      <t xml:space="preserve"> www.13hotel.ru</t>
    </r>
  </si>
  <si>
    <t>Присвоена категория: "четыре звезды"
№ свидетельства 10/АА-063/131-2023
Срок действия свидетельства до 20 авг. 2026 г</t>
  </si>
  <si>
    <r>
      <t xml:space="preserve">Гостиница «Саквояж», 185035, Республика Карелия,  г. Петрозаводск, ул. Свердлова, д. 10                                      Телефон: +7(8142) 76-16-61, </t>
    </r>
    <r>
      <rPr>
        <sz val="11"/>
        <color rgb="FFFF0000"/>
        <rFont val="Times New Roman"/>
        <family val="1"/>
        <charset val="204"/>
      </rPr>
      <t>+78142777858</t>
    </r>
    <r>
      <rPr>
        <sz val="11"/>
        <rFont val="Times New Roman"/>
        <family val="1"/>
        <charset val="204"/>
      </rPr>
      <t xml:space="preserve">
Факс: нет
E-mail: rk-hotel@mail.ru
Адрес сайта: www.rk-hotel.ru</t>
    </r>
  </si>
  <si>
    <t>вывески нет</t>
  </si>
  <si>
    <t>Присвоена категория: "две звезды"
№ свидетельства 10/АА-063/130-2023
Срок действия свидетельства до 05 авг. 2026 г</t>
  </si>
  <si>
    <t xml:space="preserve"> Присвоена категория: "без звёзд" </t>
  </si>
  <si>
    <t>Присвоена категория: "без звёзд"
Срок действия самооценки до 02 апреля 2028 г</t>
  </si>
  <si>
    <t xml:space="preserve">Nord Camping Петрозаводск, 185005, Республика Карелия, г. Петрозаводск, ул. Ригачина, д. 3       Телефон: 8 (911) 052-55-57
Факс:
E-mail: nordcamping10@gmail.com
</t>
  </si>
  <si>
    <r>
      <t>Гостиница «Фрегат», 185035, Республика Карелия,  г. Петрозаводск, пр-кт. К. Маркса, д. 1/а                                          Телефон: +7 (8142) 594203,</t>
    </r>
    <r>
      <rPr>
        <sz val="11"/>
        <rFont val="Times New Roman"/>
        <family val="1"/>
        <charset val="204"/>
      </rPr>
      <t xml:space="preserve">
Факс:
E-mail: hotel@fregatfamily.com
Адрес сайта:  https://frigatehotel.ru/</t>
    </r>
  </si>
  <si>
    <t>ООО «Фрегат Сервис»</t>
  </si>
  <si>
    <r>
      <t xml:space="preserve">Присвоена категория: "четыре звезды"
</t>
    </r>
    <r>
      <rPr>
        <sz val="11"/>
        <color theme="1"/>
        <rFont val="Times New Roman"/>
        <family val="1"/>
        <charset val="204"/>
      </rPr>
      <t>Срок действия свидетельства до 03.03.2027</t>
    </r>
  </si>
  <si>
    <r>
      <t xml:space="preserve">Присвоена категория: "три звезды"
№ свидетельства 47/2/173-2022
Срок действия свидетельства до 12 сент. 2025 г </t>
    </r>
    <r>
      <rPr>
        <sz val="11"/>
        <color rgb="FFFF0000"/>
        <rFont val="Times New Roman"/>
        <family val="1"/>
        <charset val="204"/>
      </rPr>
      <t>Самооценка до 18.06.2028</t>
    </r>
  </si>
  <si>
    <r>
      <t xml:space="preserve">Присвоена категория: "три звезды"
№ свидетельства 47/2/174-2022
Срок действия свидетельства до 12 сент. 2025 г </t>
    </r>
    <r>
      <rPr>
        <sz val="11"/>
        <color rgb="FFFF0000"/>
        <rFont val="Times New Roman"/>
        <family val="1"/>
        <charset val="204"/>
      </rPr>
      <t>Самооценка до 05.06.2028</t>
    </r>
  </si>
  <si>
    <r>
      <t>Гостиница «Петрозаводск»,185035, Республика Карелия, г. Петрозаводск, ул. Красная, д.28,    помещ. 2   Телефон: +7(8142) 77-98-77,</t>
    </r>
    <r>
      <rPr>
        <sz val="11"/>
        <color rgb="FFFF0000"/>
        <rFont val="Times New Roman"/>
        <family val="1"/>
        <charset val="204"/>
      </rPr>
      <t xml:space="preserve"> +79114005646</t>
    </r>
    <r>
      <rPr>
        <sz val="11"/>
        <rFont val="Times New Roman"/>
        <family val="1"/>
        <charset val="204"/>
      </rPr>
      <t xml:space="preserve">
Факс: -
E-mail: manager@hostels-ptz.ru, </t>
    </r>
    <r>
      <rPr>
        <sz val="11"/>
        <color rgb="FFFF0000"/>
        <rFont val="Times New Roman"/>
        <family val="1"/>
        <charset val="204"/>
      </rPr>
      <t>manager@otel-petrozavodsk.ru</t>
    </r>
    <r>
      <rPr>
        <sz val="11"/>
        <rFont val="Times New Roman"/>
        <family val="1"/>
        <charset val="204"/>
      </rPr>
      <t xml:space="preserve">
Адрес сайта: www.petrohostel.ru </t>
    </r>
  </si>
  <si>
    <r>
      <t xml:space="preserve">Присвоена категория: "три звезды"
№ свидетельства 47/2/172-2022
Срок действия свидетельства до 12 сент. 2025 г </t>
    </r>
    <r>
      <rPr>
        <sz val="11"/>
        <color rgb="FFFF0000"/>
        <rFont val="Times New Roman"/>
        <family val="1"/>
        <charset val="204"/>
      </rPr>
      <t>Самооценка до 05.06.202</t>
    </r>
    <r>
      <rPr>
        <sz val="11"/>
        <rFont val="Times New Roman"/>
        <family val="1"/>
        <charset val="204"/>
      </rPr>
      <t>8</t>
    </r>
  </si>
  <si>
    <t>Мини-отель Аппартаменты от банного клуба на Лесной Петрозаводск, ул. Л. Чайкиной, 10А</t>
  </si>
  <si>
    <t>ДЫХАНИЕ ЛЕСА?</t>
  </si>
  <si>
    <t xml:space="preserve">Гостиница "Уют", г.Петрозаводск, ул.Крылова,д.6, телефон: +79052999080, сайт: http://уют10.рф, почта:89052999080@mail.ru </t>
  </si>
  <si>
    <t>Отель "Лахти", г. Петрозаводск, ул.Ригачина, д.7а, телефон: +7 (952) 206-00-08, сайт 
www.lahtitur.ru, почта: hotel@lahtitur.ru</t>
  </si>
  <si>
    <t>Присвоена категория: "три звезды"
Срок действия свидетельства до 19 декабря 2027</t>
  </si>
  <si>
    <t>ИП РУБАН ИГОРЬ ЮРЬЕВИЧ</t>
  </si>
  <si>
    <t>100112010017</t>
  </si>
  <si>
    <t xml:space="preserve">68.20 Аренда и управление собственным или арендованным недвижимым имуществом Дополнительный вид: 55.10 Деятельность гостиниц и прочих мест
для временного проживания
</t>
  </si>
  <si>
    <t>Присвоена категория: "две звезды"
Срок действия свидетельства до 27.09.2026</t>
  </si>
  <si>
    <t>Присвоена категория "две звезды" Свидетельство до 14.12.2026</t>
  </si>
  <si>
    <t>На сайте указан ИНН 1001025468 (в ЕГРЮЛ нет такого)</t>
  </si>
  <si>
    <t>Гостиница "Кивач" Петрозаводск, Вытегорское шоссе, 54, Телефон: 8(8142)57-82-47 Почта: sertif@onego.ru</t>
  </si>
  <si>
    <t>Гостевые дома «Taleo Home» г. Петрозаводск, ул. Пришвина, д. 23к4</t>
  </si>
  <si>
    <t>ООО ФИРМА "ЛОТОС-ЛЮКС"</t>
  </si>
  <si>
    <t>1001075723</t>
  </si>
  <si>
    <t>Отель "Лайм" Петрозаводск, ул. Дзержинского, 11, Телефон : +79535278373, сайт: www.lime-ptz.ru, почта: limehotel-ptz@yandex.ru</t>
  </si>
  <si>
    <t>Мини-Отель на Парковой, г.Петрозаводск, ул.Парковая, дом 56А, телефон: +7 9317025966, сайт: hotel-ptz.ru, почта: Julie.m84@mail.ru</t>
  </si>
  <si>
    <t>Присвоена категория: "две звезды"
Срок действия свидетельства до 11 дек. 2027 г</t>
  </si>
  <si>
    <t>на официальной странице ВК, запись о том, что дом закрыт</t>
  </si>
  <si>
    <t>у данного ЮР лица дата прекращения деятедьности 09.11.2011</t>
  </si>
  <si>
    <t>Гостевой дом "Привал" (г. Петрозаводск, ул. Перевалочная, 24)</t>
  </si>
  <si>
    <t>Получить выписку</t>
  </si>
  <si>
    <t xml:space="preserve">Получить справку,запись на странице </t>
  </si>
  <si>
    <t>Мини-гостиница Соня Сулажгорская улица 4 корпус 1, тел. 8-981-907-03-84 https://vk.link/sonayptz</t>
  </si>
  <si>
    <t>Хостел "Облако" Фрунзе, 14Б​
Перевалка-3 м-н, Перевалка район, Петрозаводск, 185002 +7‒906‒208‒89‒07
+7‒900‒456‒67‒69, почта: heter2002@mail.ru</t>
  </si>
  <si>
    <t>Апартаменты Бунинъ, г. Петрозаводск, ул. Ф. Энгельса, д. 17, телефон: +7 (921) 621-66-76, почта: apartbunin@yandex.ru</t>
  </si>
  <si>
    <t xml:space="preserve">ООО "Корпорация "Фолиум" </t>
  </si>
  <si>
    <t xml:space="preserve">Мини-гостиница "Home Sweet Home". г. Петрозаводск, ул. Маршала Мерецкого, д. 7, 8-953-531-41-66, E-mail: metr-13@mail.ru
Телефон: +7 9114038813
</t>
  </si>
  <si>
    <t>"Корпорация "Фолиум"</t>
  </si>
  <si>
    <t>55.10 - Деятельность гостиниц и прочих мест для
временного проживания
или арендованным нежилым недвижимым
имуществом</t>
  </si>
  <si>
    <t>Без звезд. 10/АА-063-2022/204-2024
Дата выдачи свидетельства:04.12.2024
Срок действия:04.12.2027</t>
  </si>
  <si>
    <t>Присвоена категория "три звезды" до 21.04.2027</t>
  </si>
  <si>
    <t>Гостевой дом Lempi, Вытегорское ш., 16, Петрозаводск</t>
  </si>
  <si>
    <t>Хостел «СШОР №3», телефон (8142) 76-28-33, почта:sprint3@bk.ru</t>
  </si>
  <si>
    <t>МУ ДО "СШОР №3" оперативное управление</t>
  </si>
  <si>
    <t>Дополнительный вид деятельности: 55.10 Деятельность гостиниц и прочих мест для временного проживания</t>
  </si>
  <si>
    <t>Дизайн-Апартаменты "Онего" г. Петрозаводск, ул. Федосовой, д. 31, пом. 13</t>
  </si>
  <si>
    <t>ООО "Дизайн-Проект"</t>
  </si>
  <si>
    <t>1001185162</t>
  </si>
  <si>
    <t xml:space="preserve">Хостел «Авантаж», г. Петрозаводск, ул. Архипова, д. 30, стр. 1,E-mail: cpvptz@yandex.ru
Телефон: 7 (911) 421 11 14
</t>
  </si>
  <si>
    <t>Ковалёв Евгений Юрьевич</t>
  </si>
  <si>
    <t>100402679385</t>
  </si>
  <si>
    <t>Присвоена категория без звезд. 10/АА-063-2022/189-2024
Дата выдачи свидетельства:11.12.2024
Срок действия:11.12.2027</t>
  </si>
  <si>
    <t>Отель волна, г. Петрозаводск,  ул. Онежской Флотилии, д.43</t>
  </si>
  <si>
    <t>Гостевой дом, 48 кв. м., ул. Макарова, д. 4</t>
  </si>
  <si>
    <t>Гостевой дом, Стрелковый проезд, д. 35, 8 911 413 6168, e-mail: iapolosova@mail.ru (Ирина)</t>
  </si>
  <si>
    <t>Гостевой дом Lake Home, ул. Пришвина, д. 1А, тел. 8 960 213 98 94</t>
  </si>
  <si>
    <t>Гостевой дом На холме, г. Петрозаводск, Громовский проезд, д. 25, тел. 8 921 620 06 26</t>
  </si>
  <si>
    <t>Гостевой дом Смородина, г. Петрозаводск, Смородиновый пр., д. 16</t>
  </si>
  <si>
    <t>Апартаменты (отель) 9 ночей на ул. Шотмана, г. Петрозаводск, ул. Шотмана, д. 3</t>
  </si>
  <si>
    <t>Апартаменты А38, г. Петрозаводск, ул. Антикайнена, д. 38, тел. 8 921 400 13 58. https://apartamenty-a38.clients.site/service/apartamenty-v-arendu/19112268861</t>
  </si>
  <si>
    <t>ООО "АРСИК-СЕРВИС"</t>
  </si>
  <si>
    <t>1001184024</t>
  </si>
  <si>
    <t>Дополнительный вид деятельности
Деятельность по предоставлению мест для краткосрочного проживания (55.20)</t>
  </si>
  <si>
    <t>Санаторий-профилакторий ФГБОУ ВО "ПетрГУ", г. Петрозаводск, ул. Герцена, д. д. 31Б, тел. +7814276234</t>
  </si>
  <si>
    <t>ФГБОУ</t>
  </si>
  <si>
    <t>Санаторий-профилакторий филиал Федерального государственного бюджетного образовательного учреждения высшего образования "Петрозаводский государственный университет"</t>
  </si>
  <si>
    <t>Присвоена категория без звезд. 10/АА-063-2022/213-2024
Дата выдачи свидетельства:20.12.2024
Срок действия:20.12.2027</t>
  </si>
  <si>
    <t>Гостевой дом «Barskie Choromi",  г. Беломорск, остров Сорокский, дом 16, тел. 89212265444</t>
  </si>
  <si>
    <t>Гостевой дом «ОХТА»,  Беломорский округ, Озеро Лежево, тел. 89215287748</t>
  </si>
  <si>
    <t xml:space="preserve"> НП НПД (Самозанятый)</t>
  </si>
  <si>
    <t>гостевой дом с. Лехта, ул. Набережная, д. 3, Беломорский округ, Республика Карелия, тел. 89212244716</t>
  </si>
  <si>
    <t>гостевой дом  д. Ушково, Беломорский округ, тел. 89114020176</t>
  </si>
  <si>
    <t>гостевой дом Беломорский округ, п. Сосновец ,  ул. Ленина, д. 1а, тел.  89215252325</t>
  </si>
  <si>
    <t xml:space="preserve"> НП НПД (Самозанятая)</t>
  </si>
  <si>
    <t>гостевой дом Беломорский округ,  пос. Сосновец ,  ул. Антикайнена, 25а, тел.  89215252325</t>
  </si>
  <si>
    <t>Хостел «Беломорск»  г. Беломорск, ул. Порт-Шоссе, 24, 89814033777</t>
  </si>
  <si>
    <t>Загородные дома в деревне Вирма,  Беломорский округ, д. Вирма</t>
  </si>
  <si>
    <t>Отель "ВЫГ"   Беломорский округ, 16 шлюз , тел. 89212240823</t>
  </si>
  <si>
    <t>Экоотдых на берегу Белого моря (глэмпинг) "Ягра", Беломорский  округ, в районе урочища Ростьнаволок, тел. 89216235771</t>
  </si>
  <si>
    <t>Мотель "Дом корчмаря" Республика Карелия, Беломорский округ, п. Пушной, Лесная улица, 14, тел. 89114279130</t>
  </si>
  <si>
    <t>Присвоена категория: "без звёзд"
№ свидетельства 10/АА-063-2022/215-2024
Срок действия свидетельства до 23 декабря 2027 г</t>
  </si>
  <si>
    <t>Отель "Гандвик"  Беломорский район, г.Беломорск, ул. Первомайская, 18, тел. 88143752569</t>
  </si>
  <si>
    <t>Мотель "Пушной",  Беломорский округ, п. Пушной, ул. Лехтинская, тел. 89216250015</t>
  </si>
  <si>
    <t>База отдыха "Лопский берег" Беломорский округ, с. Колежма, д.1а, тел. 89114123077</t>
  </si>
  <si>
    <t>Присвоена категория: "без звёзд"
№ свидетельства 77/41/741-2020
Срок действия свидетельства до 13 окт. 2026 г</t>
  </si>
  <si>
    <t xml:space="preserve">База отдыха «Бабушкин хутор»,  Беломорский округ, п. Летний, тел. 89217274625 </t>
  </si>
  <si>
    <t>Туристический комплекс «Шуезеро» с. Шуезеро, Беломорский округ, тел. 89216250015</t>
  </si>
  <si>
    <t xml:space="preserve">ООО "Поморье Тур" </t>
  </si>
  <si>
    <t>Мини-отель «Сарафан» г. Беломорск, ул. Воронина, д. 18, тел. 89214556920</t>
  </si>
  <si>
    <t>Мини-гостиница «Комнаты для приезжих» (комнаты в общежитии), г. Беломорск, ул. Мерецкова, 9 , тел. 89210157222</t>
  </si>
  <si>
    <t>Hotel on Gertsena16 (Мини-отель "Герцена, 16" )  г. Беломорск, ул. Герцена, 16, тел. 89216207490</t>
  </si>
  <si>
    <t>Гостиница "Старчина", г. Беломорск, остров Старчина, 38, тел. 89814030707</t>
  </si>
  <si>
    <t>Гостиница "Гостевой дом "Эхо", Беломорский округ, пос.Сосновец, территория оз.Нижнее Михайловское, зд.1, тел. 88142265602</t>
  </si>
  <si>
    <t>Глэмпинг "Белый берег", г. Беломорск, урочище Ростьнаволок , тел. 89817919163</t>
  </si>
  <si>
    <t xml:space="preserve"> Гостевые дома (2), Беломорский округ, с. Лехта, ул. Набережная, д. 3А, тел. 89212234207</t>
  </si>
  <si>
    <t>Автокемпинг  в деревне Выгостров, Беломорский округ, 16 шлюз, тел. 89212240823</t>
  </si>
  <si>
    <t xml:space="preserve">Колесный дом «Wheel Home Belomorsk», 
Беломорский  округ, урочище Ростьнаволок, снт Звезда, тел. 89212274427
</t>
  </si>
  <si>
    <t>Ткаченко Сергей Сергеевич</t>
  </si>
  <si>
    <t>101102177570</t>
  </si>
  <si>
    <t xml:space="preserve">Гостевой дом,
Беломорский  округ, пос. Сосновец, ул. Антикайнена, тел. 89116667858
</t>
  </si>
  <si>
    <t>НП НПД (Самозанятая)</t>
  </si>
  <si>
    <t xml:space="preserve"> Шпакова Кристина Олеговна</t>
  </si>
  <si>
    <t>101102281316</t>
  </si>
  <si>
    <t>Гостевые дома,
Беломорский  округ,урочище Ростьнаволок, снт Звезда, тел. 89117139698</t>
  </si>
  <si>
    <t>Сидоров Владислав Владимирович</t>
  </si>
  <si>
    <t xml:space="preserve">101100516467
</t>
  </si>
  <si>
    <t>68.20 Аренда и управление собственным
или арендованным недвижимым
имуществом         55.30 Деятельность по предоставлению мест для временного проживания в кемпингах, жилых автофургонах и туристических автоприцепах</t>
  </si>
  <si>
    <t>Гостевой дом  Республика Карелия, Беломорский муниципальный округ, Беломорск, ул. Новое Ковжино, 34, тел.89212224232</t>
  </si>
  <si>
    <t>Парыгин Сергей Анатольевич</t>
  </si>
  <si>
    <t>101100900352</t>
  </si>
  <si>
    <t>аренда</t>
  </si>
  <si>
    <t>Присвоена категория: "две звезды". Срок действия свидетельства до 20.12.2027</t>
  </si>
  <si>
    <t>Туристический комплекс "ВелТ" ООО "ВелТ-Карельские путешествия" Калевала,  ул. Вяйнемейнена,136В.                  Тип объекта размещения: База отдыха.</t>
  </si>
  <si>
    <t>Мини-отель "Кемь"  186610, Республика Карелия, г. Кемь, пл. Кирова, д.3,
 8 911 417 73 63;
 8 814 585-40-64 minihotel.kem@gmail.ru</t>
  </si>
  <si>
    <t xml:space="preserve">1001153499 </t>
  </si>
  <si>
    <t>Присвоена категория: "три звезды", №10/АА-063-2022/166-2024 Срок до 8 июля 2027 г.
№ реестровой записи: С102024004936, дата включения в реестр 01.01.2025</t>
  </si>
  <si>
    <t>Присвоена категория: "нет категории".
№ реестровой записи: С102025002386, дата включения в реестр 21.02.2025</t>
  </si>
  <si>
    <t>Глэмпинг "Поморский", Кемский район, п. Рабочеостровск,
 e-mail:info@pomorskij.ru, +79210167530</t>
  </si>
  <si>
    <t>Присвоена категория: "нет категории".
№ реестровой записи: С102025002487, дата включения в реестр 25.02.2025</t>
  </si>
  <si>
    <t>Гостиница "Отель-Гости", Кемский район, г. Кемь, ул. Гидростроителей,д. 66</t>
  </si>
  <si>
    <t>Маслов Андрей Александрович</t>
  </si>
  <si>
    <t>100202709184</t>
  </si>
  <si>
    <t>Земли населенных пунктов 10:02:0080605:40</t>
  </si>
  <si>
    <t xml:space="preserve">55.90 Деятельность по предоставлению прочих мест для временного проживания Дополнительные виды деятельности: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t>
  </si>
  <si>
    <t>Гостиница «Кемка»  186610 Карелия, г. Кемь, ул. Шоссе 1 Мая, д. 111 Б Телефон: 89210143413, 89214650075 e mail: hotelkemka111@gmail.com</t>
  </si>
  <si>
    <t>Присвоена категория: две звезды № свидетельства: 10/АА-063/1207-2023
Дата выдачи свидетельства:13.03.2023
№ реестровой записи: С102024013187, дата включения в реестр 01.01.2025</t>
  </si>
  <si>
    <t>Туркомплекс «Причал» Кемский р-н,п. Рабочеостровск, ул. Набережная, д. 1 Телефон/факс: +79212225077 E-mail: kemprichal@yandex.ru</t>
  </si>
  <si>
    <t>Присвоена категория: "без звёзд"
№ свидетельства 10/АА-036/072-2022
Срок действия свидетельства до 22 апр. 2025 г 
№ реестровой записи: С102024005059, дата включения в реестр 01.01.2025</t>
  </si>
  <si>
    <t>Присвоенная категория (звездность): без звёзд Номер свидетельства: 10/АА-063/115-2023 Дата выдачи свидетельства:10.02.2023 Срок действия:10.02.2026
№ реестровой записи: С102024003839, дата включения в реестр 01.01.2025</t>
  </si>
  <si>
    <t>Присвоена категория: "две звезды"
№ свидетельства 78/АА-97/628-2022
Срок действия свидетельства до 25 дек. 2025 г
№ реестровой записи: С102024019630, дата включения в реестр 01.01.2025</t>
  </si>
  <si>
    <t xml:space="preserve">Парк-отель "ЮМА"  186610, Республика Карелия, Кемский район, г. Кемь, ул. Гористая, дом 10А
 elitprofi19@yandex.ru
  Анна Николаевна Петрова  8-921-726-43-38 </t>
  </si>
  <si>
    <t>Кемпинг "Дом белых китов Северная Карелия" https://sever-karelia.ru/,
 +7 921 228-21-36, Кемский район, Белое море, остров Студенцы</t>
  </si>
  <si>
    <t>Горбунова Ксения Сергеевна</t>
  </si>
  <si>
    <t>781144199269</t>
  </si>
  <si>
    <t xml:space="preserve">13.03.2023/Дата прекращения деятельности 22.05.2025г. </t>
  </si>
  <si>
    <t>12.04.2012/Дата прекращения деятельности 27.11.2024г. В качестве ИП, регистрация в качестве НП НПД</t>
  </si>
  <si>
    <t>28.08.2023/Дата прекращения деятельности 13.01.2025г.  Не является НП НПД</t>
  </si>
  <si>
    <t>26.08.2014/Дата прекращения деятельности 20.02.2025г.  (Телефоны не активны)</t>
  </si>
  <si>
    <r>
      <t>Дополнительные виды деятельности:  55.10 Деятельность гостиниц и прочих мест для временного проживания</t>
    </r>
    <r>
      <rPr>
        <sz val="12"/>
        <color rgb="FF0C0E31"/>
        <rFont val="Times New Roman"/>
        <family val="1"/>
        <charset val="204"/>
      </rPr>
      <t>;        55.20 Деятельность по предоставлению
мест для краткосрочного проживания          55.90 Деятельность по предоставлению прочих мест для временного проживания</t>
    </r>
  </si>
  <si>
    <r>
      <t>Дополнительные виды деятельности:  55.10 Деятельность гостиниц и прочих мест для временного проживания</t>
    </r>
    <r>
      <rPr>
        <sz val="12"/>
        <color rgb="FF0C0E31"/>
        <rFont val="Times New Roman"/>
        <family val="1"/>
        <charset val="204"/>
      </rPr>
      <t>;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r>
  </si>
  <si>
    <r>
      <t>Дополнительные виды деятельности:  55.10 Деятельность гостиниц и прочих мест для временного проживания</t>
    </r>
    <r>
      <rPr>
        <sz val="12"/>
        <color rgb="FF0C0E31"/>
        <rFont val="Times New Roman"/>
        <family val="1"/>
        <charset val="204"/>
      </rPr>
      <t xml:space="preserve">;        55.20 Деятельность по предоставлению
мест для краткосрочного проживания  </t>
    </r>
  </si>
  <si>
    <r>
      <t>Дополнительные виды деятельности:  55.10 Деятельность гостиниц и прочих мест для временного проживания</t>
    </r>
    <r>
      <rPr>
        <sz val="12"/>
        <color rgb="FF0C0E31"/>
        <rFont val="Times New Roman"/>
        <family val="1"/>
        <charset val="204"/>
      </rPr>
      <t>;        55.20 Деятельность по предоставлению
мест для краткосрочного проживания           55.90 Деятельность по предоставлению прочих мест для временного проживания</t>
    </r>
  </si>
  <si>
    <r>
      <t>Дополнительные виды деятельности:  55.10 Деятельность гостиниц и прочих мест для временного проживания</t>
    </r>
    <r>
      <rPr>
        <sz val="12"/>
        <color rgb="FF0C0E31"/>
        <rFont val="Times New Roman"/>
        <family val="1"/>
        <charset val="204"/>
      </rPr>
      <t xml:space="preserve">;        55.20 Деятельность по предоставлению
мест для краткосрочного проживания           </t>
    </r>
  </si>
  <si>
    <r>
      <t>Дополнительные виды деятельности:  55.10,</t>
    </r>
    <r>
      <rPr>
        <sz val="12"/>
        <color rgb="FF0C0E31"/>
        <rFont val="Times New Roman"/>
        <family val="1"/>
        <charset val="204"/>
      </rPr>
      <t xml:space="preserve">55.20 ,55.30, 55.90 </t>
    </r>
  </si>
  <si>
    <r>
      <t xml:space="preserve">Дополнительные виды деятельности:  </t>
    </r>
    <r>
      <rPr>
        <sz val="12"/>
        <color rgb="FF0C0E31"/>
        <rFont val="Times New Roman"/>
        <family val="1"/>
        <charset val="204"/>
      </rPr>
      <t xml:space="preserve">55.20, 55.30 </t>
    </r>
  </si>
  <si>
    <r>
      <t xml:space="preserve">Дополнительные виды деятельности:  </t>
    </r>
    <r>
      <rPr>
        <sz val="12"/>
        <color rgb="FF0C0E31"/>
        <rFont val="Times New Roman"/>
        <family val="1"/>
        <charset val="204"/>
      </rPr>
      <t xml:space="preserve">55.30, 55.90 </t>
    </r>
  </si>
  <si>
    <t>Масловская Валентина Владимировна</t>
  </si>
  <si>
    <t>350700091719</t>
  </si>
  <si>
    <t>55.10
Деятельность гостиниц и прочих мест для временного проживания
93.29
Деятельность по организации отдыха и развлечений прочая</t>
  </si>
  <si>
    <r>
      <t>Дополнительные виды деятельности:  55.10 Деятельность гостиниц и прочих мест для временного проживания</t>
    </r>
    <r>
      <rPr>
        <sz val="12"/>
        <color rgb="FF0C0E31"/>
        <rFont val="Times New Roman"/>
        <family val="1"/>
        <charset val="204"/>
      </rPr>
      <t>;          55.90 Деятельность по предоставлению прочих мест для временного проживания</t>
    </r>
  </si>
  <si>
    <r>
      <t>Дополнительные виды деятельности:  55.10 , 55.20,</t>
    </r>
    <r>
      <rPr>
        <sz val="12"/>
        <color rgb="FF0C0E31"/>
        <rFont val="Times New Roman"/>
        <family val="1"/>
        <charset val="204"/>
      </rPr>
      <t>55.90</t>
    </r>
  </si>
  <si>
    <t>Дом 55,1 м2 на уч. 60 сот. Медвежьегорский р-н., д. Кондобережская "Крестики-Нолики"</t>
  </si>
  <si>
    <t>Дом  78 м2 на участке 30 сот. Медвежьегорский р-н, д. Челмужи, ул. Набережная, 55</t>
  </si>
  <si>
    <t>Коттедж 80 м2 на участке 30 сот. Медвежьегорский р-н, д. Челмужи</t>
  </si>
  <si>
    <t>Коттедж 171,5 кв.м, г.  Медвежьегорск, ул. Омелина, д. 11</t>
  </si>
  <si>
    <t>Коттедж 106,1 кв.м, г.  Медвежьегорск, ул. Омелина, д. 19</t>
  </si>
  <si>
    <t>Коттедж 50,4 кв.м, г.  Медвежьегорск, ул. Омелина, 32а</t>
  </si>
  <si>
    <t>Коттедж 53,1 кв.м, г.  Медвежьегорск, ул. Омелина, 22</t>
  </si>
  <si>
    <t>Коттедж 101,3 кв.м, г.  Медвежьегорск, ул. Омелина, 6</t>
  </si>
  <si>
    <t>Коттедж 75,2 кв.м, г.  Медвежьегорск, ул. Омелина</t>
  </si>
  <si>
    <t>Коттедж 51,5 кв.м, г.  Медвежьегорск, ул. Омелина</t>
  </si>
  <si>
    <t>Коттедж 72,3 кв.м, г.  Медвежьегорск, ул. Омелина</t>
  </si>
  <si>
    <t>Коттедж 75 кв.м, г.  Медвежьегорск, ул. Омелина, 8</t>
  </si>
  <si>
    <t>Карельский Хутор  Медвежьегорский р-н., ,с Великая Губа, пер. Бережной, д. 6</t>
  </si>
  <si>
    <t>ООО "Норд-плюс"</t>
  </si>
  <si>
    <t>1004010386</t>
  </si>
  <si>
    <t>Присвоена категория: "без звёзд"
№ свидетельства 10/АА-036/059-2021
Срок действия свидетельства до 06 дек. 2024 г</t>
  </si>
  <si>
    <t>Гостиница д. Кажма</t>
  </si>
  <si>
    <t>ИП Носков Сергей Владимирович</t>
  </si>
  <si>
    <t>100121941630</t>
  </si>
  <si>
    <t>Ввод объекта 06.03.2024. Прием туристов с августа 2024 года</t>
  </si>
  <si>
    <t>Гостиница д. Толвуя</t>
  </si>
  <si>
    <t>ИП Протопопов Николай Сергеевич</t>
  </si>
  <si>
    <t>100603968901</t>
  </si>
  <si>
    <t>ИП Яковлев Андрей Николаевич</t>
  </si>
  <si>
    <t>101300077802</t>
  </si>
  <si>
    <t xml:space="preserve">55.10 Деятельность гостиниц </t>
  </si>
  <si>
    <t>Ввод объекта 04.12.2024. Прием туристов с января 2025 года</t>
  </si>
  <si>
    <t>Ввод объекта  декабрь 2024. Прием туристов с января 2025 года</t>
  </si>
  <si>
    <t>Жилое помещение для временного проживания (посуточно)</t>
  </si>
  <si>
    <t>ИП КИРИКОВА ЕЛЕНА СЕРГЕЕВНА</t>
  </si>
  <si>
    <t>ИП ШЕРЕМЕТЬЕВСКАЯ АННА МИХАЙЛОВНА</t>
  </si>
  <si>
    <t xml:space="preserve">ИП ТАКВЕЛЬ МАРГАРИТА АЛЕКСАНДРОВНА
</t>
  </si>
  <si>
    <t>102001471344</t>
  </si>
  <si>
    <t>69</t>
  </si>
  <si>
    <t>70</t>
  </si>
  <si>
    <t>71</t>
  </si>
  <si>
    <t>72</t>
  </si>
  <si>
    <t>73</t>
  </si>
  <si>
    <t>74</t>
  </si>
  <si>
    <t>75</t>
  </si>
  <si>
    <t>76</t>
  </si>
  <si>
    <t>77</t>
  </si>
  <si>
    <t>78</t>
  </si>
  <si>
    <t>79</t>
  </si>
  <si>
    <t>80</t>
  </si>
  <si>
    <t>81</t>
  </si>
  <si>
    <t>82</t>
  </si>
  <si>
    <t>83</t>
  </si>
  <si>
    <r>
      <t xml:space="preserve">Дополнительный вид деятельности:  </t>
    </r>
    <r>
      <rPr>
        <sz val="12"/>
        <color rgb="FF0C0E31"/>
        <rFont val="Times New Roman"/>
        <family val="1"/>
        <charset val="204"/>
      </rPr>
      <t xml:space="preserve">   55.90 Деятельность по предоставлению прочих мест для временного проживания</t>
    </r>
  </si>
  <si>
    <t>Хостел (гостиница) "Брусничка"   г. Олонец, ул. Ленина, д. 21</t>
  </si>
  <si>
    <t>89212208015 (Федулин Игорь Николаевич)
Электронная почта brusnichka.olonets@yandex.ru</t>
  </si>
  <si>
    <t xml:space="preserve">10:14:0041201:180 - ЛПХ нет данных  о домиках
10:14:0041201:178 - нет данных
10:14:0041201:179 - нет данных
 10:14:0000000:6748
</t>
  </si>
  <si>
    <t>https://baza-lesnoeozero.ru/</t>
  </si>
  <si>
    <t>8 (921) 801-00-28  Электронная почта: lesozero-karelia@yandex.ru</t>
  </si>
  <si>
    <t xml:space="preserve"> 10:14:0050407:28 - ИЖС 10:14:0050407:66 - жилой дом
</t>
  </si>
  <si>
    <t>8(921)0148880</t>
  </si>
  <si>
    <t xml:space="preserve">10:14:0050101:282 - ЛПХ 10:14:0050101:145 - жилой дом 
</t>
  </si>
  <si>
    <t xml:space="preserve"> 10:14:0050101:282 ЛПХ ДОМ НЕ ЗАРЕГИСТРИРОВАН</t>
  </si>
  <si>
    <t xml:space="preserve"> гостевой дом «Дом для отпуска» Сепян Коди Олонецкий район, д. Тукса, Центральная ул., д. 15 б  </t>
  </si>
  <si>
    <t xml:space="preserve">10:14:0060116:4 ижс 10:14:0060116:34 жилой дом
</t>
  </si>
  <si>
    <t>8(921) 222-06-97 Электронная почта: nikatuksa@rambler.ru</t>
  </si>
  <si>
    <t xml:space="preserve">Гостевой дом Сепян Тало, Олонецкий район д.Тукса, Центральная ул., д.15 б </t>
  </si>
  <si>
    <t>10:14:0060116:4 ИЖС не зарегистрирован дом</t>
  </si>
  <si>
    <t xml:space="preserve">10:14:0030105:184 Одноквартирные жилые дома (до 3х этажей) 10:14:0030105:67 - жилой дом 
10:14:0030105:183 Одноквартирные жилые дома (до 3х этажей) 10:14:0030105:188 жилой дом
</t>
  </si>
  <si>
    <t>8(921)8047769 Электронная почта: MEREDIAN.OLONEZ@yandex.ru</t>
  </si>
  <si>
    <t xml:space="preserve"> 10:14:0031501:99 для ведения садоводства 10:14:0031501:225 жилой дом 10:14:0031501:229 для ведения садоводства 10:14:0031501:233 жилой дом 10:14:0031501:232 жилой дом 10:14:0031501:230 для ведения садоводства 10:14:0031501:231 для ведения садоводства 10:14:0031501:234 жилой дом  10:14:0031501:91 нет инфы по 2 домам</t>
  </si>
  <si>
    <t>8 (921) 456-96-36</t>
  </si>
  <si>
    <t xml:space="preserve">10:14:0020402:14 10:14:0020402:170 10:14:0020402:138
Земли населенных пунктов
Вид разрешенного использования: для строительства и обслуживания дома отдыха, частная собственность
</t>
  </si>
  <si>
    <t>89212218091 электронная почта villavitele@gmail.com</t>
  </si>
  <si>
    <t xml:space="preserve">10:14:0050113:97 ИЖС 10:14:0050113:108 жилой дом
</t>
  </si>
  <si>
    <t>8(921) 7018399        Электронная почта: polushkina_elena@mal.ru</t>
  </si>
  <si>
    <t>База отдыха "Туулос", Олонецкий район</t>
  </si>
  <si>
    <t xml:space="preserve">10:14:0020603:37  для строительства базы отдыха </t>
  </si>
  <si>
    <t>https://xn--80aagmtjrg.xn--p1ai/%d1%82%d1%83%d1%83%d0%bb%d0%be%d1%81/</t>
  </si>
  <si>
    <t>База отдыха "Гостевые дома "Алавойне", Олонецкий район п.Ильинский, ул.Старозаводская, д. 1а</t>
  </si>
  <si>
    <t>Присвоена категория: "без звёзд"
№ свидетельства 77/АА-139-2021/807-2023
Срок действия свидетельства до 06 окт. 2026 г Номер реестровой записи: С102024009361
Дата включения в реестр: 01.01.2025</t>
  </si>
  <si>
    <t xml:space="preserve">10:14:0051804:286 жилой дом
10:14:0051804:283 жилой дом
10:14:0051804:294 ИЖС
10:14:0051804:282 жилой дом
10:14:0051804:281 жилой дом
10:14:0051804:280 жилой дом
10:14:0051804:293 ИЖС
10:14:0051804:55 – для ЛПХ
10:14:0051804:72 – ИЖС
10:14:0051804:76 – ЛПХ (за границами населенного пункта)
частная собственность
</t>
  </si>
  <si>
    <t xml:space="preserve">8 (911) 435-61-98   Электронная почта: alavoine.karelia@yandex.ru </t>
  </si>
  <si>
    <t xml:space="preserve">10:14:0051701:19 - ИЖС 10:14:0051701:142 нет информации по остальным домам  </t>
  </si>
  <si>
    <t>Гостевые домики-студии Дачи "Сканди",  Олонецкий район с. Нурмойла, ул. Ладожская 42  8-921-227-91-63, Сергей Александрович</t>
  </si>
  <si>
    <t>10:14:0050407:198 лпх 10:14:0050407:200 жилой дом</t>
  </si>
  <si>
    <t>10: 14:0041202:5                   Вид разрешенного использования: для строительства и последующей эксплуатации объектов туристической базы Не зарегистрированы дома</t>
  </si>
  <si>
    <t>8(921) 465-4742           Электронная почта: shulkachupuk@mail.ru</t>
  </si>
  <si>
    <t>10:14:0030801:84 индивидуальные и блокированные жилые дома 10:14:0030801:198 жилой дом 10:14:0030801:83 ижс  10:14:0000000:1440 ЖИЛОЙ ДОМ без координат границ нет инф-и о 2х домах</t>
  </si>
  <si>
    <t>8(921) 453-36-05</t>
  </si>
  <si>
    <t>Lemijarvi, Гостевые дома, Олонецкий район,  д. Лемозеро, д. 2 и 2а</t>
  </si>
  <si>
    <t>10:14:0031101:22 ЛПХ  10:14:0031101:39 жилой дом 10:14:0031101:21 ЛПХ 10:14:0031101:40 жилой дом</t>
  </si>
  <si>
    <t>8(921) 224-77-93   Электронная почта:  angelinagalkima13@gmail.com</t>
  </si>
  <si>
    <t>10:14:0050402:66, 10:14:0050402:186 нет информации о 2 домах земли населенных пунктов. Вид разрешенного использования - ИЖС, ЗУ для ИЖС, за видом туристическое обслуживание не обращались</t>
  </si>
  <si>
    <t xml:space="preserve"> Анастасия Гаврилова 8 (953) 540-22-54</t>
  </si>
  <si>
    <t>Гостевой дом, Олонецкий район, с.Видлица, улица Лесная, д. 12а</t>
  </si>
  <si>
    <t>10:14:0020115:37 ИЖС 10:14:0020115:61 жилое здание</t>
  </si>
  <si>
    <t xml:space="preserve">8(965) 063-50-96                       Электронная почта: karelia-otdyh.ru@yandex.ru
</t>
  </si>
  <si>
    <t xml:space="preserve">Опескин Арсений Евгеньевич       </t>
  </si>
  <si>
    <t xml:space="preserve">10:14:0050406:152
жилой дом
10:14:0050406:143 жилой дом 10:14:0050406:153 жилой дом 10:14:0050406:155 жилой дом 10:14:0050406:150 жилой дом
10:14:0050406:144 жилой дом
10:14:0050406:147 жилой дом 10:14:0050406:151 жилой дом 10:14:0050406:148 жилой дом 10:14:0050406:145 жилой дом 10:14:0050406:22 ИЖС 10:14:0050406:14 ИЖС 10:14:0050406:13 ИЖС 10:14:0050406:12 ИЖС 10:14:0050406:19 ИЖС 10:14:0050406:21 ИЖС 10:14:0050406:20 ИЖС 10:14:0050406:11 ИЖС
10:14:0050406:18 ИЖС
10:14:0050406:10 ИЖС
</t>
  </si>
  <si>
    <t>тел. 8-911-081-17-68       Электронная почта: cottages.karelia@gmail.com</t>
  </si>
  <si>
    <t>10:14:0000000:3300 жилой дом 10:14:0050503:200 ИЖС</t>
  </si>
  <si>
    <t>8 (921) 465-22-52 (Татьяна)</t>
  </si>
  <si>
    <t>Мини-отель «Уют» Олонецкий район с. Видлица, ул. Десанта, 5</t>
  </si>
  <si>
    <t>Присвоена категория: "две звезды"
Номер реестровой записи: С102024010377
Дата включения в реестр: 01.01.2025</t>
  </si>
  <si>
    <t xml:space="preserve">10:14:0020111:8 Для размещения и эксплуатации здания гостиницы. 10:14:0000000:2058
</t>
  </si>
  <si>
    <t>8(81436)4-52-40  (89212221309 - администрация)    Электронная почта: otel.uyt@mail.ru</t>
  </si>
  <si>
    <t xml:space="preserve">10:14:0031701:56 индивидуальные и блокированные дома  10:14:0000000:6720 жилое строение без права регистрации 10:14:0000000:6722 жилое строение без права регистрации 10:14:0031701:57 индивидуальные и блокированные дома 10:14:0031701:283 жилой дом 10:14:0031701:281 индивидуальные и блокированные дома   10:14:0031701:54 одноквартирные жилые дома 10:14:0000000:6721 индивидуальные и блокированные дома  10:14:0000000:6723 жилое строение без права регистрации 10:14:0031701:276 индивидуальные и блокированные дома  10:14:0031701:58 индивидуальные и блокированные дома  10:14:0031701:278 индивидуальные и блокированные дома   10:14:0000000:7619 жилой дом 10:14:0031701:57 индивидуальные и блокированные дома </t>
  </si>
  <si>
    <t>8 (921) 875-23-93    Электронная почта: bazaumostu@gmail.com</t>
  </si>
  <si>
    <t>Присвоенная категория (звездность): две звезды Номер свидетельства: 10/АА-063/112-2023
Дата выдачи свидетельства:31.01.2023
Срок действия:31.01.2026 Номер реестровой записи: С102024012085
Дата включения в реестр: 01.01.2025</t>
  </si>
  <si>
    <t>10:14:0010302:17          под здание ресторанно-гостиничного комплекса и территорией для его обслуживания 10:14:0010302:62 здание ресторанно-гостиничного комплекса</t>
  </si>
  <si>
    <t>тел. : 8921 016-800-1     Электронная почта: olonya-hotel@mail.ru</t>
  </si>
  <si>
    <t>10:14:0020606:115  Разрешенное использование: осуществление рекреационной деятельности дома не подлежат регистрации</t>
  </si>
  <si>
    <t>тел.: 8 (953) 540-51-20, Электронная почта: vidlitsa@tochkanakarte.ru</t>
  </si>
  <si>
    <t xml:space="preserve">10:14:0051202:232 здание информационного визит-центра 10:14:0051202:234 ИЖС
</t>
  </si>
  <si>
    <t>тел.: 8(921)4521089</t>
  </si>
  <si>
    <t xml:space="preserve">10:14:0050405:174 ЛПХ 10:14:0000000:7181 жилой дом
</t>
  </si>
  <si>
    <t>тел.: 8 (921) 450-84-84  Электронная почта: vladlenapashkova@inbox.ru</t>
  </si>
  <si>
    <t>База отдыха, комплекс гостевых домов «Карью Кала»,  Олонецкий район с. Нурмойла,
ул. Ладожская, д. 9</t>
  </si>
  <si>
    <t>тел. : 8921 014 23 60  Электронная почта: karju-kala-karelija@mail.ru</t>
  </si>
  <si>
    <t xml:space="preserve">10:14:0050402:6 ИЖС 10:14:0050402:7 ИЖС 10:14:0050402:54 жилой дом 10:14:0050402:52 жилой дом с мансардой </t>
  </si>
  <si>
    <t>тел.:   8(911) 410-21-93 Электронная почта: nurmoyla.karelia@gmail.com</t>
  </si>
  <si>
    <t>10:14:0051701:149  ИЖС 10:14:0051701:141 жилой дом</t>
  </si>
  <si>
    <t>10:14:0020402:139 для обслуживания живого дома 10:14:00000000:3219 жилой дом</t>
  </si>
  <si>
    <t>тел.: 89210172030</t>
  </si>
  <si>
    <t>Гостевые дома , Олонецкий район, п. Ильинский,улица Старозаводская, дом № 8г,  СНТ "Строитель"</t>
  </si>
  <si>
    <t xml:space="preserve"> тел.: 8-921-458-36-30 https://petrozavodsk.sutochno.ru/olonec/1629984</t>
  </si>
  <si>
    <t>10:14:0050408:4 - для ведения садоводства 10:14:0050408:132 жилой дом</t>
  </si>
  <si>
    <t>8-981-724-66-80</t>
  </si>
  <si>
    <t>10:14:0031201:167 10:14:0031201:166 10:14:0031201:165 10:14:0031201:51 10:14:0031201:54 10:14:0031201:53 10:14:0031201:52 10:14:0031201:171 10:14:0031201:180 10:14:0031201:179 10:14:0031201:170 10:14:0031201:176 10:14:0031201:173 10:14:0031201:177 10:14:0031201:174 10:14:0031201:175 10:14:0031201:178, ЗУ для ИЖС, за видом туристическое обслуживание не обращались</t>
  </si>
  <si>
    <t>тел. 8921 630 11 22  Электронная почта: info@bazanovinka.ru</t>
  </si>
  <si>
    <t xml:space="preserve">10:14:0030801:76 10:14:0030801:209 10:14:0030801:208 10:14:0030801:80 10:14:0030801:215 10:14:0030801:214 10:14:0030801:70 10:14:0030801:211 10:14:0030801:218 10:14:0030801:69 10:14:0030801:219 10:14:0030801:74 10:14:0030801:72 10:14:0030801:207 </t>
  </si>
  <si>
    <t>https://syandeba.ru/</t>
  </si>
  <si>
    <t>тел. :  8(921) 314-71-67  ,      электронная почта: ol78@list.ru</t>
  </si>
  <si>
    <t>10:14:0020110:413 жилой дом 10:14:0020110:409 ЛПХ 10:14:0020110:419  жилой дом 10:14:0020110:410 ЛПХ</t>
  </si>
  <si>
    <t>8 (963) 741 8301  E-mail: vidlitsa37@mail.ru</t>
  </si>
  <si>
    <t>???</t>
  </si>
  <si>
    <t>10:14:0050401:94 10:14:0050402:192</t>
  </si>
  <si>
    <t>10:14:0000000:799 жилой дом 10:14:0050402:46 ИЖС</t>
  </si>
  <si>
    <t>8(921)6202650</t>
  </si>
  <si>
    <t xml:space="preserve"> 10:14:0050802:141 ЛПХ 10:14:0000000:2309 жилой дом
</t>
  </si>
  <si>
    <t>101401214100</t>
  </si>
  <si>
    <t>10:14:0010328:20 ИЖС 10:14:0010328:301 жилой дом</t>
  </si>
  <si>
    <t>cowalewa.j@yandex.ru</t>
  </si>
  <si>
    <t>101402272489</t>
  </si>
  <si>
    <t>10:14:0080301:186 ИЖС 10:14:0080301:192 объект незавершенного строительства</t>
  </si>
  <si>
    <t>kristina-number1@mail.ru</t>
  </si>
  <si>
    <t>Александр Михайлович Буллиев</t>
  </si>
  <si>
    <t>10:14:0070701:21 ЛПХ 10:14:0000000:2488 жилой дом</t>
  </si>
  <si>
    <t xml:space="preserve">7 (995) 934-93-55 </t>
  </si>
  <si>
    <t>10:14:0071301:14  для эксплуатации пасеки и ЛЭП  10:14:0000000:1961 жилой дом</t>
  </si>
  <si>
    <t>https://www.avito.ru/olonets/doma_dachi_kottedzhi/4-k._dom_115_m_2613787771?utm_campaign=native&amp;utm_medium=item_page_ios&amp;utm_source=soc_sharing&amp;guestsDetailed=%7B%22version%22%3A1%2C%22totalCount%22%3A2%2C%22adultsCount%22%3A2%2C%22children%22%3A%5B%5D%7D</t>
  </si>
  <si>
    <t>101400907165</t>
  </si>
  <si>
    <t xml:space="preserve"> 10:14:0080102:178   ЛПХ  10:14:0000000:1398 жилой дом</t>
  </si>
  <si>
    <t>Дом отдыха "Шишкин лес", п. Ильинский</t>
  </si>
  <si>
    <t>Долматова Ирина Владимировна</t>
  </si>
  <si>
    <t>480701567569</t>
  </si>
  <si>
    <t>10:14:0051804:71 для ведения садоводства 10:14:0051804:299 жилой дом</t>
  </si>
  <si>
    <t>https://vk.com/shishkinless_house?t2fs=871ab0759c262d1a23_2</t>
  </si>
  <si>
    <t>10:14:0040102:16   ИЖС, 10:14:0040102:28 жилой дом</t>
  </si>
  <si>
    <t>Усадьба Порфирьевых д. Мегрега</t>
  </si>
  <si>
    <t>10:14:0080301:63  ИЖС 10:14:0080301:190 10:14:0080301:202</t>
  </si>
  <si>
    <t xml:space="preserve">10:14:0070401:145 для ИЖС 10:14:0070401:146 ижс 10:14:0070401:155 жилой дом 10:14:0070401:154 жилой дом </t>
  </si>
  <si>
    <t>https://www.avito.ru/olonets/doma_dachi_kottedzhi/dom_30m_na_uchastke_60sot._3432340301?utm_campaign=native&amp;utm_medium=item_page_ios&amp;utm_source=soc_sharing&amp;guests=2</t>
  </si>
  <si>
    <t>контактное лицо - Минина Татьяна Борисовна тел. 8(921)4588645</t>
  </si>
  <si>
    <t>Самуков Юрий Александрович</t>
  </si>
  <si>
    <t>101401817877</t>
  </si>
  <si>
    <t xml:space="preserve">10:14:0070502:223 объект ИЖС       10:14:0070502:213 </t>
  </si>
  <si>
    <t>Дом в д. Рыпушкалицы, Школьная ул., 2</t>
  </si>
  <si>
    <t>Дагаева (Тауберт) Анна Михайловна</t>
  </si>
  <si>
    <t>10:14:0070706:199 жилой дом 10:14:0070706:31 ижс</t>
  </si>
  <si>
    <t>https://www.avito.ru/olonets/doma_dachi_kottedzhi/2-k._dom_132_m_2396483566?utm_campaign=native&amp;utm_medium=item_page_ios&amp;utm_source=soc_sharing&amp;guestsDetailed=%7B%22version%22%3A1%2C%22totalCount%22%3A2%2C%22adultsCount%22%3A2%2C%22children%22%3A%5B%5D%7D</t>
  </si>
  <si>
    <t xml:space="preserve">8 931 542 86 92 </t>
  </si>
  <si>
    <t>не</t>
  </si>
  <si>
    <t>тел.: 89212220129   Электронная почта: vadimka2617@mail.ru</t>
  </si>
  <si>
    <t>Гостевой дом "Musta Helmi", Олонецкий район, с. Нурмойла, Озерная ул. 37, 8-911-406-52-44</t>
  </si>
  <si>
    <t>Бондарчук Мария Ивановна</t>
  </si>
  <si>
    <t>10:14:0050301:36 ижс 10:14:0000000:7139 жилой дом</t>
  </si>
  <si>
    <t>8(911) 406 52 44 - Влад.
8(911) 409 01 20 - Алексей.</t>
  </si>
  <si>
    <t>10:14:0050801:162 ИЖС 10:14:0050801:159 жилой дом</t>
  </si>
  <si>
    <t>10:14:0050301:243 - ЛПХ Дом не зарегистрирован</t>
  </si>
  <si>
    <t>8 (911) 431-82-84</t>
  </si>
  <si>
    <t>10:14:0020403:252 ижс  10:14:0020403:267 жилой дом</t>
  </si>
  <si>
    <t>10:14:0020403:247 жилой дом 10:14:0020403:294 ижс</t>
  </si>
  <si>
    <t>Кириллов Данил Маркович</t>
  </si>
  <si>
    <t>Информация об ИНН не найдена</t>
  </si>
  <si>
    <t>10:14:0050502:55 - ЛПХ 10:14:0050502:285 жилой дом 10:14:0000000:3379 объект незавершенного строительства</t>
  </si>
  <si>
    <t>тел. : 89214569163 Людмила</t>
  </si>
  <si>
    <t>10:14:0000000:1924 категория земель: земли населенных пунктов, вид использ.: ЛПХ 10:14:0070402:2 ЛПХ не зарегистрованы 2 остальных дома</t>
  </si>
  <si>
    <t>8 (950) 027-88-72</t>
  </si>
  <si>
    <t>10:14:0060119:165  10:14:0060119:162 ИЖС 10:14:0000000:7611 зона садоводства  дом не зарегистрирован</t>
  </si>
  <si>
    <t>Четчикова Валентина Георгиевна</t>
  </si>
  <si>
    <t>10:14:0000000:605 - объект ИЖС 10:14:0070100:4 без координат границ</t>
  </si>
  <si>
    <t>292203423375</t>
  </si>
  <si>
    <t>10:14:0070601:169        для ведения личного подсобного хозяйства  нет информации о доме</t>
  </si>
  <si>
    <t xml:space="preserve"> ЗАКРЫЛСЯ</t>
  </si>
  <si>
    <t>101400986801</t>
  </si>
  <si>
    <t>10:14:0040108:227 - для ведения личного подсобного хозяйства 10:14:0000000:1600 - объект ИЖС 10:14:0040108:30 - для ведения личного подсобного хозяйства 10:14:0040108:225 - для ведения личного подсобного хозяйства 10:14:0040108:228 - для ведения личного подсобного хозяйства</t>
  </si>
  <si>
    <t>svetlana.dimon@mail.ru</t>
  </si>
  <si>
    <t>782570764594</t>
  </si>
  <si>
    <t>10:14:0031101:60 земли для жилищного строительства 10:14:0031101:34 - объект ИЖС 10:14:0031101:9 - земли для жилищного строительства</t>
  </si>
  <si>
    <t>Лумпиев Сергей Иванович</t>
  </si>
  <si>
    <t>101400730510</t>
  </si>
  <si>
    <t>10:14:0060108:1 - зем. уч. ИЖС 10:14:0000000:2934 - ИЖС</t>
  </si>
  <si>
    <t>194352, г. Санкт-Петербург, г. Санкт-Петербург, аллея. Придорожная, д. 23, кв. 240</t>
  </si>
  <si>
    <t>Ивашкевич Владимир Болеславович</t>
  </si>
  <si>
    <t>100300316696</t>
  </si>
  <si>
    <t>10:14:0080101:312  - здание ИЖС 10:14:0080101:241 - зем. уч.</t>
  </si>
  <si>
    <t>Логинова Таисия Степановна</t>
  </si>
  <si>
    <t>101402306508</t>
  </si>
  <si>
    <t>10:14:0060119:14              для ведения личного подсобного хозяйства 10:14:0060112:73 ИЖС</t>
  </si>
  <si>
    <t>Хицко Оксана Сергеевна</t>
  </si>
  <si>
    <t xml:space="preserve"> 10:14:0000000:2632 ИЖС                        нет информации о зем.уч.</t>
  </si>
  <si>
    <t>Алексей Васильевич</t>
  </si>
  <si>
    <t>Дом  в д. Тулокса "Точка А"</t>
  </si>
  <si>
    <t>Лаптева Жанна Анатольевна</t>
  </si>
  <si>
    <t>10:14:0050603:16 ИЖС 10:14:0050603:148 жилой дом</t>
  </si>
  <si>
    <t>https://www.avito.ru/kareliya_ilinskiy/doma_dachi_kottedzhi/5-k._dom_159_m_4416747807?utm_campaign=native&amp;utm_medium=item_page_ios&amp;utm_source=soc_sharing&amp;guestsDetailed=%7B%22version%22%3A1%2C%22totalCount%22%3A2%2C%22adultsCount%22%3A2%2C%22children%22%3A%5B%5D%7D ВК https://vk.com/tochka_a_karelia</t>
  </si>
  <si>
    <t>8921620-24-03 Жанна</t>
  </si>
  <si>
    <t xml:space="preserve">Дом в Верховье Луговая ул., 14
</t>
  </si>
  <si>
    <t xml:space="preserve">Пугач Андрей Владимирович </t>
  </si>
  <si>
    <t>ИНН не найден</t>
  </si>
  <si>
    <t>10:14:0070105:239 жилой дом 10:14:0070105:40 ИЖС</t>
  </si>
  <si>
    <t>https://www.avito.ru/olonets/doma_dachi_kottedzhi/2-k._dom_48_m_4359142291?utm_campaign=native&amp;utm_medium=item_page_ios&amp;utm_source=soc_sharing&amp;guestsDetailed=%7B%22version%22%3A1%2C%22totalCount%22%3A2%2C%22adultsCount%22%3A2%2C%22children%22%3A%5B%5D%7D</t>
  </si>
  <si>
    <t>Дом в Капшойле</t>
  </si>
  <si>
    <t>Минина Людмила Ивановна</t>
  </si>
  <si>
    <t>101400711814</t>
  </si>
  <si>
    <t>10:14:0070601:12 ЛПХ дом не зарегистрирован</t>
  </si>
  <si>
    <t>https://www.avito.ru/olonets/doma_dachi_kottedzhi/3-k._dom_58_m_4503392635?utm_campaign=native&amp;utm_medium=item_page_ios&amp;utm_source=soc_sharing&amp;guestsDetailed=%7B%22version%22%3A1%2C%22totalCount%22%3A2%2C%22adultsCount%22%3A2%2C%22children%22%3A%5B%5D%7D</t>
  </si>
  <si>
    <t>Дом в д. Верховье, Чимильская ул., 10</t>
  </si>
  <si>
    <t>Ильин Владимир Анатольевич</t>
  </si>
  <si>
    <t>10:14:0070101:230 ижс 10:14:0070101:237 жилой дом</t>
  </si>
  <si>
    <t>https://www.avito.ru/olonets/doma_dachi_kottedzhi/dom_95_m_na_uchastke_30_sot._3908415925?utm_campaign=native&amp;utm_medium=item_page_ios&amp;utm_source=soc_sharing</t>
  </si>
  <si>
    <t>д. Иммалицы, 57А</t>
  </si>
  <si>
    <t>Муруева Валентина Алексеевна</t>
  </si>
  <si>
    <t>101400524532</t>
  </si>
  <si>
    <t>10:14:0060201:277 жилой дом 10:14:0060201:122 ижс</t>
  </si>
  <si>
    <t>https://www.avito.ru/olonets/doma_dachi_kottedzhi/3-k._dom_120_m_3552396062?utm_campaign=native&amp;utm_medium=item_page_ios&amp;utm_source=soc_sharing&amp;guestsDetailed=%7B%22version%22%3A1%2C%22totalCount%22%3A2%2C%22adultsCount%22%3A2%2C%22children%22%3A%5B%5D%7D</t>
  </si>
  <si>
    <t xml:space="preserve">В объявлении Анатолий </t>
  </si>
  <si>
    <t>д. Верховье, Чимильская ул., 9</t>
  </si>
  <si>
    <t>10:14:0070105:112 жилой дом 10:14:0070101:35 лпх</t>
  </si>
  <si>
    <t>https://www.avito.ru/olonets/doma_dachi_kottedzhi/dom_150_m_na_uchastke_30_sot._3908442338?utm_campaign=native&amp;utm_medium=item_page_ios&amp;utm_source=soc_sharing&amp;guestsDetailed=%7B%22version%22%3A1%2C%22totalCount%22%3A2%2C%22adultsCount%22%3A2%2C%22children%22%3A%5B%5D%7D</t>
  </si>
  <si>
    <t>д. Коткозеро, Набережная ул.</t>
  </si>
  <si>
    <t>https://www.avito.ru/olonets/doma_dachi_kottedzhi/2-k._dom_36_m_3074973355?utm_campaign=native&amp;utm_medium=item_page_ios&amp;utm_source=soc_sharing&amp;guestsDetailed=%7B%22version%22%3A1%2C%22totalCount%22%3A2%2C%22adultsCount%22%3A2%2C%22children%22%3A%5B%5D%7D</t>
  </si>
  <si>
    <t>Дом в д. Сармяги</t>
  </si>
  <si>
    <t>Аурина</t>
  </si>
  <si>
    <t>https://www.avito.ru/olonets/doma_dachi_kottedzhi/4-k._dacha_55_m_1555703026?utm_campaign=native&amp;utm_medium=item_page_ios&amp;utm_source=soc_sharing&amp;guestsDetailed=%7B%22version%22%3A1%2C%22totalCount%22%3A2%2C%22adultsCount%22%3A2%2C%22children%22%3A%5B%5D%7D</t>
  </si>
  <si>
    <t>https://www.avito.ru/olonets/doma_dachi_kottedzhi/2-k._dacha_55_m_1968792047?utm_campaign=native&amp;utm_medium=item_page_ios&amp;utm_source=soc_sharing&amp;guestsDetailed=%7B%22version%22%3A1%2C%22totalCount%22%3A2%2C%22adultsCount%22%3A2%2C%22children%22%3A%5B%5D%7D</t>
  </si>
  <si>
    <t>Дом в пос. Ильинский, СТ Строитель</t>
  </si>
  <si>
    <t>https://www.avito.ru/kareliya_ilinskiy/doma_dachi_kottedzhi/3-k._dom_80_m_1499071029?utm_campaign=native&amp;utm_medium=item_page_ios&amp;utm_source=soc_sharing&amp;guestsDetailed=%7B%22version%22%3A1%2C%22totalCount%22%3A2%2C%22adultsCount%22%3A2%2C%22children%22%3A%5B%5D%7D</t>
  </si>
  <si>
    <t>пос. Ильинский, Старозаводская ул., 26В</t>
  </si>
  <si>
    <t>Захарова Надежда Васильевна</t>
  </si>
  <si>
    <t>101401586362</t>
  </si>
  <si>
    <t>10:14:0051601:204 жилой дом 10:14:0051601:27 лпх</t>
  </si>
  <si>
    <t>https://www.avito.ru/kareliya_ilinskiy/doma_dachi_kottedzhi/2-k._kottedzh_50_m_3158792621?utm_campaign=native&amp;utm_medium=item_page_ios&amp;utm_source=soc_sharing&amp;guestsDetailed=%7B%22version%22%3A1%2C%22totalCount%22%3A2%2C%22adultsCount%22%3A2%2C%22children%22%3A%5B%5D%7D</t>
  </si>
  <si>
    <t>Олонец, ул. Свободы, 34</t>
  </si>
  <si>
    <t xml:space="preserve">Николаев Александр Иванович </t>
  </si>
  <si>
    <t>10:14:0010221:75 жилой дом 10:14:0010221:204 ижс</t>
  </si>
  <si>
    <t>https://www.avito.ru/olonets/doma_dachi_kottedzhi/dom_50_m_na_uchastke_10_sot._4579084407?utm_campaign=native&amp;utm_medium=item_page_ios&amp;utm_source=soc_sharing</t>
  </si>
  <si>
    <t>Гостeвой дoм «RANТA» с. Нурмойла, Песочная ул., 3</t>
  </si>
  <si>
    <t>Конфеева Анастасия Сергеевна</t>
  </si>
  <si>
    <t>101402682767</t>
  </si>
  <si>
    <t>10:14:0050401:94 жилой дом 10:14:0050402:192 ижс</t>
  </si>
  <si>
    <t>https://www.avito.ru/kareliya_ilinskiy/doma_dachi_kottedzhi/2-k._dom_50_m_772593749?utm_campaign=native&amp;utm_medium=item_page_ios&amp;utm_source=soc_sharing&amp;guestsDetailed=%7B%22version%22%3A1%2C%22totalCount%22%3A2%2C%22adultsCount%22%3A2%2C%22children%22%3A%5B%5D%7D</t>
  </si>
  <si>
    <t> с. Нурмойла, СТ Медик</t>
  </si>
  <si>
    <t>Галина Сергеева</t>
  </si>
  <si>
    <t>https://www.avito.ru/kareliya_ilinskiy/doma_dachi_kottedzhi/2-k._dacha_60_m_3092177164?utm_campaign=native&amp;utm_medium=item_page_ios&amp;utm_source=soc_sharing&amp;guestsDetailed=%7B%22version%22%3A1%2C%22totalCount%22%3A2%2C%22adultsCount%22%3A2%2C%22children%22%3A%5B%5D%7D</t>
  </si>
  <si>
    <t>пос. Ильинский, Зивчальская ул., 32Б</t>
  </si>
  <si>
    <t>Корнилова Юлия Юрьевна</t>
  </si>
  <si>
    <t>100122432836</t>
  </si>
  <si>
    <t>10:14:0050119:119 ижс</t>
  </si>
  <si>
    <t>https://www.avito.ru/kareliya_ilinskiy/doma_dachi_kottedzhi/5-k._dom_100_m_2986802722?utm_campaign=native&amp;utm_medium=item_page_ios&amp;utm_source=soc_sharing&amp;guestsDetailed=%7B%22version%22%3A1%2C%22totalCount%22%3A2%2C%22adultsCount%22%3A2%2C%22children%22%3A%5B%5D%7D</t>
  </si>
  <si>
    <t>Kаpельcкий эко-oтель "Лесная симфoния" пос. Устье Видлицы</t>
  </si>
  <si>
    <t>Андрей</t>
  </si>
  <si>
    <t xml:space="preserve">участок не оформлен </t>
  </si>
  <si>
    <t>https://www.avito.ru/kareliya_ilinskiy/doma_dachi_kottedzhi/dacha_10_m_na_uchastke_50_sot._3713136632?utm_campaign=native&amp;utm_medium=item_page_ios&amp;utm_source=soc_sharing&amp;guestsDetailed=%7B%22version%22%3A1%2C%22totalCount%22%3A2%2C%22adultsCount%22%3A2%2C%22children%22%3A%5B%5D%7D</t>
  </si>
  <si>
    <t>Дом в д. Сяндеба</t>
  </si>
  <si>
    <t>https://www.avito.ru/kareliya_ilinskiy/doma_dachi_kottedzhi/4-k._dom_100_m_2328759080?utm_campaign=native&amp;utm_medium=item_page_ios&amp;utm_source=soc_sharing&amp;guestsDetailed=%7B%22version%22%3A1%2C%22totalCount%22%3A2%2C%22adultsCount%22%3A2%2C%22children%22%3A%5B%5D%7D</t>
  </si>
  <si>
    <t>дом в с. Нурмойла</t>
  </si>
  <si>
    <t>https://www.avito.ru/kareliya_ilinskiy/doma_dachi_kottedzhi/4-k._dacha_60_m_1068045415?utm_campaign=native&amp;utm_medium=item_page_ios&amp;utm_source=soc_sharing&amp;guestsDetailed=%7B%22version%22%3A1%2C%22totalCount%22%3A2%2C%22adultsCount%22%3A2%2C%22children%22%3A%5B%5D%7D</t>
  </si>
  <si>
    <t>Дом в пос. Ильинский, Украинская ул., 27</t>
  </si>
  <si>
    <t>Тухкин Сергей Николаевич</t>
  </si>
  <si>
    <t>101401044867</t>
  </si>
  <si>
    <t>10:14:0050103:99 жилой дом не зарегистрирован зем участок</t>
  </si>
  <si>
    <t>https://www.avito.ru/kareliya_ilinskiy/doma_dachi_kottedzhi/2-k._dom_66_m_4778347525?utm_campaign=native&amp;utm_medium=item_page_ios&amp;utm_source=soc_sharing&amp;guestsDetailed=%7B%22version%22%3A1%2C%22totalCount%22%3A2%2C%22adultsCount%22%3A2%2C%22children%22%3A%5B%5D%7D</t>
  </si>
  <si>
    <t>Дом в с. Нурмойла, Озёрная ул., 8</t>
  </si>
  <si>
    <t>https://www.avito.ru/kareliya_ilinskiy/doma_dachi_kottedzhi/3-k._dacha_50_m_525651987?utm_campaign=native&amp;utm_medium=item_page_ios&amp;utm_source=soc_sharing&amp;guestsDetailed=%7B%22version%22%3A1%2C%22totalCount%22%3A2%2C%22adultsCount%22%3A2%2C%22children%22%3A%5B%5D%7D</t>
  </si>
  <si>
    <t>Дом в д. Тулокса, 15Е</t>
  </si>
  <si>
    <t>Притыкин Анатолий Александрович</t>
  </si>
  <si>
    <t>470301535319</t>
  </si>
  <si>
    <t>10:14:0050603:23 жилой дом 10:14:0050603:21 ижс</t>
  </si>
  <si>
    <t>https://www.avito.ru/kareliya_ilinskiy/doma_dachi_kottedzhi/4-k._dom_90_m_1687028366?utm_campaign=native&amp;utm_medium=item_page_ios&amp;utm_source=soc_sharing&amp;guestsDetailed=%7B%22version%22%3A1%2C%22totalCount%22%3A2%2C%22adultsCount%22%3A2%2C%22children%22%3A%5B%5D%7D</t>
  </si>
  <si>
    <t>Дом в пос. Устье Видлицы, Ладожская ул., 54А</t>
  </si>
  <si>
    <t>Максимов Сергей Николаевич</t>
  </si>
  <si>
    <t>101402108792</t>
  </si>
  <si>
    <t>10:14:0020404:187 ижс 10:14:0020404:191 жилой дом</t>
  </si>
  <si>
    <t>https://www.avito.ru/kareliya_ilinskiy/doma_dachi_kottedzhi/3-k._dom_100_m_4375754795?utm_campaign=native&amp;utm_medium=item_page_ios&amp;utm_source=soc_sharing&amp;guestsDetailed=%7B%22version%22%3A1%2C%22totalCount%22%3A2%2C%22adultsCount%22%3A2%2C%22children%22%3A%5B%5D%7D</t>
  </si>
  <si>
    <t>Дом в пос. Ильинский, ул. В.Н. Леселидзе, 60</t>
  </si>
  <si>
    <t>Полушкина Елена Николаевна</t>
  </si>
  <si>
    <t>101400042730</t>
  </si>
  <si>
    <t>10:14:0050113:96 лпх  10:14:0050113:100 жилой дом</t>
  </si>
  <si>
    <t>https://www.avito.ru/kareliya_ilinskiy/doma_dachi_kottedzhi/2-k._dom_45_m_2071854388?utm_campaign=native&amp;utm_medium=item_page_ios&amp;utm_source=soc_sharing&amp;guestsDetailed=%7B%22version%22%3A1%2C%22totalCount%22%3A2%2C%22adultsCount%22%3A2%2C%22children%22%3A%5B%5D%7D</t>
  </si>
  <si>
    <t>Дов в д. Сяндеба, 38</t>
  </si>
  <si>
    <t>https://www.avito.ru/kareliya_ilinskiy/doma_dachi_kottedzhi/1-k._dom_30_m_4579729805?utm_campaign=native&amp;utm_medium=item_page_ios&amp;utm_source=soc_sharing&amp;guestsDetailed=%7B%22version%22%3A1%2C%22totalCount%22%3A2%2C%22adultsCount%22%3A2%2C%22children%22%3A%5B%5D%7D</t>
  </si>
  <si>
    <t>планируют в 2023, но могут не открыться - 2025 (не открылись)</t>
  </si>
  <si>
    <t>Гостиница "Олония" ООО Олония-тур, РК,  г. Олонец, ул. Свирских Дивизий, д.5</t>
  </si>
  <si>
    <t>Гостевой комплекс «Тулокса»  Республика Карелия, Олонецкий район, д. Устье Тулоксы, улица Набережная, дом № 7Б</t>
  </si>
  <si>
    <r>
      <t xml:space="preserve">Моисеев Алексей Александрович      </t>
    </r>
    <r>
      <rPr>
        <sz val="12"/>
        <color rgb="FFFF0000"/>
        <rFont val="Times New Roman"/>
        <family val="1"/>
        <charset val="204"/>
      </rPr>
      <t xml:space="preserve">зарегистрировано на Дмитриева Михаила Ивановича     </t>
    </r>
    <r>
      <rPr>
        <sz val="12"/>
        <color theme="1"/>
        <rFont val="Times New Roman"/>
        <family val="1"/>
        <charset val="204"/>
      </rPr>
      <t xml:space="preserve">      </t>
    </r>
  </si>
  <si>
    <r>
      <t>10:14:0030801:11 –  ИЖС 10:14:0030801:68 жилое здание 10:14:0031701:289 жилое здание 10:14:0030801:213 зона застройки индивидуальными и блокированными жилыми домами,</t>
    </r>
    <r>
      <rPr>
        <sz val="12"/>
        <color rgb="FFFF0000"/>
        <rFont val="Times New Roman"/>
        <family val="1"/>
        <charset val="204"/>
      </rPr>
      <t xml:space="preserve"> нет информации об 1 доме</t>
    </r>
    <r>
      <rPr>
        <sz val="12"/>
        <rFont val="Times New Roman"/>
        <family val="1"/>
        <charset val="204"/>
      </rPr>
      <t xml:space="preserve">
</t>
    </r>
  </si>
  <si>
    <r>
      <t xml:space="preserve">10:14:0000000:2396 жилой дом 10:14:0050405:19 под здание жилого дома и его обслуживания 10:14:0050405:33 10:14:0050405:9 под здание жилого дома и его обслуживания </t>
    </r>
    <r>
      <rPr>
        <b/>
        <sz val="12"/>
        <rFont val="Times New Roman"/>
        <family val="1"/>
        <charset val="204"/>
      </rPr>
      <t xml:space="preserve">10:14:0050405:49 жилой дом 10:14:0050405:176 ИЖС  </t>
    </r>
    <r>
      <rPr>
        <b/>
        <sz val="12"/>
        <color rgb="FFFF0000"/>
        <rFont val="Times New Roman"/>
        <family val="1"/>
        <charset val="204"/>
      </rPr>
      <t>нет информации о 4 домах</t>
    </r>
    <r>
      <rPr>
        <sz val="12"/>
        <color rgb="FFFF0000"/>
        <rFont val="Times New Roman"/>
        <family val="1"/>
        <charset val="204"/>
      </rPr>
      <t xml:space="preserve">
</t>
    </r>
  </si>
  <si>
    <r>
      <t xml:space="preserve">Дополнительные виды деятельности:  </t>
    </r>
    <r>
      <rPr>
        <sz val="12"/>
        <color rgb="FF0C0E31"/>
        <rFont val="Times New Roman"/>
        <family val="1"/>
        <charset val="204"/>
      </rPr>
      <t xml:space="preserve">    55.20 Деятельность по предоставлению
мест для краткосрочного проживания            55.90 Деятельность по предоставлению прочих мест для временного проживания</t>
    </r>
  </si>
  <si>
    <r>
      <t xml:space="preserve">Туристическая база "Кемчуг", Олонецкий район, </t>
    </r>
    <r>
      <rPr>
        <sz val="12"/>
        <color rgb="FF000000"/>
        <rFont val="Times New Roman"/>
        <family val="1"/>
        <charset val="204"/>
      </rPr>
      <t>д. Устье Видлицы, ул. Ладожская, дом № 13</t>
    </r>
  </si>
  <si>
    <r>
      <t xml:space="preserve">10:14:0051701:143 ИЖС  </t>
    </r>
    <r>
      <rPr>
        <b/>
        <sz val="12"/>
        <color theme="1"/>
        <rFont val="Times New Roman"/>
        <family val="1"/>
        <charset val="204"/>
      </rPr>
      <t>10:14:0051701:147 жилой дом</t>
    </r>
  </si>
  <si>
    <r>
      <t xml:space="preserve">10:14:0050502:65 ижс
10:14:0050502:62 ижс 
</t>
    </r>
    <r>
      <rPr>
        <sz val="12"/>
        <color rgb="FFFF0000"/>
        <rFont val="Times New Roman"/>
        <family val="1"/>
        <charset val="204"/>
      </rPr>
      <t>не зарегистрированы дома</t>
    </r>
  </si>
  <si>
    <t xml:space="preserve">Плавучий гостевой дом "Энергия Ладоги"              г. Питкяранта, ул. Ладожская, д. 14А                                 </t>
  </si>
  <si>
    <t>Михайлова Людмила  Дмитриевна   +79114384500</t>
  </si>
  <si>
    <t>с 23.06.2023 г. не является плательщиком НП НПД</t>
  </si>
  <si>
    <t>Предоставление большого количества документов и отчетов в сфере природопользования и водопользования, а также   проведения большого количества анализов проб воды,  которые осуществляются специализированными организациями   за достаточно высокую плату (при отсутствии претензий по результатам исследования проб). Длительность и высокая стоимость процедур по оформлению дорожных указателей вдоль региональных дорог.</t>
  </si>
  <si>
    <t>Удавков Сергей Николаевич (зарегистрирован в г.Сортавала, а деятельность осуществляет ПМР)</t>
  </si>
  <si>
    <t>10:20:0022501:51</t>
  </si>
  <si>
    <t>Для размещения объектов охотничьего хозяйства 10:22:0010401:3</t>
  </si>
  <si>
    <t>10:20:0010603:224</t>
  </si>
  <si>
    <t>10:20:0052001:233</t>
  </si>
  <si>
    <t>10:20:0052001:430</t>
  </si>
  <si>
    <t>кад № 10:20:0020409:52, для ведения дачного хозяйства</t>
  </si>
  <si>
    <t>Загородный отель "Комплекс гостевых домов "Вепсский хутор", Прионежский район, п. Кварцитный, ул. Скалистая, д. 19</t>
  </si>
  <si>
    <t>10:22:0010301:9</t>
  </si>
  <si>
    <t>10:22:0010601:4</t>
  </si>
  <si>
    <t>Гостевой дом "Лесная сказка",  Прионежский район, с. Деревянное 79114246969 (Анна)</t>
  </si>
  <si>
    <t xml:space="preserve">Коттедж, Прионежский район,  п. Деревянка,  СТН Монтажник - 1, д. 17 // 89217002586 </t>
  </si>
  <si>
    <t>10:20:0020404:52</t>
  </si>
  <si>
    <t>Хутор Вама  Прионежский район, д. Суйсарь//9214691216</t>
  </si>
  <si>
    <t>10:20:0022403:171</t>
  </si>
  <si>
    <t>10:20:0020107:48</t>
  </si>
  <si>
    <t>10:20:0060120:25</t>
  </si>
  <si>
    <t>10:20:0070101:3</t>
  </si>
  <si>
    <t>Для дачного строительства 10:22:0020104:257 // 10:22:0020104:65</t>
  </si>
  <si>
    <t>10:20:0063802:13 Для ведения гражданами садоводства и огородничества  141004000000 - Для ведения гражданами садоводства и огородничества // 10:20:0063805:45</t>
  </si>
  <si>
    <t>10:20:0063802:13 Для ведения гражданами садоводства и огородничества  141004000000 - Для ведения гражданами садоводства и огородничества// 10:20:0063805:102</t>
  </si>
  <si>
    <t xml:space="preserve">База отдыха "Дом Рыбака", Прионежский район, м. Пиньгуба, ул. Приозерская, д. 1, СНТ Холостяк </t>
  </si>
  <si>
    <t>№ С 102024010900 от 23.12.2024 г.</t>
  </si>
  <si>
    <t>для размещения объектов (территорий) рекреационного назначения // 10:20:0060301:24</t>
  </si>
  <si>
    <t>для размещения объектов (территорий) рекреационного назначения// 10:20:0064703:158</t>
  </si>
  <si>
    <t>размещение придорожного комплекса// 10:20:0030204:182</t>
  </si>
  <si>
    <t>Земли особо охраняемых территорий и объектов
Для размещения объектов (территорий) рекреационного назначения // 10:20:0015511:3</t>
  </si>
  <si>
    <t>для размещения объектов (территорий) рекреационного назначения // 10:20:0015503:44</t>
  </si>
  <si>
    <t xml:space="preserve">Земли особо охраняемых территорий и объектов под базу отдыха //10:20:0015503:76
</t>
  </si>
  <si>
    <t>10:20:0020409:77</t>
  </si>
  <si>
    <t>10:20:0015509:59</t>
  </si>
  <si>
    <t>Дом для отпуска "Freegreen cottages", Прионежский район, д. Ялгуба, Садовая ул., д. 1</t>
  </si>
  <si>
    <t xml:space="preserve"> ООО "Меридиан"</t>
  </si>
  <si>
    <t>10:20:0020409:54</t>
  </si>
  <si>
    <t>Прионежский район, п. Бесовец, СНТ Щит, Лесная ул., 1, 8-953-53-54-434</t>
  </si>
  <si>
    <t>10:20:0015301:237</t>
  </si>
  <si>
    <t>10:01:0130102:9 Земли населенных пунктов. Вид разрешенного использования: Для эксплуатации многоквартирного жилого дома со встроенными помещениями // 10:20:0010302:18</t>
  </si>
  <si>
    <t>10:20:0015503:60</t>
  </si>
  <si>
    <t>10:20:0015502:860</t>
  </si>
  <si>
    <t>10:20:0020409:26</t>
  </si>
  <si>
    <t>10:20:0030301:7</t>
  </si>
  <si>
    <t>10:20:0020409:212</t>
  </si>
  <si>
    <t>Freegreen cottages, д. Ялгуба, ул. Садовая, д. 1</t>
  </si>
  <si>
    <t>Freegreen cottages, д. Ялгуба, ул. Садовая, д. 8</t>
  </si>
  <si>
    <t>10:20:0020409:237</t>
  </si>
  <si>
    <t>10:20:0010119:15</t>
  </si>
  <si>
    <t>10:20:0050101:21</t>
  </si>
  <si>
    <t>Прионежский район, район д. Ужесельга,  Турбаза "Мы-съ Онего", 8-911-437-95-90</t>
  </si>
  <si>
    <t>"Мы-съ Онего"</t>
  </si>
  <si>
    <t>№ С 102024010180 с 21.12.2024 г.</t>
  </si>
  <si>
    <t>10:20:0064702:682</t>
  </si>
  <si>
    <t xml:space="preserve">Lambi Park Eco Hotel д. Косалма lambipark.ru  </t>
  </si>
  <si>
    <t>Журавлев Илья Вячеславович</t>
  </si>
  <si>
    <t>100116996908</t>
  </si>
  <si>
    <t>Дополнительный 55.10 Деятельность гостиниц и прочих мест для временного проживания</t>
  </si>
  <si>
    <t>№ С 102024000398 от 07.12.2024 г.</t>
  </si>
  <si>
    <t>открытие 2024 г.</t>
  </si>
  <si>
    <t>10:20:0015504:238</t>
  </si>
  <si>
    <t>Гостевые дома "Малиновый берег", Кварцитный</t>
  </si>
  <si>
    <t>Луценко Александр Викторович</t>
  </si>
  <si>
    <t>100124878295</t>
  </si>
  <si>
    <t>Дополнительный  55.20 Деятельность по предоставлению мест для краткосрочного проживания</t>
  </si>
  <si>
    <t>2023 г.</t>
  </si>
  <si>
    <t>10:22:0010202:43 // назначение ЗУ для ведения дачного хозяйства</t>
  </si>
  <si>
    <t>База отдыха "Глэмпинг Сампо"//+79110522196//sampo@sampoglamp.ru//https://sampoglamp.ru</t>
  </si>
  <si>
    <t xml:space="preserve"> Вавржин Евгений Вадимович</t>
  </si>
  <si>
    <t>772380188120</t>
  </si>
  <si>
    <t>пройдена классификация</t>
  </si>
  <si>
    <t>10:20:0015509:687 Земли лесного фонда</t>
  </si>
  <si>
    <t>Гостевой дом «Панорама» СНТ Волна-2 89114037326</t>
  </si>
  <si>
    <t>Иван Мосин https://panoramaptz.ru</t>
  </si>
  <si>
    <t>мансарда</t>
  </si>
  <si>
    <t>Гостевой дом СНТ Железнодорожник</t>
  </si>
  <si>
    <t>Иван Мосин</t>
  </si>
  <si>
    <t>Гостевой дом СНТ Энергетик 3</t>
  </si>
  <si>
    <t>База отдыха «Глэнта» (Банный комплекс)</t>
  </si>
  <si>
    <t>ООО Скит</t>
  </si>
  <si>
    <t>один этаж</t>
  </si>
  <si>
    <t>10:15:0050114:49 Ж-1 зона индивидуальной жилой застройки</t>
  </si>
  <si>
    <t xml:space="preserve">Голубцов Александр Александрович. </t>
  </si>
  <si>
    <t>10:15:0050113:46 под ИЖС</t>
  </si>
  <si>
    <t>Присвоена категория: "три звезды"
№ свидетельства 55/032-2020
Срок действия свидетельства до 22 окт. 2023 г</t>
  </si>
  <si>
    <t>Самозанятая Змитревич Александра Сергеевна</t>
  </si>
  <si>
    <t>Гостевые дома д. Куганаволок Пудожский р-н, д. Куганаволок, 881452-3-01-10</t>
  </si>
  <si>
    <t xml:space="preserve">Дом  Пудожский район, Шальское сельское поселение, п. Шальский, ул. Онежская, д. 21А, </t>
  </si>
  <si>
    <t>Голубцова Виктория Ивановна              Голубцов Алексей Алексеевич</t>
  </si>
  <si>
    <t xml:space="preserve">10:15:0050114:42 </t>
  </si>
  <si>
    <t>нужно проверить как зарегистрирован, деятельность осуществляет</t>
  </si>
  <si>
    <t>несколько домиков рядом с жилым домом 21А</t>
  </si>
  <si>
    <t xml:space="preserve">Дом  Пудожский район, Шальское сельское поселение, п. Шальский, ул.Онежская, 24Б  89214555236 </t>
  </si>
  <si>
    <t>Гриб Ксения             Гриб Сергей              тел: 953-547-42-82 karelianfishing10rus@gmail.com</t>
  </si>
  <si>
    <t>Присвоена категория: "без звёзд"
№ свидетельства 55/033-2020
Срок действия свидетельства до 29 окт. 2023 г</t>
  </si>
  <si>
    <t>Присвоена категория "две звезды" Номер свидетельства: 10/АА-063-2022/167-2024 Дата выдачи свидетельства: 14.10.2024</t>
  </si>
  <si>
    <t>ООО ПКФ "Топаз"     Маркова Марина Вячеславовна          тел:  921-452-88-43      бухгалтерия тел:        8-931-700-79-55</t>
  </si>
  <si>
    <t>Присвоена категория: "без звёзд"
№ свидетельства 55/040-2020
Срок действия свидетельства до 25 дек. 2023 г</t>
  </si>
  <si>
    <t>Присвоена категория: "без звёзд"
№ свидетельства 55/038-2020
Срок действия свидетельства до 24 дек. 2023 г</t>
  </si>
  <si>
    <t>Присвоена категория: "без звёзд"
№ свидетельства 55/039-2020
Срок действия свидетельства до 25 дек. 2023 г</t>
  </si>
  <si>
    <t>ООО "Н-Комплекс"  тел: 8-814-31-58-67-6 Любовь Станиславовна (бухгалтер)            8921-462-09-96</t>
  </si>
  <si>
    <t>Присвоена категория "без звезд" № решения 168 от 14.10.2024</t>
  </si>
  <si>
    <t>ПОУ "Сегежская АШ ДОСААФ России"     тел: 905-299-25-65; 8(800)-201-02-92 (доб2)                              8-921-700-43-29 Ирина Олеговна (бухгалтер)   hostelrosto@yandex.ru</t>
  </si>
  <si>
    <t>Присвоена категория "без звезд"</t>
  </si>
  <si>
    <t>ООО «Сегежа Норд» 8-921-273-31-16 управляющий Сергей Владимирович</t>
  </si>
  <si>
    <t>Земельный участок 10:06:0074402:428, площадь 60 256 кв.м., вид разрешенного использования "Гостиничное обслуживание"</t>
  </si>
  <si>
    <t>Радивилов Игорь Владимирович       тел: 8-911-432-00-60 Ольга Владимировна тел 8-906-206-44-99</t>
  </si>
  <si>
    <t>Земельный участок не сформирован, т.к. ХОСТЕЛ располагается в многоквартирном доме.</t>
  </si>
  <si>
    <t> 93.05 Предоставление прочих персональных услуг</t>
  </si>
  <si>
    <t>проходить не надо, т.к. нет койко мест, в палатках спальные мешки</t>
  </si>
  <si>
    <t>47.91 Торговля розничная по почте или по информационно-коммуникационной сети Интернет </t>
  </si>
  <si>
    <t>апартаментам проходить классификацию не нужно</t>
  </si>
  <si>
    <t>База отдыха "Речной Причал" Попов порог  ул.Пионерская 22</t>
  </si>
  <si>
    <t>Земельный участок 10:06:0060102:176  Российская Федерация, Республика Карелия, Сегежский муниципальный район, поселок Попов Порог, ул Пионерская 22, вид разрешенного использования ИЖС</t>
  </si>
  <si>
    <t>Домик "Треугольник"   https://vk.com/treygolnik1aframe                                          ул Линдозерская, Сегежа</t>
  </si>
  <si>
    <t>Иванова Александра Петровна                        +7 (911) 408-02-82</t>
  </si>
  <si>
    <t> 55.20 Деятельность по предоставлению мест для краткосрочного проживания</t>
  </si>
  <si>
    <t>Земельный участок, 10:06:0011301:99 Российская Федерация, Республика Карелия. Сегежский район, г.Сегежа, ул Линдозерская,площадь 1500кв.м., Разрешенное использование: индивидуальное жилищное строительство.</t>
  </si>
  <si>
    <t>Гостевой комплекс "Воицкий"      https://vk.com/id885374130</t>
  </si>
  <si>
    <t>Гриб Ксения Андреевна               Гриб Сергей              тел: 953-547-42-82 karelianfishing10rus@gmail.com</t>
  </si>
  <si>
    <t>Земельный участок, 10:06:0040501:141 Российская Федерация, Руспублика Карелия, Сегежский муниипальный район, Надвоицкое городское поселение, д.Надвоицы, общей площадью 3470 кв.м., разрешенное использование- "Индивидуальные малоэтажные жилые дома общим количеством этажей не более трех, включая мансардный этаж и части таких домов, предназначенные для проживания одной семьи с придомовыми участками, предназначенными , в том числе, для введения подсобного хозяйства</t>
  </si>
  <si>
    <t>Шелонников Макар Николаевич                   8-999-247-91-23</t>
  </si>
  <si>
    <t>2025 планируется</t>
  </si>
  <si>
    <t xml:space="preserve">Управление собственным или арендованным недвижимым имуществом </t>
  </si>
  <si>
    <t xml:space="preserve">Земельный участок является частной собственностью с видом разрешенного использования: для сельскохозяйственного производства. Кадастровый номер:
10:16:0090501:92
10:16:0090501:272, 273, 271
</t>
  </si>
  <si>
    <t>Румянцева Алина Андреевна</t>
  </si>
  <si>
    <t xml:space="preserve">Кадастровый номер:
10:16:0090501:233,     10:16:0090501:108
</t>
  </si>
  <si>
    <t>4 домика, 2 последних с  2022 года.,1 с 2025 года</t>
  </si>
  <si>
    <t>Земельный участок является частной собственностью с видом разрешенного использования: для садоводства и для ведения крестьянского (фермерского) хозяйства. Кадастровый номер участков 10:16:0090501:12,10:16:0090501:232, 234</t>
  </si>
  <si>
    <t>База отдыха «Villa randu» №10:16:0090501:99, №10:16:0090501:95 Суоярвский район м. Инжунаволок (оз. Сямозеро)</t>
  </si>
  <si>
    <t>ООО "Вилла Ранду"</t>
  </si>
  <si>
    <t>Хутор Карельская рябина ( Гостевой комплекс «Karjalan pihlaja» )</t>
  </si>
  <si>
    <t xml:space="preserve"> Кадастровый номер: 10:16:0101702:216 - жилой дом 50 кв.м, частная собственность. 10:16:0101702:213 - земли с/х для ведения личного подсобного хозяйства; 10:16:0101702:212 - земли с/х для дачного строительства; 10:16:0101702:80 - земли с/х для ведения лич.подсобного хоз-ва (сенокошения)без права возведения построек; 10:16:0101702:81 - земли с/х для ведения лич.подсобного хоз-ва (сенокошения)без права возведения построек. </t>
  </si>
  <si>
    <t>Дом в Карелии в Суоярвском районе на берегу озера СНТ Медик 12</t>
  </si>
  <si>
    <t>нет ОКВЭДа</t>
  </si>
  <si>
    <t xml:space="preserve">РК, Суоярвский район, с. Вешкелица, ул. Мира, д. 5 </t>
  </si>
  <si>
    <t>Каркконен Ольга Валериевна</t>
  </si>
  <si>
    <t>кад. номер уч.10:16:0090104:61, кад.номер жилого дома 10:16:0090104</t>
  </si>
  <si>
    <t>Объект начали сдавать с 2024 года</t>
  </si>
  <si>
    <t>Объект начали сдавать с 2024 ода</t>
  </si>
  <si>
    <t>База отдыхв "Куха-Губа", Инжунаволок</t>
  </si>
  <si>
    <t>Герасименко Захар Витальевич</t>
  </si>
  <si>
    <t>земли лес.фонд</t>
  </si>
  <si>
    <t>Карелия респ., Суоярвский муниципальный округ, Райконкоски поселок, ул. Советская, 54</t>
  </si>
  <si>
    <t xml:space="preserve">Суворов Сергей Виктрович 100702270018 </t>
  </si>
  <si>
    <t xml:space="preserve"> 10:16:0080204:179</t>
  </si>
  <si>
    <t>нет оквэда</t>
  </si>
  <si>
    <t>требуется классификация,отсутсвует в реестре!</t>
  </si>
  <si>
    <t>требуется классификация и отсутствует в реестре!</t>
  </si>
  <si>
    <t>Присвоена категория: "без звёзд"
№ свидетельства 10/АА-036/066-2022
Срок действия свидетельства до 14 февр. 2025 г, в реестре запись "Приостановлен"</t>
  </si>
  <si>
    <t>требуется классификация!Отсутствует в реестре!</t>
  </si>
  <si>
    <t>Присвоенная категория (звездность): Без звезд ; Номер реестровой записи С102024009784, дата выдачи свидетельства  23.04.2025, срок действия 23.04.2028</t>
  </si>
  <si>
    <t>требуется классификация, отсутствует в реестре</t>
  </si>
  <si>
    <t>кадастровый номер жилого дома 10:07:0030607:114, расположена на земельном участке с к/н 10:07:0030607:251, земли населенных пунктов, ВРИ-для ИЖС, территориальная зона Ж1-зона постройки инд.жилыми домами</t>
  </si>
  <si>
    <t xml:space="preserve"> Бабков Е.В.</t>
  </si>
  <si>
    <t>100702326119</t>
  </si>
  <si>
    <t>Присвоена категория "без звезд", № реестровой записи С102025004482, срок окончания действия 09.06.2028</t>
  </si>
  <si>
    <t>Внесены изменения, собственник один Бабков Е.В, ВРИ земельного участка приведен в соответствии</t>
  </si>
  <si>
    <t>требуется классификация</t>
  </si>
  <si>
    <t>з/у 10:07:0062208:3, Земли особо охраняемых территорий и объектов, ВРИ-под базу отдыха и прилегающую территорию обслуживания</t>
  </si>
  <si>
    <t>Присвоена категория: "три звезды", срок действия до 27.11.2027, № реестровой записи С102024012396</t>
  </si>
  <si>
    <t>Присвоена категория: "без звёзд"
Номер реестровой записи С102024022077, дата окончания действия 18.11.2027</t>
  </si>
  <si>
    <t>Присвоена категория " Четыре звезды", номер реестровой записи С102024002332, дата окончания действия 18.11.2027</t>
  </si>
  <si>
    <t>з/у 10:10:0080601:9, земли с/х назначения, ВРИ - для ведения личного подсобного хозяйства</t>
  </si>
  <si>
    <t>кадастровый номер з/у 10:07:0062207:338, земли населенных пунктов, ВРИ  - под личное подсобное хозяйство</t>
  </si>
  <si>
    <t>з/у с кадастровым номером 10:07:0010204:37, земли населенных пунктов, ВРИ - под ИЖС</t>
  </si>
  <si>
    <t>з/у с кадастровым номером 10:07:0030201:40, земли населенных пунктов, ВРИ-"Индивидуальные малоэтажные дома общим количеством этажей не более 3, включая мансардный этаж с придомовыми участками, для ведения личного подсобного хозяйства, тер.зона -Ж1"</t>
  </si>
  <si>
    <t>з/у с кадастровым номером 10:10:0080601:9, земли населенных пунктов, ВРИ-для личного подсобного хозяйства</t>
  </si>
  <si>
    <t>отсутствует в реестре, запрос направлен в ФНС</t>
  </si>
  <si>
    <t>здание с кадастровым номером 10:07:00010123:35 на з/у 10:07:0010123:11, земли населенных пунктов, ВРИ-для размещения комплексного здания кафе Ладога"</t>
  </si>
  <si>
    <t>з/у 10:07:0041001:66, земли населенных пунктов, ВРИ -под жилой дом и территорию оюслуживания</t>
  </si>
  <si>
    <t>требуется классификацмя</t>
  </si>
  <si>
    <t>Присвоена категория "нет категории",                        № реестровой записи С102025002798 срок действия до 03.03.2028</t>
  </si>
  <si>
    <t>требуется классификация, отсутствует в реестре!</t>
  </si>
  <si>
    <t>Гостинично-туристический комплекс "Ладожская усадьба", г. Сортавала, п. Ниэмелянхови, ул.Озерная, д.1 (номера , глэмпинг)</t>
  </si>
  <si>
    <t>Присвоена категрия "3 звезды", номер свидетельства АА-058-2022 срок действия до 20.10.2027, номер реестровой записи С102024006373</t>
  </si>
  <si>
    <t>новый зарегистрированный объект в реестре Росаккредитации</t>
  </si>
  <si>
    <t>Гостинично-туристический комплекс "Ладожская усадьба", г. Сортавала, п. Ниэмелянхови, ул.Озерная, д.1 (коттеджи)</t>
  </si>
  <si>
    <t>Присвоена категория: "четыре звезды"
№ свидетельства АА-058-2022, срок действия до 20.10.2027</t>
  </si>
  <si>
    <t>требуется классификация, отсутствут в реестре!</t>
  </si>
  <si>
    <t>здание с кадастровым номером 10:07:0000000:1334 на з/у 10:07:0060104, земельный участок не отмежеван и не поставлен на кадастровый учет, информация о ВРИ отсутствует</t>
  </si>
  <si>
    <t>ИП Перепилицина Л.И.</t>
  </si>
  <si>
    <t>591607465000</t>
  </si>
  <si>
    <t>Загородный отель «Курортный комплекс «Чёрные камни»</t>
  </si>
  <si>
    <t>ОБЩЕСТВО С ОГРАНИЧЕННОЙ ОТВЕТСТВЕННОСТЬЮ "ОХОТНИЧЬЕ ХОЗЯЙСТВО "ЧЕРНЫЕ КАМНИ"</t>
  </si>
  <si>
    <t>Присвоена категория "4 звезды", № свидетельства  АА-060-2022, срок действия до 20.02.2027, № реестровой записи С102024009499 до  29.04.2028</t>
  </si>
  <si>
    <t>Присвоена категория "три звезды", № свидетельства  АА-043-2022, срок действия до  26.06.2028, № реестровой записи С102025004082 до 12.05.2028</t>
  </si>
  <si>
    <t>Загородный отель "Курортный комплекс "Черные камни" корпус 29,30</t>
  </si>
  <si>
    <t>Присвоена категория "4 звезды", № свидетельства  АА-043-2022, срок действия до 26.06.2028, № реестровой записи С102025004118 до 14.05.2028</t>
  </si>
  <si>
    <t xml:space="preserve">апартаменты-2 </t>
  </si>
  <si>
    <t>ООО "Карелия Глэмпинг" директор Григорьева Юлия Валерьевна (дописала ФИО директора)</t>
  </si>
  <si>
    <t>Присвоена категория  "без категории", № реестровой записи С102025002569, срок окончания действия 26.02.2028</t>
  </si>
  <si>
    <t>з/у 10:10:081502:313, земли населенных пунктов, ВРИ-для размещения объектов культурно-оздоровительного и тур.назначения; з/у 10:10:0081502:9, земли населенных пунктов, ВРИ-для организации отдыха и туризма: з/у 10:10:081502:4, 10:10:0081502:2, 10:10:0081502:3- Земли особо охраняемых территорий и объектов, ВРИ-турисимчечкая база</t>
  </si>
  <si>
    <t>ЖД 10:07:0062204:136 на з/у 10:07:0062204:78, земли населенных пунктов, ВРИ-под личное подсобное хозяйство</t>
  </si>
  <si>
    <t>нет в реестре классификации</t>
  </si>
  <si>
    <t>ЖД 10:07:0010318:211 на з/у 10:07:0010318:104, земли населенных пунктов, ВРИ-для ИЖС</t>
  </si>
  <si>
    <t>Присвоена категория "без категории", № реестровой записи С102024012361</t>
  </si>
  <si>
    <t>отсутствует в реестре классификации</t>
  </si>
  <si>
    <t>Присвоена категория " звезды", № свидетельства АА-063-2022, дата выдачи  23.12.2022, срок действия 20.11.2027, № реестровой записи С102024021776</t>
  </si>
  <si>
    <t>Присвоена категория "без категории", № реестровой записи С102025003038, срок действия  05.03.2028</t>
  </si>
  <si>
    <t>кадастровый номер многоквартирного дома 10:07:0010318:118 на з/у 10:07:0010318:170, земли населенных пунктов, ВРИ-для многоквартирной жилой застройки</t>
  </si>
  <si>
    <t>з/у 10:07:040703:7, земли населенных пунктов, ВРИ -под ИЖС</t>
  </si>
  <si>
    <t>Присвоена категория "4 звезды", № свидетельства АА-063-2022, дата выдачи  23.12.2022, срок действия  06.06.2027, № реестровой записи С102024020585</t>
  </si>
  <si>
    <t>Парк-отель "Ямилахти"Республика Карелия, м.о. Сортавальский, кв-л 42811, д. 34, Республика Карелия, м.о. Сортавальский, кв-л 42811, з/у 29</t>
  </si>
  <si>
    <t>ОБЩЕСТВО С ОГРАНИЧЕННОЙ ОТВЕТСТВЕННОСТЬЮ "ОТЕЛЬ ЯМИ", ГЕНЕРАЛЬНЫЙ ДИРЕКТОР: Лазебный Филипп Евгеньевич</t>
  </si>
  <si>
    <t>1000015619</t>
  </si>
  <si>
    <t xml:space="preserve">Основной вид- 55.10 Деятельность гостиниц и прочих мест для временного проживания, дополнительные: 56.10, 56.30, 68.20, 68.32, 77.11, 77.21, 79.90
 </t>
  </si>
  <si>
    <t>Присвоена категория "4 звезды", № свидетельства А010-00130-77/01377291, дата окончания действия 04.06.2028</t>
  </si>
  <si>
    <t xml:space="preserve">Количество номеров-12, семейных номеров-12, номеров для людей с ограниченными возможностями-1
</t>
  </si>
  <si>
    <t>новый объект, зарегистрированный в реестре Росаккредитации</t>
  </si>
  <si>
    <t>Гостиница Альда  186790, Республика Карелия, м.о. Сортавальский, г Сортавала, ул Карельская, д. 11а, помещ. 2, 186790, Республика Карелия, м.о. Сортавальский, г Сортавала, ул Карельская, д. 11а, помещ. 3</t>
  </si>
  <si>
    <t>Левина Виктория Владимировна</t>
  </si>
  <si>
    <t>100703357695</t>
  </si>
  <si>
    <t>55.20 Деятельность по предоставлению мест для краткосрочного проживания, дополнительные - 55.10, 68.20.</t>
  </si>
  <si>
    <t>Присвоена категория "нет категории", № реестровой записи С102025003684, дата окончания действия  27.03.2028</t>
  </si>
  <si>
    <t>новый объект зарегистрированный в реестре Росаккредитации</t>
  </si>
  <si>
    <t>Глэмпинг "Пестрый залив", А-121 Сортавала, 278-й километр, Сортавальский муниципальный округ, Республика Карелия</t>
  </si>
  <si>
    <t>Миккоев Николай Иванович</t>
  </si>
  <si>
    <t>96.02 Предоставление услуг парикмахерскими и салонами красоты, доп.виды - 41.2, 43.2, 43.3, 43.12,43.99, 56.3, 46.38, 47.75, 52.21.24, 56.10, 56.10.1, 56.10.3, 68.2, 68.3, 80.10, 80.20, 80.30, 82.99, 96.04, 96.09</t>
  </si>
  <si>
    <t>Присвоена категория "нет категории", №  реестровой записи С102025002810, срок окончания действия 03.03.2028</t>
  </si>
  <si>
    <t>База отдыха "На паузе", Республика Карелия, м.о. Сортавальский, п Кирьявалахти, р-н Ристиярви, д. 1, к. 4</t>
  </si>
  <si>
    <t>СТЕПКИН АЛЕКСЕЙ ДМИТРИЕВИЧ</t>
  </si>
  <si>
    <t>781313310443</t>
  </si>
  <si>
    <t>68.20 Аренда и управление собственным или арендованным недвижимым имуществом, дополнительные - 55.20, 55.30, 66.22, 68.10, 68.10.21, 68.10.22, 68.10.23, 68.20.1, 68.20.2, 68.32, 78.30, 81.10, 82.11</t>
  </si>
  <si>
    <t>Присвоена категория "Нет категории", № реестровой записи С002025002113, дата окончания действия  05.05.2028</t>
  </si>
  <si>
    <t>новый зарегистрированный объект реестре Росаккредитации</t>
  </si>
  <si>
    <t>База отдыха "Дом Конунга", Республика Карелия, г. Сортавала, ул. Приозерная, д. 5</t>
  </si>
  <si>
    <t>Тестов Александр Валентинович</t>
  </si>
  <si>
    <t>471501762984</t>
  </si>
  <si>
    <t>91.02 Деятельность музеев, дополнительные - 32.40, 43.34.1, 43.39, 47.19,47.24, 47.25, 47.29, 47.78.3, 47.78.9, 47.89, 47.99, 49.32, 56.10, 56.21, 56.29, 56.30, 58.11.1, 58.11.2, 58.11.4, 58.19, 79.90, 79.90.21, 79.90.22,  90.03, 90.04, 93.21, 93.29, 96.04</t>
  </si>
  <si>
    <t>Присвоена категория "Нет категории", № реестровой записи С002025001941, срок окончания действия 31.01.2028</t>
  </si>
  <si>
    <t>Кемпинг "Каменная Карелия", Республика Карелия, Сортавальский муниципальный округ, пос.Кирьявалахти</t>
  </si>
  <si>
    <t> Братышева Марина Ивановна</t>
  </si>
  <si>
    <t>100700508762</t>
  </si>
  <si>
    <t>Присвоена категория "Нет категории", № реестровой записи С002025001906, срок окончания действия 28.01.2028</t>
  </si>
  <si>
    <t>На звонки не отвечает</t>
  </si>
  <si>
    <t>Загородный комплекс Ягодная Деревня, Илья Джапаридзе, 8-921-62-99-000, Сортавальский муниципальный округ, остров Онттолансари</t>
  </si>
  <si>
    <t>ООО "ЯГОДНАЯ ДЕРЕВНЯ", ГЕНЕРАЛЬНЫЙ ДИРЕКТОР: Джапаридзе Илья Гурамович</t>
  </si>
  <si>
    <t>1000015873</t>
  </si>
  <si>
    <t>55.30 Деятельность по предоставлению мест для временного проживания в кемпингах, жилых автофургонах и туристических автоприцепах, доп.- 47.91.2 ,  47.91.4, 49.39.32,  55.10,  55.20, 55.90, 56.10, 56.10.1, 68.20, 79.11, 79.12, 79.90, 79.90.1, 79.90.2, 82.30, 93.19, 93.29, 93.29.3, 93.29.9</t>
  </si>
  <si>
    <t>Присвоена категория "Нет категории", № реестровой записи С102025002546, срок окончания действия  26.02.2028</t>
  </si>
  <si>
    <t>открыты и работают</t>
  </si>
  <si>
    <t>Присвоена категория "нет категории", № реестровой записи С102024010974</t>
  </si>
  <si>
    <t>Действующая гостиница</t>
  </si>
  <si>
    <t>- внесены измения</t>
  </si>
  <si>
    <t>- новые объекты</t>
  </si>
  <si>
    <r>
      <t xml:space="preserve">Присвоена категория: "без звёзд"
№ свидетельства 10/АА-036/069-2022
Срок действия свидетельства до 21 марта 2025 г, </t>
    </r>
    <r>
      <rPr>
        <u/>
        <sz val="12"/>
        <color rgb="FFFF0000"/>
        <rFont val="Times New Roman"/>
        <family val="1"/>
        <charset val="204"/>
      </rPr>
      <t>в реестре отсутствует</t>
    </r>
  </si>
  <si>
    <r>
      <t xml:space="preserve">https://vk.com/lakeladoga, </t>
    </r>
    <r>
      <rPr>
        <sz val="12"/>
        <rFont val="Times New Roman"/>
        <family val="1"/>
        <charset val="204"/>
      </rPr>
      <t>ALEXANDER.V.KOTELNIKOV@GMAIL.
COM</t>
    </r>
    <r>
      <rPr>
        <u/>
        <sz val="12"/>
        <rFont val="Times New Roman"/>
        <family val="1"/>
        <charset val="204"/>
      </rPr>
      <t xml:space="preserve">
</t>
    </r>
  </si>
  <si>
    <r>
      <t xml:space="preserve">Присвоена категория: "две звезды"
№ свидетельства 10/АА-036/070-2022
Срок действия свидетельства до 24 марта 2025 г, </t>
    </r>
    <r>
      <rPr>
        <sz val="12"/>
        <color rgb="FFFF0000"/>
        <rFont val="Times New Roman"/>
        <family val="1"/>
        <charset val="204"/>
      </rPr>
      <t>в реестре статус "Приостановлен", объект действующий (</t>
    </r>
    <r>
      <rPr>
        <sz val="12"/>
        <color theme="1"/>
        <rFont val="Times New Roman"/>
        <family val="1"/>
        <charset val="204"/>
      </rPr>
      <t>уточнение красного цвета о статусе</t>
    </r>
    <r>
      <rPr>
        <sz val="12"/>
        <color rgb="FFFF0000"/>
        <rFont val="Times New Roman"/>
        <family val="1"/>
        <charset val="204"/>
      </rPr>
      <t>)</t>
    </r>
  </si>
  <si>
    <r>
      <t xml:space="preserve">новый объект, </t>
    </r>
    <r>
      <rPr>
        <b/>
        <i/>
        <sz val="12"/>
        <color theme="6" tint="-0.249977111117893"/>
        <rFont val="Times New Roman"/>
        <family val="1"/>
        <charset val="204"/>
      </rPr>
      <t>ВРИ не соответствует</t>
    </r>
  </si>
  <si>
    <r>
      <t xml:space="preserve">https://vk.com/rigola10     </t>
    </r>
    <r>
      <rPr>
        <sz val="12"/>
        <rFont val="Times New Roman"/>
        <family val="1"/>
        <charset val="204"/>
      </rPr>
      <t>+8 (921) 800-88-99
Rigola10@mail.ru. Планируется строительство ресторана на 50 мест, семейные дома.</t>
    </r>
  </si>
  <si>
    <t>включен в Реестр КСР, сертификации нет</t>
  </si>
  <si>
    <t>База отдыха «Воронов ФорПост»  Лахденпохский район пос. Тиурула, о.Кильпола     (Воронов Андрей Викторович, +79214652605)</t>
  </si>
  <si>
    <t>Воронова Евгения Николаевна</t>
  </si>
  <si>
    <t>(работают с мая по октябрь)</t>
  </si>
  <si>
    <t>нет (получен отказ при попытке включить объект в Реест КСР)</t>
  </si>
  <si>
    <t>База отдыха "Папоротниккэмп" Ристилахти, 18 Лахденпохский рн, кемпинг "Папоротник" Ристилахти, 18</t>
  </si>
  <si>
    <t>ИП (патент)</t>
  </si>
  <si>
    <t>Фокина Светлана Валентиновна 89119012061</t>
  </si>
  <si>
    <t>с мая по октябрь</t>
  </si>
  <si>
    <t>Гусева Юлия Леонтьевна  89650707574</t>
  </si>
  <si>
    <t xml:space="preserve"> КФХ  Швед Сергей Владимирович (89818887018)</t>
  </si>
  <si>
    <t>Хутор "Мельница" , Лахденпохский район, п.Терву</t>
  </si>
  <si>
    <t>Большухин Кирил Вячеславович  89219543465</t>
  </si>
  <si>
    <t>Зиновьев Юрий Валентинович (управляющий)</t>
  </si>
  <si>
    <t xml:space="preserve"> ООО "Липпола" (Алексей Игоревич Сухляев  89119642524)</t>
  </si>
  <si>
    <t>Присвоена категория: "без звёзд"
№ свидетельства 10/АА-036/043-2021
Срок действия свидетельства до 31 марта 2024 г</t>
  </si>
  <si>
    <t>Присвоена категория: "две звезды" № свидетельства 78/АА-51/124/2022
Срок действия свидетельства до 26 февр. 2025 г</t>
  </si>
  <si>
    <t>Присвоена категория: Три звезды. Свидетельство № 77/АА-032-2022/223-2024. Дата выдачи 18.07.2024</t>
  </si>
  <si>
    <t>Присвоена категория: "три звезды" № свидетельства 78/АА-51/187-2024
Срок действия свидетельства до 05 февр. 2027 г</t>
  </si>
  <si>
    <t>10:10:0010142:159, 10:12:0010142:209</t>
  </si>
  <si>
    <t>orbitalog@yandex.ru</t>
  </si>
  <si>
    <t>посуточный найм, не на постоянной основе</t>
  </si>
  <si>
    <t>Присвоена категория: Две звезды. Свидетельство № 10/АА-063-2022/196-2024. Дата выдачи 22.11.2024</t>
  </si>
  <si>
    <t>База отдыха МБУ ДО "ЛЦДТ"</t>
  </si>
  <si>
    <t>МБУ ДО "ЛЦДТ"</t>
  </si>
  <si>
    <t>1012001988</t>
  </si>
  <si>
    <t>Присвоена категория: Без звезд. Свидетельство № 10/АА-063-2022/198-2024. Дата выдачи 10.12.2024</t>
  </si>
  <si>
    <t>База отдыха "Вили Улей Карелия"                              7 981 888-10-48;                            villy@villy-uley.ru</t>
  </si>
  <si>
    <t>ООО "Глэмпинг"</t>
  </si>
  <si>
    <t>6950236397</t>
  </si>
  <si>
    <t>Заботин Александр Иванович</t>
  </si>
  <si>
    <t xml:space="preserve"> 780200097871</t>
  </si>
  <si>
    <t>2015</t>
  </si>
  <si>
    <t xml:space="preserve">Вид деятельности не относится к гостиничному делу и временному размещению </t>
  </si>
  <si>
    <t>0 работает семья</t>
  </si>
  <si>
    <t>Туркина Наталья Николаевна, 10:12:0022204:671;    10:12:0022204:1226</t>
  </si>
  <si>
    <t>Сезонный характер, дорогое электричество, отсутствие мобильной связи и Интернета</t>
  </si>
  <si>
    <t xml:space="preserve">Домики для отдыха, Лахденпохский район, п.Кортела, https://vk.com/nukarinen
</t>
  </si>
  <si>
    <t>Коваленко Аркадий Игоревич</t>
  </si>
  <si>
    <t>101200869057</t>
  </si>
  <si>
    <t>Деятельность по предоставлению мест для краткосрочного проживания55.2</t>
  </si>
  <si>
    <t>10:12:0022202:1285;   Коваленко Вера Ивановна;  Земли населенных пунктов; Вид р.и.  под домом-дачей и личным подсобным хозяйством</t>
  </si>
  <si>
    <t>На данный момент достраивается два дома для сдачи. Планируется открытие июль 2025</t>
  </si>
  <si>
    <t>Кемпинг "KilpoCamp"</t>
  </si>
  <si>
    <t>10:10:0010142:745</t>
  </si>
  <si>
    <t xml:space="preserve">https://kilpolansaari.ru/camping </t>
  </si>
  <si>
    <t>Дата прекращения деятельности: 04.10.2022</t>
  </si>
  <si>
    <t>Казаков Олег Анатольевич 89217859107</t>
  </si>
  <si>
    <t>База отдыха "Бухта Хелмела", ИП Дундур Глеб Вольдемарович, +79119270755, geglov3@rambler,ru</t>
  </si>
  <si>
    <t>ИП Дундур Глеб Вольдемарович</t>
  </si>
  <si>
    <t>782540180714</t>
  </si>
  <si>
    <t>открытие не ранее 2026</t>
  </si>
  <si>
    <t>10:12:0051301:2628 земли рекреационного назначения</t>
  </si>
  <si>
    <t>Ждут изменения вида разрешенного использования земельных участков</t>
  </si>
  <si>
    <t>Вилла Ягель,  район пос. Куркиеки,                            +7 (905) 216-48-11
villa-yagel@mail.ru</t>
  </si>
  <si>
    <r>
      <t>Дополнительные виды деятельности:  55.10 Деятельность гостиниц и прочих мест для временного проживания</t>
    </r>
    <r>
      <rPr>
        <sz val="11"/>
        <color rgb="FF0C0E31"/>
        <rFont val="Times New Roman"/>
        <family val="1"/>
        <charset val="204"/>
      </rPr>
      <t xml:space="preserve">;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t>
    </r>
  </si>
  <si>
    <r>
      <t>Дополнительные виды деятельности:  55.10 Деятельность гостиниц и прочих мест для временного проживания</t>
    </r>
    <r>
      <rPr>
        <sz val="11"/>
        <color rgb="FF0C0E31"/>
        <rFont val="Times New Roman"/>
        <family val="1"/>
        <charset val="204"/>
      </rPr>
      <t>;        55.20 Деятельность по предоставлению
мест для краткосрочного проживания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r>
  </si>
  <si>
    <r>
      <t xml:space="preserve">Дополнительные виды деятельности:  </t>
    </r>
    <r>
      <rPr>
        <sz val="11"/>
        <color rgb="FF0C0E31"/>
        <rFont val="Times New Roman"/>
        <family val="1"/>
        <charset val="204"/>
      </rPr>
      <t xml:space="preserve">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r>
  </si>
  <si>
    <r>
      <t>Дополнительные виды деятельности:  55.10 Деятельность гостиниц и прочих мест для временного проживания</t>
    </r>
    <r>
      <rPr>
        <sz val="11"/>
        <color rgb="FF0C0E31"/>
        <rFont val="Times New Roman"/>
        <family val="1"/>
        <charset val="204"/>
      </rPr>
      <t>;            55.30 Деятельность по предоставлению
мест для временного проживания в
кемпингах, жилых автофургонах и
туристических автоприцепах       55.90 Деятельность по предоставлению прочих мест для временного проживания</t>
    </r>
  </si>
  <si>
    <r>
      <t xml:space="preserve">Дополнительный вид деятельности:  </t>
    </r>
    <r>
      <rPr>
        <sz val="11"/>
        <color rgb="FF0C0E31"/>
        <rFont val="Times New Roman"/>
        <family val="1"/>
        <charset val="204"/>
      </rPr>
      <t xml:space="preserve">         55.30 Деятельность по предоставлению
мест для временного проживания в
кемпингах, жилых автофургонах и
туристических автоприцепах       </t>
    </r>
  </si>
  <si>
    <r>
      <t xml:space="preserve">Дополнительный вид деятельности:  </t>
    </r>
    <r>
      <rPr>
        <sz val="11"/>
        <color rgb="FF0C0E31"/>
        <rFont val="Times New Roman"/>
        <family val="1"/>
        <charset val="204"/>
      </rPr>
      <t xml:space="preserve">   55.90 Деятельность по предоставлению прочих мест для временного проживания</t>
    </r>
  </si>
  <si>
    <r>
      <t>Дополнительные виды деятельности:  55.1 Деятельность гостиниц и прочих мест для временного проживания</t>
    </r>
    <r>
      <rPr>
        <sz val="11"/>
        <color rgb="FF0C0E31"/>
        <rFont val="Times New Roman"/>
        <family val="1"/>
        <charset val="204"/>
      </rPr>
      <t xml:space="preserve">;        55.20 Деятельность по предоставлению
мест для краткосрочного проживания      </t>
    </r>
  </si>
  <si>
    <r>
      <t>Дополнительные виды деятельности:  55.1 Деятельность гостиниц и прочих мест для временного проживания</t>
    </r>
    <r>
      <rPr>
        <sz val="11"/>
        <color rgb="FF0C0E31"/>
        <rFont val="Times New Roman"/>
        <family val="1"/>
        <charset val="204"/>
      </rPr>
      <t xml:space="preserve">;        55.2 Деятельность по предоставлению
мест для краткосрочного проживания      </t>
    </r>
  </si>
  <si>
    <r>
      <t xml:space="preserve">10:12:0051301:2828;     10:12:0051301:2826;    10:12:0051301:2824;    10:12:0051301:2823;    10:12:0051301:2822;    10:12:0051301:2821;    10:12:0051301:2819;  10:12:0051301:2818;  10:12:0051301:2817;  10:12:0051301:2816;  10:12:0051301:2815;  10:12:0051301:2814; 10:12:0051301:2813;  10:12:0051301:975;   10:12:0051301:968;  10:12:0051301:961;  10:12:0051301:976; 10:12:0051301:2827;   10:12:0051301:2825;   </t>
    </r>
    <r>
      <rPr>
        <sz val="8"/>
        <color theme="1"/>
        <rFont val="Times New Roman"/>
        <family val="1"/>
        <charset val="204"/>
      </rPr>
      <t>земли рекреационного назначения</t>
    </r>
  </si>
  <si>
    <r>
      <rPr>
        <sz val="13"/>
        <rFont val="Times New Roman"/>
        <family val="1"/>
        <charset val="204"/>
      </rPr>
      <t xml:space="preserve">Сайт действует, </t>
    </r>
    <r>
      <rPr>
        <u/>
        <sz val="13"/>
        <rFont val="Times New Roman"/>
        <family val="1"/>
        <charset val="204"/>
      </rPr>
      <t>https://tsipringa.ru/</t>
    </r>
  </si>
  <si>
    <t>ScandiVillage, 185014, Республика Карелия, г. Петрозаводск, пр-д. Стрелковый, д. 51/а                              Телефон: + 7 (953) - 526 - 32 - 44
Факс: 
E-mail: 
Адрес сайта: http://scandivillage.tilda.ws/</t>
  </si>
  <si>
    <t>Best Friends hostel г. Петрозаводск, 185031, Республика Карелия, наб. Варкауса, 1а, пом. 1Н  Телефон: +7 921 628-53-79, +79114162452
Факс: 
E-mail: antoxa_ves@mail.ru 
Адрес сайта: https://bestfriendshostel.ru/</t>
  </si>
  <si>
    <t>Присвоена категория: "без звёзд"
Самооценка действует до 28.05.2028</t>
  </si>
  <si>
    <t>Номерной фонд</t>
  </si>
  <si>
    <t>Койко-место</t>
  </si>
  <si>
    <t>Гостевой дом «Тууликки»,  п. Юшкозеро, Калевальский район</t>
  </si>
  <si>
    <t>Зайцева Галина Генриховна</t>
  </si>
  <si>
    <t>100400062205</t>
  </si>
  <si>
    <t>земельный участок площадью 1938 кв.м., категория земель: земли населенных пунктов, разрешенное использование: для ведения личного подсобного хозяйства, кадастровый номер: 10:17:0050205:87</t>
  </si>
  <si>
    <t>гостевой дом "Куйтто" Калевальский район, п.Новое-Юшкозеро, п.Юряхма</t>
  </si>
  <si>
    <t>Тишковский Юрий Олегович</t>
  </si>
  <si>
    <t>101700815187</t>
  </si>
  <si>
    <t>земельный участок площадью 40 кв.м. в аренде</t>
  </si>
  <si>
    <t>Коттедж на озере Куйто в Карелии, Калевальский район</t>
  </si>
  <si>
    <t>Сергеев  Максим Юрьевич</t>
  </si>
  <si>
    <t>101702039740</t>
  </si>
  <si>
    <t xml:space="preserve">не оформлен земельный участок. </t>
  </si>
  <si>
    <t>Гостевой домик 
Калевальский район,  п. Калевала, ул. Вяйнямейнена, д.42</t>
  </si>
  <si>
    <t>земельный участок площадью 1300 кв.м., категория земель: земли населенных пунктов, разрешенное использование: под ИЖС, кадастровый номер:10:17:0010806:32</t>
  </si>
  <si>
    <t>Избушка лесная  берегу озера средний Куйто(в 25 км. От п. Калевала)</t>
  </si>
  <si>
    <t>документы в процессе оформления</t>
  </si>
  <si>
    <t>Туристический комплекс Супасальма Калевальский район, п.Новое Юшкозеро</t>
  </si>
  <si>
    <t>Меккиев Иван Васильевич</t>
  </si>
  <si>
    <t>101700013296</t>
  </si>
  <si>
    <t>земельный участок площадью 1422 кв.м., категория земель: земли сельхозназначения, разрешенное использование: для дачного строительства, кадастровый номер:10:17:0050301:291</t>
  </si>
  <si>
    <t xml:space="preserve"> Гостевой дом Калевальский район, ур.Супосалма</t>
  </si>
  <si>
    <t>земельный участок площадью 1509 кв.м., категория земель: земли сельхозназначения, разрешенное использование: для дачного строительства, кадастровый номер:10:17:0050301:290</t>
  </si>
  <si>
    <t>Гостевой дом, 112 м2, Калевальский муниципальный район, д. Юшкозеро, Урочище Юряхмя</t>
  </si>
  <si>
    <t>земельный участок площадью 1000 кв.м., категория земель: земли сельхозназначения, разрешенное использование: для дачного строительства, кадастровый номер:10:17:0050301:373</t>
  </si>
  <si>
    <t>4**</t>
  </si>
  <si>
    <t>** - нелегальные</t>
  </si>
  <si>
    <t>2**</t>
  </si>
  <si>
    <t>** нелегальные</t>
  </si>
  <si>
    <t>НЕ САМОЗАНЯТЫЙ на 22.01.2025 Из реестра ФНС  искл 10.01.2025</t>
  </si>
  <si>
    <t>ИСКЛЮЧИТЬ</t>
  </si>
  <si>
    <t>Яруллин  Айдар Мударисович, aidar-yarullin@mail.ru 8-921-523-35-40 (Румяна Кабалаевна)</t>
  </si>
  <si>
    <t>102100006130</t>
  </si>
  <si>
    <t>Исключена из реестра МСП 10.01.2025 Яруллина Сабина Айдаровна ИНН 102101211420</t>
  </si>
  <si>
    <t>без * дата включения 04.03.2025</t>
  </si>
  <si>
    <t xml:space="preserve"> ООО Маяковский ИНН  1007028180</t>
  </si>
  <si>
    <t>База отдыха "ДОМinn", Республика Карелия, Пряжинский р-он, пос. Эссойла, ул. Мелиоративная, д. 22-30</t>
  </si>
  <si>
    <t>ООО "Маяковский", info@dominn.ru, +79214699925</t>
  </si>
  <si>
    <t>55.10 - Деятельность гостиниц и прочих мест для временного проживания</t>
  </si>
  <si>
    <t>без * 04.03.2025</t>
  </si>
  <si>
    <t>ВЗАМЕН НОВЫЙ ЮРЛ</t>
  </si>
  <si>
    <t>БЕЗ * Бандурина Алина 8-953-538-55-87   В реестре 03.02.2025</t>
  </si>
  <si>
    <r>
      <t>Гостевой дом "Пажала" Пряжинский район, Ведлозерское пос., д.Пажала 89114109780,</t>
    </r>
    <r>
      <rPr>
        <b/>
        <sz val="11"/>
        <rFont val="Times New Roman"/>
        <family val="1"/>
        <charset val="204"/>
      </rPr>
      <t xml:space="preserve"> </t>
    </r>
    <r>
      <rPr>
        <sz val="11"/>
        <rFont val="Times New Roman"/>
        <family val="1"/>
        <charset val="204"/>
      </rPr>
      <t>8-911-783-60-39 (София)</t>
    </r>
  </si>
  <si>
    <t>Исключена из реестра МСП 10.12.2024</t>
  </si>
  <si>
    <t>ЗАКРЫТ , НЕ РАБОТАЕТ, ИСКЛЮЧИТЬ</t>
  </si>
  <si>
    <t xml:space="preserve">База не существует, отдельные дома </t>
  </si>
  <si>
    <t>?????</t>
  </si>
  <si>
    <t>Дата включения в реестр 04.03.2025, без звезды</t>
  </si>
  <si>
    <t>Исключена из реестра 10.05.2024, не самозанятая</t>
  </si>
  <si>
    <t>Эко -поместье Деда Халла База отдыха, Пряжинский муниципальный район, Чалнинское сельское поселение, п.Чална, район Урозеро, ул. Кристальная 242/243</t>
  </si>
  <si>
    <t>ООО "Калева Тур", +78142763214, kalevatour@mail.ru, +79114027868, https://dedhalla.ru/#description, 8-911-438-80-09 (Ия Николаевна)</t>
  </si>
  <si>
    <t>01.08.2016</t>
  </si>
  <si>
    <t>55.10 - Деятельность гостиниц и прочих мест для временного проживания, 55.20 - Деятельность по предоставлению мест для, 55.30 - Деятельность по предоставлению мест для
временного проживания в кемпингах, жилых
автофургонах и туристических автоприцепах
краткосрочного проживания</t>
  </si>
  <si>
    <t>без * 06.03.2025</t>
  </si>
  <si>
    <t>1комплекс</t>
  </si>
  <si>
    <t>НОВЫЙ</t>
  </si>
  <si>
    <t>Вотчина Карельского Деда Мороза, Пряжинский район, п. Чална мест. Вотчина Карельского Деда Мороза, стр.1</t>
  </si>
  <si>
    <t xml:space="preserve">ООО "Талви", talviukko@mail.ru </t>
  </si>
  <si>
    <t>1021001695</t>
  </si>
  <si>
    <t>21.02.2017</t>
  </si>
  <si>
    <t>База отдыха "Нуозъярви", Заводская 28, Крошнозеро</t>
  </si>
  <si>
    <t>Энгельсон Анастасия Олеговна 8-965-00053-11, 7 (911) 000-21-22(адм) , engelson.ao@gmail.com</t>
  </si>
  <si>
    <t>781712871761</t>
  </si>
  <si>
    <t>Гостевой Дом "Сосновый берег"- 60 м2, пгт Пряжа, ул. Сосновый бор, 8-906-209-999-8</t>
  </si>
  <si>
    <t>Полевая Лариса Викторовна</t>
  </si>
  <si>
    <t>55.20 - Деятельность по предоставлению мест для краткосрочного проживания, https://vk.com/sosnovybereg</t>
  </si>
  <si>
    <t>глэмпинг Лахтанпера, д Лахта  Эссойльское поселение</t>
  </si>
  <si>
    <t>Макаров Дмитрий Викторович lahtanpera@yandex.ru, 8-911-407-76-55</t>
  </si>
  <si>
    <t>100118145123</t>
  </si>
  <si>
    <t>55.30 - Деятельность по предоставлению мест для
временного проживания в кемпингах, жилых
автофургонах и туристических автоприцепах, https://www.lahtanpera.ru/</t>
  </si>
  <si>
    <t>660 (ЮР+ ИП)</t>
  </si>
  <si>
    <t>С+AD8+A1:Q16+A1:Q18+A1:R18+A1:S18+AD8+A1:Q16+A1:R18+A1:R20+A1:R19+A1:R20+A1:R18+A1:A1:P18</t>
  </si>
  <si>
    <t>номерной фонд</t>
  </si>
  <si>
    <t>койко-места</t>
  </si>
  <si>
    <t>Номерной фонд КСР</t>
  </si>
  <si>
    <t xml:space="preserve">Сведения о прохождении классификации или самооценке по новым правилам </t>
  </si>
  <si>
    <t>Причина не прохождения самооценки</t>
  </si>
  <si>
    <t>Причина непрохождения самооценки</t>
  </si>
  <si>
    <r>
      <t xml:space="preserve">присвоена категория: "без звезд" № свидетельства 10/АА-063-2022/179-2024 Срок действия до 18.11.2027 г., </t>
    </r>
    <r>
      <rPr>
        <b/>
        <sz val="12"/>
        <color theme="1"/>
        <rFont val="Times New Roman"/>
        <family val="1"/>
        <charset val="204"/>
      </rPr>
      <t>самооценка пройдена</t>
    </r>
  </si>
  <si>
    <r>
      <t xml:space="preserve">Присвоена категория: "без звёзд",
№ свидетельства АА-037/648-2023
Срок действия свидетельства до 28 июля 2026 г </t>
    </r>
    <r>
      <rPr>
        <b/>
        <sz val="12"/>
        <rFont val="Times New Roman"/>
        <family val="1"/>
        <charset val="204"/>
      </rPr>
      <t>самооценка пройдена, 09 октября 2025 по 09.10.2028 г.</t>
    </r>
  </si>
  <si>
    <t>земли не лесного фонда</t>
  </si>
  <si>
    <t>разрешительных документов нет</t>
  </si>
  <si>
    <t>договора аренды лесного участка для  осуществления рекреационной деятельности</t>
  </si>
  <si>
    <t>Муезерский муниципальный округ</t>
  </si>
  <si>
    <t xml:space="preserve">Легализация туристических объектов в Муезерском муниципальном  округе </t>
  </si>
</sst>
</file>

<file path=xl/styles.xml><?xml version="1.0" encoding="utf-8"?>
<styleSheet xmlns="http://schemas.openxmlformats.org/spreadsheetml/2006/main">
  <numFmts count="6">
    <numFmt numFmtId="164" formatCode="000000"/>
    <numFmt numFmtId="165" formatCode="[$-419]General"/>
    <numFmt numFmtId="166" formatCode="#,##0.00&quot; &quot;[$руб.-419];[Red]&quot;-&quot;#,##0.00&quot; &quot;[$руб.-419]"/>
    <numFmt numFmtId="167" formatCode="&quot; &quot;#,##0.00&quot; &quot;;&quot;-&quot;#,##0.00&quot; &quot;;&quot; -&quot;#&quot; &quot;;&quot; &quot;@&quot; &quot;"/>
    <numFmt numFmtId="168" formatCode="0;[Red]0"/>
    <numFmt numFmtId="169" formatCode="0000"/>
  </numFmts>
  <fonts count="96">
    <font>
      <sz val="11"/>
      <color theme="1"/>
      <name val="Calibri"/>
      <family val="2"/>
      <scheme val="minor"/>
    </font>
    <font>
      <sz val="11"/>
      <color theme="1"/>
      <name val="Calibri"/>
      <family val="2"/>
      <charset val="204"/>
      <scheme val="minor"/>
    </font>
    <font>
      <sz val="11"/>
      <color theme="1"/>
      <name val="Calibri"/>
      <family val="2"/>
      <charset val="204"/>
      <scheme val="minor"/>
    </font>
    <font>
      <sz val="11"/>
      <color theme="1"/>
      <name val="Calibri"/>
      <family val="2"/>
      <charset val="204"/>
      <scheme val="minor"/>
    </font>
    <font>
      <sz val="11"/>
      <color theme="1"/>
      <name val="Calibri"/>
      <family val="2"/>
      <charset val="204"/>
      <scheme val="minor"/>
    </font>
    <font>
      <sz val="11"/>
      <color theme="1"/>
      <name val="Calibri"/>
      <family val="2"/>
      <charset val="204"/>
      <scheme val="minor"/>
    </font>
    <font>
      <sz val="11"/>
      <color theme="1"/>
      <name val="Calibri"/>
      <family val="2"/>
      <charset val="204"/>
      <scheme val="minor"/>
    </font>
    <font>
      <sz val="11"/>
      <color theme="1"/>
      <name val="Calibri"/>
      <family val="2"/>
      <scheme val="minor"/>
    </font>
    <font>
      <sz val="11"/>
      <color rgb="FFFF0000"/>
      <name val="Calibri"/>
      <family val="2"/>
      <charset val="204"/>
      <scheme val="minor"/>
    </font>
    <font>
      <sz val="11"/>
      <color theme="1"/>
      <name val="Calibri"/>
      <family val="2"/>
      <charset val="204"/>
    </font>
    <font>
      <sz val="11"/>
      <name val="Calibri"/>
      <family val="2"/>
      <charset val="204"/>
      <scheme val="minor"/>
    </font>
    <font>
      <u/>
      <sz val="11"/>
      <color theme="10"/>
      <name val="Arial"/>
      <family val="2"/>
      <charset val="204"/>
    </font>
    <font>
      <sz val="11"/>
      <name val="Times New Roman"/>
      <family val="1"/>
      <charset val="204"/>
    </font>
    <font>
      <sz val="11"/>
      <name val="Calibri"/>
      <family val="2"/>
      <charset val="204"/>
    </font>
    <font>
      <u/>
      <sz val="11"/>
      <color theme="10"/>
      <name val="Calibri"/>
      <family val="2"/>
      <charset val="204"/>
    </font>
    <font>
      <u/>
      <sz val="11"/>
      <name val="Calibri"/>
      <family val="2"/>
      <charset val="204"/>
      <scheme val="minor"/>
    </font>
    <font>
      <b/>
      <sz val="11"/>
      <name val="Calibri"/>
      <family val="2"/>
      <charset val="204"/>
      <scheme val="minor"/>
    </font>
    <font>
      <i/>
      <sz val="11"/>
      <name val="Calibri"/>
      <family val="2"/>
      <charset val="204"/>
      <scheme val="minor"/>
    </font>
    <font>
      <i/>
      <sz val="11"/>
      <color theme="1"/>
      <name val="Calibri"/>
      <family val="2"/>
      <charset val="204"/>
    </font>
    <font>
      <i/>
      <sz val="11"/>
      <name val="Calibri"/>
      <family val="2"/>
      <charset val="204"/>
    </font>
    <font>
      <i/>
      <sz val="11"/>
      <color theme="0" tint="-0.14999847407452621"/>
      <name val="Calibri"/>
      <family val="2"/>
      <charset val="204"/>
    </font>
    <font>
      <sz val="11"/>
      <color theme="0" tint="-0.14999847407452621"/>
      <name val="Calibri"/>
      <family val="2"/>
      <charset val="204"/>
    </font>
    <font>
      <sz val="10"/>
      <name val="Times New Roman"/>
      <family val="1"/>
      <charset val="204"/>
    </font>
    <font>
      <sz val="11"/>
      <color theme="1"/>
      <name val="Arial"/>
      <family val="2"/>
      <charset val="204"/>
    </font>
    <font>
      <u/>
      <sz val="11"/>
      <color theme="10"/>
      <name val="Calibri"/>
      <family val="2"/>
      <scheme val="minor"/>
    </font>
    <font>
      <sz val="11"/>
      <name val="Calibri"/>
      <family val="2"/>
      <scheme val="minor"/>
    </font>
    <font>
      <sz val="11"/>
      <color rgb="FF000000"/>
      <name val="Calibri"/>
      <family val="2"/>
      <charset val="204"/>
    </font>
    <font>
      <sz val="11"/>
      <color theme="1"/>
      <name val="Calibri"/>
      <family val="2"/>
      <charset val="204"/>
    </font>
    <font>
      <u/>
      <sz val="11"/>
      <color indexed="12"/>
      <name val="Calibri"/>
      <family val="2"/>
      <charset val="1"/>
    </font>
    <font>
      <u/>
      <sz val="11"/>
      <color theme="10"/>
      <name val="Calibri"/>
      <family val="2"/>
      <charset val="204"/>
    </font>
    <font>
      <sz val="12"/>
      <name val="Times New Roman"/>
      <family val="1"/>
      <charset val="204"/>
    </font>
    <font>
      <sz val="10"/>
      <color theme="1"/>
      <name val="Times New Roman"/>
      <family val="1"/>
      <charset val="204"/>
    </font>
    <font>
      <b/>
      <sz val="9"/>
      <color indexed="81"/>
      <name val="Tahoma"/>
      <family val="2"/>
      <charset val="204"/>
    </font>
    <font>
      <sz val="10"/>
      <color theme="1"/>
      <name val="Arial"/>
      <family val="2"/>
    </font>
    <font>
      <u/>
      <sz val="11"/>
      <color theme="10"/>
      <name val="Calibri"/>
      <family val="2"/>
      <charset val="204"/>
      <scheme val="minor"/>
    </font>
    <font>
      <u/>
      <sz val="11"/>
      <name val="Times New Roman"/>
      <family val="1"/>
      <charset val="204"/>
    </font>
    <font>
      <i/>
      <sz val="11"/>
      <name val="Times New Roman"/>
      <family val="1"/>
      <charset val="204"/>
    </font>
    <font>
      <b/>
      <sz val="11"/>
      <name val="Times New Roman"/>
      <family val="1"/>
      <charset val="204"/>
    </font>
    <font>
      <sz val="11"/>
      <color indexed="8"/>
      <name val="Calibri"/>
      <family val="2"/>
      <charset val="204"/>
    </font>
    <font>
      <u/>
      <sz val="11"/>
      <color theme="10"/>
      <name val="Calibri"/>
      <family val="2"/>
    </font>
    <font>
      <sz val="11"/>
      <color rgb="FFFF0000"/>
      <name val="Times New Roman"/>
      <family val="1"/>
      <charset val="204"/>
    </font>
    <font>
      <b/>
      <sz val="10"/>
      <name val="Times New Roman"/>
      <family val="1"/>
      <charset val="204"/>
    </font>
    <font>
      <b/>
      <sz val="10"/>
      <color theme="1"/>
      <name val="Times New Roman"/>
      <family val="1"/>
      <charset val="204"/>
    </font>
    <font>
      <b/>
      <sz val="12"/>
      <name val="Times New Roman"/>
      <family val="1"/>
      <charset val="204"/>
    </font>
    <font>
      <b/>
      <sz val="12"/>
      <color theme="1"/>
      <name val="Times New Roman"/>
      <family val="1"/>
      <charset val="204"/>
    </font>
    <font>
      <sz val="12"/>
      <color theme="1"/>
      <name val="Times New Roman"/>
      <family val="1"/>
      <charset val="204"/>
    </font>
    <font>
      <sz val="11"/>
      <color rgb="FF00B050"/>
      <name val="Times New Roman"/>
      <family val="1"/>
      <charset val="204"/>
    </font>
    <font>
      <sz val="11"/>
      <color rgb="FF00B050"/>
      <name val="Calibri"/>
      <family val="2"/>
      <charset val="204"/>
      <scheme val="minor"/>
    </font>
    <font>
      <sz val="13"/>
      <name val="Times New Roman"/>
      <family val="1"/>
      <charset val="204"/>
    </font>
    <font>
      <b/>
      <sz val="13"/>
      <name val="Times New Roman"/>
      <family val="1"/>
      <charset val="204"/>
    </font>
    <font>
      <b/>
      <sz val="14"/>
      <color theme="1"/>
      <name val="Times New Roman"/>
      <family val="1"/>
      <charset val="204"/>
    </font>
    <font>
      <b/>
      <sz val="14"/>
      <color theme="1"/>
      <name val="Calibri"/>
      <family val="2"/>
      <charset val="204"/>
      <scheme val="minor"/>
    </font>
    <font>
      <sz val="14"/>
      <color theme="1"/>
      <name val="Calibri"/>
      <family val="2"/>
      <scheme val="minor"/>
    </font>
    <font>
      <sz val="11"/>
      <color theme="5" tint="-0.249977111117893"/>
      <name val="Times New Roman"/>
      <family val="1"/>
      <charset val="204"/>
    </font>
    <font>
      <sz val="11"/>
      <color theme="1"/>
      <name val="Times\"/>
      <charset val="204"/>
    </font>
    <font>
      <sz val="11"/>
      <color theme="5" tint="-0.249977111117893"/>
      <name val="Calibri"/>
      <family val="2"/>
      <charset val="204"/>
      <scheme val="minor"/>
    </font>
    <font>
      <sz val="11"/>
      <color theme="1"/>
      <name val="Times New Roman"/>
      <family val="1"/>
      <charset val="204"/>
    </font>
    <font>
      <sz val="11"/>
      <color theme="1" tint="4.9989318521683403E-2"/>
      <name val="Times New Roman"/>
      <family val="1"/>
      <charset val="204"/>
    </font>
    <font>
      <sz val="11"/>
      <color theme="5"/>
      <name val="Times New Roman"/>
      <family val="1"/>
      <charset val="204"/>
    </font>
    <font>
      <i/>
      <sz val="12"/>
      <name val="Times New Roman"/>
      <family val="1"/>
      <charset val="204"/>
    </font>
    <font>
      <sz val="12"/>
      <name val="Calibri"/>
      <family val="2"/>
      <charset val="204"/>
      <scheme val="minor"/>
    </font>
    <font>
      <sz val="12"/>
      <name val="Calibri"/>
      <family val="2"/>
      <charset val="204"/>
    </font>
    <font>
      <sz val="12"/>
      <color rgb="FF0C0E31"/>
      <name val="Times New Roman"/>
      <family val="1"/>
      <charset val="204"/>
    </font>
    <font>
      <sz val="12"/>
      <color rgb="FFFF0000"/>
      <name val="Times New Roman"/>
      <family val="1"/>
      <charset val="204"/>
    </font>
    <font>
      <u/>
      <sz val="12"/>
      <name val="Times New Roman"/>
      <family val="1"/>
      <charset val="204"/>
    </font>
    <font>
      <b/>
      <i/>
      <sz val="12"/>
      <name val="Times New Roman"/>
      <family val="1"/>
      <charset val="204"/>
    </font>
    <font>
      <b/>
      <i/>
      <sz val="12"/>
      <color theme="0" tint="-0.14999847407452621"/>
      <name val="Times New Roman"/>
      <family val="1"/>
      <charset val="204"/>
    </font>
    <font>
      <i/>
      <sz val="12"/>
      <color theme="1"/>
      <name val="Times New Roman"/>
      <family val="1"/>
      <charset val="204"/>
    </font>
    <font>
      <u/>
      <sz val="11"/>
      <color rgb="FF0000FF"/>
      <name val="Calibri"/>
      <family val="2"/>
      <charset val="204"/>
    </font>
    <font>
      <b/>
      <i/>
      <sz val="16"/>
      <color theme="1"/>
      <name val="Arial"/>
      <family val="2"/>
      <charset val="204"/>
    </font>
    <font>
      <b/>
      <i/>
      <u/>
      <sz val="11"/>
      <color theme="1"/>
      <name val="Arial"/>
      <family val="2"/>
      <charset val="204"/>
    </font>
    <font>
      <sz val="10"/>
      <name val="Arial"/>
      <family val="2"/>
      <charset val="204"/>
    </font>
    <font>
      <u/>
      <sz val="11"/>
      <color indexed="12"/>
      <name val="Calibri"/>
      <family val="2"/>
      <charset val="204"/>
    </font>
    <font>
      <b/>
      <sz val="11"/>
      <color rgb="FF3F3F3F"/>
      <name val="Calibri"/>
      <family val="2"/>
      <charset val="204"/>
      <scheme val="minor"/>
    </font>
    <font>
      <sz val="12"/>
      <color theme="9"/>
      <name val="Times New Roman"/>
      <family val="1"/>
      <charset val="204"/>
    </font>
    <font>
      <u/>
      <sz val="12"/>
      <color theme="10"/>
      <name val="Times New Roman"/>
      <family val="1"/>
      <charset val="204"/>
    </font>
    <font>
      <sz val="12"/>
      <color rgb="FF00B050"/>
      <name val="Times New Roman"/>
      <family val="1"/>
      <charset val="204"/>
    </font>
    <font>
      <b/>
      <sz val="12"/>
      <color rgb="FFFF0000"/>
      <name val="Times New Roman"/>
      <family val="1"/>
      <charset val="204"/>
    </font>
    <font>
      <sz val="12"/>
      <color rgb="FF000000"/>
      <name val="Times New Roman"/>
      <family val="1"/>
      <charset val="204"/>
    </font>
    <font>
      <sz val="12"/>
      <color rgb="FF35383B"/>
      <name val="Times New Roman"/>
      <family val="1"/>
      <charset val="204"/>
    </font>
    <font>
      <b/>
      <sz val="12"/>
      <color rgb="FF856404"/>
      <name val="Times New Roman"/>
      <family val="1"/>
      <charset val="204"/>
    </font>
    <font>
      <b/>
      <sz val="12"/>
      <color rgb="FF3F3F3F"/>
      <name val="Times New Roman"/>
      <family val="1"/>
      <charset val="204"/>
    </font>
    <font>
      <sz val="11"/>
      <color rgb="FF000000"/>
      <name val="Calibri"/>
      <family val="2"/>
      <charset val="1"/>
    </font>
    <font>
      <u/>
      <sz val="12"/>
      <color rgb="FFFF0000"/>
      <name val="Times New Roman"/>
      <family val="1"/>
      <charset val="204"/>
    </font>
    <font>
      <b/>
      <i/>
      <sz val="12"/>
      <color theme="6" tint="-0.249977111117893"/>
      <name val="Times New Roman"/>
      <family val="1"/>
      <charset val="204"/>
    </font>
    <font>
      <sz val="11"/>
      <color rgb="FF0C0E31"/>
      <name val="Times New Roman"/>
      <family val="1"/>
      <charset val="204"/>
    </font>
    <font>
      <sz val="11"/>
      <color rgb="FF35383B"/>
      <name val="Times New Roman"/>
      <family val="1"/>
      <charset val="204"/>
    </font>
    <font>
      <sz val="8"/>
      <color theme="1"/>
      <name val="Times New Roman"/>
      <family val="1"/>
      <charset val="204"/>
    </font>
    <font>
      <u/>
      <sz val="11"/>
      <color theme="10"/>
      <name val="Times New Roman"/>
      <family val="1"/>
      <charset val="204"/>
    </font>
    <font>
      <b/>
      <sz val="11"/>
      <color theme="1"/>
      <name val="Times New Roman"/>
      <family val="1"/>
      <charset val="204"/>
    </font>
    <font>
      <i/>
      <sz val="13"/>
      <name val="Times New Roman"/>
      <family val="1"/>
      <charset val="204"/>
    </font>
    <font>
      <b/>
      <i/>
      <sz val="13"/>
      <name val="Times New Roman"/>
      <family val="1"/>
      <charset val="204"/>
    </font>
    <font>
      <u/>
      <sz val="13"/>
      <name val="Times New Roman"/>
      <family val="1"/>
      <charset val="204"/>
    </font>
    <font>
      <u/>
      <sz val="11"/>
      <name val="Arial"/>
      <family val="2"/>
      <charset val="204"/>
    </font>
    <font>
      <sz val="11"/>
      <name val="Times\"/>
      <charset val="204"/>
    </font>
    <font>
      <sz val="11"/>
      <color theme="1"/>
      <name val="Times New Roman"/>
      <charset val="204"/>
    </font>
  </fonts>
  <fills count="10">
    <fill>
      <patternFill patternType="none"/>
    </fill>
    <fill>
      <patternFill patternType="gray125"/>
    </fill>
    <fill>
      <patternFill patternType="solid">
        <fgColor theme="0" tint="-0.34998626667073579"/>
        <bgColor indexed="64"/>
      </patternFill>
    </fill>
    <fill>
      <patternFill patternType="solid">
        <fgColor rgb="FFFFFF00"/>
        <bgColor indexed="64"/>
      </patternFill>
    </fill>
    <fill>
      <patternFill patternType="solid">
        <fgColor theme="0"/>
        <bgColor indexed="64"/>
      </patternFill>
    </fill>
    <fill>
      <patternFill patternType="solid">
        <fgColor theme="2" tint="-9.9978637043366805E-2"/>
        <bgColor indexed="64"/>
      </patternFill>
    </fill>
    <fill>
      <patternFill patternType="solid">
        <fgColor theme="5" tint="0.39997558519241921"/>
        <bgColor indexed="64"/>
      </patternFill>
    </fill>
    <fill>
      <patternFill patternType="solid">
        <fgColor rgb="FFF2F2F2"/>
      </patternFill>
    </fill>
    <fill>
      <patternFill patternType="solid">
        <fgColor rgb="FF92D050"/>
        <bgColor indexed="64"/>
      </patternFill>
    </fill>
    <fill>
      <patternFill patternType="solid">
        <fgColor theme="9"/>
        <bgColor indexed="64"/>
      </patternFill>
    </fill>
  </fills>
  <borders count="89">
    <border>
      <left/>
      <right/>
      <top/>
      <bottom/>
      <diagonal/>
    </border>
    <border>
      <left style="thin">
        <color auto="1"/>
      </left>
      <right style="thin">
        <color auto="1"/>
      </right>
      <top style="thin">
        <color auto="1"/>
      </top>
      <bottom style="thin">
        <color auto="1"/>
      </bottom>
      <diagonal/>
    </border>
    <border>
      <left/>
      <right style="thin">
        <color auto="1"/>
      </right>
      <top style="thin">
        <color auto="1"/>
      </top>
      <bottom style="thin">
        <color auto="1"/>
      </bottom>
      <diagonal/>
    </border>
    <border>
      <left/>
      <right/>
      <top style="thin">
        <color indexed="64"/>
      </top>
      <bottom style="thin">
        <color indexed="64"/>
      </bottom>
      <diagonal/>
    </border>
    <border>
      <left style="thin">
        <color auto="1"/>
      </left>
      <right style="thin">
        <color auto="1"/>
      </right>
      <top style="thin">
        <color auto="1"/>
      </top>
      <bottom/>
      <diagonal/>
    </border>
    <border>
      <left style="thin">
        <color auto="1"/>
      </left>
      <right/>
      <top style="thin">
        <color auto="1"/>
      </top>
      <bottom style="thin">
        <color auto="1"/>
      </bottom>
      <diagonal/>
    </border>
    <border>
      <left/>
      <right/>
      <top style="thin">
        <color indexed="64"/>
      </top>
      <bottom/>
      <diagonal/>
    </border>
    <border>
      <left style="thin">
        <color theme="0" tint="-0.14999847407452621"/>
      </left>
      <right/>
      <top style="thin">
        <color indexed="64"/>
      </top>
      <bottom/>
      <diagonal/>
    </border>
    <border>
      <left style="thin">
        <color auto="1"/>
      </left>
      <right style="thin">
        <color auto="1"/>
      </right>
      <top/>
      <bottom style="thin">
        <color auto="1"/>
      </bottom>
      <diagonal/>
    </border>
    <border>
      <left style="medium">
        <color indexed="64"/>
      </left>
      <right style="medium">
        <color indexed="64"/>
      </right>
      <top style="medium">
        <color indexed="64"/>
      </top>
      <bottom style="medium">
        <color indexed="64"/>
      </bottom>
      <diagonal/>
    </border>
    <border>
      <left style="thin">
        <color theme="0" tint="-0.14999847407452621"/>
      </left>
      <right style="thin">
        <color theme="0" tint="-0.14999847407452621"/>
      </right>
      <top style="thin">
        <color theme="0" tint="-0.14999847407452621"/>
      </top>
      <bottom style="thin">
        <color theme="0" tint="-0.14999847407452621"/>
      </bottom>
      <diagonal/>
    </border>
    <border>
      <left style="thin">
        <color indexed="64"/>
      </left>
      <right style="thin">
        <color indexed="64"/>
      </right>
      <top style="thin">
        <color indexed="64"/>
      </top>
      <bottom style="thin">
        <color indexed="64"/>
      </bottom>
      <diagonal/>
    </border>
    <border>
      <left style="thin">
        <color auto="1"/>
      </left>
      <right style="thin">
        <color auto="1"/>
      </right>
      <top style="thin">
        <color auto="1"/>
      </top>
      <bottom style="thin">
        <color auto="1"/>
      </bottom>
      <diagonal/>
    </border>
    <border>
      <left/>
      <right style="thin">
        <color indexed="64"/>
      </right>
      <top style="thin">
        <color indexed="64"/>
      </top>
      <bottom style="thin">
        <color indexed="64"/>
      </bottom>
      <diagonal/>
    </border>
    <border>
      <left style="thin">
        <color theme="0" tint="-0.14999847407452621"/>
      </left>
      <right/>
      <top style="thin">
        <color indexed="64"/>
      </top>
      <bottom/>
      <diagonal/>
    </border>
    <border>
      <left style="thin">
        <color indexed="64"/>
      </left>
      <right/>
      <top style="thin">
        <color indexed="64"/>
      </top>
      <bottom style="thin">
        <color indexed="64"/>
      </bottom>
      <diagonal/>
    </border>
    <border>
      <left/>
      <right/>
      <top/>
      <bottom style="thin">
        <color indexed="64"/>
      </bottom>
      <diagonal/>
    </border>
    <border>
      <left style="thin">
        <color indexed="8"/>
      </left>
      <right/>
      <top style="thin">
        <color indexed="8"/>
      </top>
      <bottom style="thin">
        <color indexed="8"/>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style="thin">
        <color indexed="8"/>
      </left>
      <right style="thin">
        <color indexed="8"/>
      </right>
      <top style="thin">
        <color indexed="8"/>
      </top>
      <bottom style="thin">
        <color indexed="8"/>
      </bottom>
      <diagonal/>
    </border>
    <border>
      <left/>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style="thin">
        <color auto="1"/>
      </right>
      <top style="thin">
        <color auto="1"/>
      </top>
      <bottom style="thin">
        <color auto="1"/>
      </bottom>
      <diagonal/>
    </border>
    <border>
      <left style="thin">
        <color theme="0" tint="-0.14999847407452621"/>
      </left>
      <right/>
      <top style="thin">
        <color indexed="64"/>
      </top>
      <bottom/>
      <diagonal/>
    </border>
    <border>
      <left/>
      <right/>
      <top style="thin">
        <color indexed="64"/>
      </top>
      <bottom style="thin">
        <color indexed="64"/>
      </bottom>
      <diagonal/>
    </border>
    <border>
      <left style="thin">
        <color theme="0" tint="-0.14999847407452621"/>
      </left>
      <right/>
      <top style="thin">
        <color indexed="64"/>
      </top>
      <bottom/>
      <diagonal/>
    </border>
    <border>
      <left/>
      <right/>
      <top style="thin">
        <color indexed="64"/>
      </top>
      <bottom/>
      <diagonal/>
    </border>
    <border>
      <left style="medium">
        <color indexed="64"/>
      </left>
      <right style="medium">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auto="1"/>
      </left>
      <right/>
      <top style="thin">
        <color auto="1"/>
      </top>
      <bottom/>
      <diagonal/>
    </border>
    <border>
      <left style="medium">
        <color indexed="64"/>
      </left>
      <right/>
      <top style="thin">
        <color indexed="64"/>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indexed="64"/>
      </left>
      <right style="medium">
        <color indexed="64"/>
      </right>
      <top style="thin">
        <color indexed="64"/>
      </top>
      <bottom/>
      <diagonal/>
    </border>
    <border>
      <left/>
      <right style="thin">
        <color auto="1"/>
      </right>
      <top/>
      <bottom style="thin">
        <color auto="1"/>
      </bottom>
      <diagonal/>
    </border>
    <border>
      <left/>
      <right/>
      <top style="thin">
        <color indexed="64"/>
      </top>
      <bottom style="thin">
        <color auto="1"/>
      </bottom>
      <diagonal/>
    </border>
    <border>
      <left/>
      <right style="thin">
        <color auto="1"/>
      </right>
      <top style="thin">
        <color indexed="64"/>
      </top>
      <bottom style="thin">
        <color auto="1"/>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auto="1"/>
      </left>
      <right style="thin">
        <color auto="1"/>
      </right>
      <top style="thin">
        <color auto="1"/>
      </top>
      <bottom/>
      <diagonal/>
    </border>
    <border>
      <left/>
      <right/>
      <top style="thin">
        <color indexed="64"/>
      </top>
      <bottom style="thin">
        <color indexed="64"/>
      </bottom>
      <diagonal/>
    </border>
    <border>
      <left/>
      <right style="thin">
        <color auto="1"/>
      </right>
      <top style="thin">
        <color auto="1"/>
      </top>
      <bottom style="thin">
        <color auto="1"/>
      </bottom>
      <diagonal/>
    </border>
    <border>
      <left/>
      <right style="thin">
        <color auto="1"/>
      </right>
      <top style="thin">
        <color auto="1"/>
      </top>
      <bottom style="thin">
        <color auto="1"/>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thin">
        <color auto="1"/>
      </left>
      <right style="thin">
        <color auto="1"/>
      </right>
      <top style="thin">
        <color auto="1"/>
      </top>
      <bottom style="thin">
        <color auto="1"/>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auto="1"/>
      </left>
      <right style="thin">
        <color auto="1"/>
      </right>
      <top style="thin">
        <color auto="1"/>
      </top>
      <bottom/>
      <diagonal/>
    </border>
    <border>
      <left/>
      <right style="thin">
        <color indexed="8"/>
      </right>
      <top style="thin">
        <color indexed="8"/>
      </top>
      <bottom/>
      <diagonal/>
    </border>
    <border>
      <left/>
      <right style="thin">
        <color indexed="8"/>
      </right>
      <top style="thin">
        <color indexed="8"/>
      </top>
      <bottom style="thin">
        <color indexed="8"/>
      </bottom>
      <diagonal/>
    </border>
    <border>
      <left style="thin">
        <color auto="1"/>
      </left>
      <right style="thin">
        <color auto="1"/>
      </right>
      <top style="thin">
        <color auto="1"/>
      </top>
      <bottom style="thin">
        <color auto="1"/>
      </bottom>
      <diagonal/>
    </border>
    <border>
      <left/>
      <right style="thin">
        <color indexed="64"/>
      </right>
      <top style="thin">
        <color indexed="64"/>
      </top>
      <bottom style="thin">
        <color indexed="64"/>
      </bottom>
      <diagonal/>
    </border>
    <border>
      <left style="thin">
        <color auto="1"/>
      </left>
      <right style="thin">
        <color auto="1"/>
      </right>
      <top style="thin">
        <color auto="1"/>
      </top>
      <bottom style="thin">
        <color auto="1"/>
      </bottom>
      <diagonal/>
    </border>
    <border>
      <left style="thin">
        <color rgb="FF3F3F3F"/>
      </left>
      <right style="thin">
        <color rgb="FF3F3F3F"/>
      </right>
      <top style="thin">
        <color rgb="FF3F3F3F"/>
      </top>
      <bottom style="thin">
        <color rgb="FF3F3F3F"/>
      </bottom>
      <diagonal/>
    </border>
    <border>
      <left style="thin">
        <color auto="1"/>
      </left>
      <right style="thin">
        <color auto="1"/>
      </right>
      <top style="thin">
        <color auto="1"/>
      </top>
      <bottom/>
      <diagonal/>
    </border>
    <border>
      <left style="thin">
        <color rgb="FF3F3F3F"/>
      </left>
      <right style="thin">
        <color rgb="FF3F3F3F"/>
      </right>
      <top style="thin">
        <color rgb="FF3F3F3F"/>
      </top>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right/>
      <top style="thin">
        <color indexed="64"/>
      </top>
      <bottom style="thin">
        <color indexed="64"/>
      </bottom>
      <diagonal/>
    </border>
    <border>
      <left/>
      <right style="thin">
        <color auto="1"/>
      </right>
      <top style="thin">
        <color auto="1"/>
      </top>
      <bottom style="thin">
        <color auto="1"/>
      </bottom>
      <diagonal/>
    </border>
    <border>
      <left/>
      <right style="medium">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thin">
        <color auto="1"/>
      </left>
      <right/>
      <top/>
      <bottom/>
      <diagonal/>
    </border>
    <border>
      <left/>
      <right style="thin">
        <color auto="1"/>
      </right>
      <top style="thin">
        <color auto="1"/>
      </top>
      <bottom style="thin">
        <color auto="1"/>
      </bottom>
      <diagonal/>
    </border>
    <border>
      <left/>
      <right/>
      <top style="thin">
        <color indexed="64"/>
      </top>
      <bottom style="thin">
        <color indexed="64"/>
      </bottom>
      <diagonal/>
    </border>
    <border>
      <left style="medium">
        <color indexed="64"/>
      </left>
      <right/>
      <top style="thin">
        <color indexed="64"/>
      </top>
      <bottom style="medium">
        <color indexed="64"/>
      </bottom>
      <diagonal/>
    </border>
    <border>
      <left style="thin">
        <color auto="1"/>
      </left>
      <right/>
      <top style="thin">
        <color auto="1"/>
      </top>
      <bottom style="thin">
        <color auto="1"/>
      </bottom>
      <diagonal/>
    </border>
    <border>
      <left style="thin">
        <color auto="1"/>
      </left>
      <right style="thin">
        <color auto="1"/>
      </right>
      <top style="thin">
        <color auto="1"/>
      </top>
      <bottom/>
      <diagonal/>
    </border>
    <border>
      <left/>
      <right/>
      <top style="medium">
        <color indexed="64"/>
      </top>
      <bottom/>
      <diagonal/>
    </border>
    <border>
      <left style="thin">
        <color auto="1"/>
      </left>
      <right style="medium">
        <color auto="1"/>
      </right>
      <top style="thin">
        <color auto="1"/>
      </top>
      <bottom style="thin">
        <color auto="1"/>
      </bottom>
      <diagonal/>
    </border>
    <border>
      <left style="thin">
        <color auto="1"/>
      </left>
      <right/>
      <top style="thin">
        <color auto="1"/>
      </top>
      <bottom/>
      <diagonal/>
    </border>
    <border>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auto="1"/>
      </left>
      <right style="thin">
        <color auto="1"/>
      </right>
      <top style="thin">
        <color auto="1"/>
      </top>
      <bottom/>
      <diagonal/>
    </border>
  </borders>
  <cellStyleXfs count="33947">
    <xf numFmtId="0" fontId="0" fillId="0" borderId="0"/>
    <xf numFmtId="0" fontId="6" fillId="0" borderId="0"/>
    <xf numFmtId="0" fontId="7" fillId="0" borderId="0"/>
    <xf numFmtId="0" fontId="11" fillId="0" borderId="0" applyNumberFormat="0" applyFill="0" applyBorder="0" applyAlignment="0" applyProtection="0"/>
    <xf numFmtId="0" fontId="14" fillId="0" borderId="0" applyNumberFormat="0" applyFill="0" applyBorder="0" applyAlignment="0" applyProtection="0">
      <alignment vertical="top"/>
      <protection locked="0"/>
    </xf>
    <xf numFmtId="0" fontId="9" fillId="0" borderId="0"/>
    <xf numFmtId="0" fontId="24" fillId="0" borderId="0" applyNumberFormat="0" applyFill="0" applyBorder="0" applyAlignment="0" applyProtection="0"/>
    <xf numFmtId="0" fontId="27" fillId="0" borderId="0"/>
    <xf numFmtId="165" fontId="26" fillId="0" borderId="0"/>
    <xf numFmtId="0" fontId="28" fillId="0" borderId="0"/>
    <xf numFmtId="0" fontId="29" fillId="0" borderId="0" applyNumberFormat="0" applyFill="0" applyBorder="0" applyAlignment="0" applyProtection="0"/>
    <xf numFmtId="0" fontId="11" fillId="0" borderId="0" applyNumberFormat="0" applyFill="0" applyBorder="0" applyAlignment="0" applyProtection="0"/>
    <xf numFmtId="0" fontId="26" fillId="0" borderId="0"/>
    <xf numFmtId="0" fontId="33" fillId="0" borderId="0"/>
    <xf numFmtId="0" fontId="5" fillId="0" borderId="0"/>
    <xf numFmtId="0" fontId="24" fillId="0" borderId="0" applyNumberFormat="0" applyFill="0" applyBorder="0" applyAlignment="0" applyProtection="0"/>
    <xf numFmtId="0" fontId="4" fillId="0" borderId="0"/>
    <xf numFmtId="0" fontId="38" fillId="0" borderId="0"/>
    <xf numFmtId="0" fontId="38" fillId="0" borderId="0"/>
    <xf numFmtId="0" fontId="11" fillId="0" borderId="0" applyNumberFormat="0" applyFill="0" applyBorder="0" applyAlignment="0" applyProtection="0"/>
    <xf numFmtId="0" fontId="39" fillId="0" borderId="0" applyNumberFormat="0" applyFill="0" applyBorder="0" applyAlignment="0" applyProtection="0">
      <alignment vertical="top"/>
      <protection locked="0"/>
    </xf>
    <xf numFmtId="0" fontId="9" fillId="0" borderId="0"/>
    <xf numFmtId="0" fontId="34" fillId="0" borderId="0" applyNumberFormat="0" applyFill="0" applyBorder="0" applyAlignment="0" applyProtection="0"/>
    <xf numFmtId="0" fontId="3" fillId="0" borderId="0"/>
    <xf numFmtId="0" fontId="23" fillId="0" borderId="0"/>
    <xf numFmtId="0" fontId="2" fillId="0" borderId="0"/>
    <xf numFmtId="0" fontId="1" fillId="0" borderId="0"/>
    <xf numFmtId="165" fontId="68" fillId="0" borderId="0"/>
    <xf numFmtId="0" fontId="69" fillId="0" borderId="0">
      <alignment horizontal="center"/>
    </xf>
    <xf numFmtId="0" fontId="69" fillId="0" borderId="0">
      <alignment horizontal="center" textRotation="90"/>
    </xf>
    <xf numFmtId="0" fontId="70" fillId="0" borderId="0"/>
    <xf numFmtId="166" fontId="70" fillId="0" borderId="0"/>
    <xf numFmtId="0" fontId="71" fillId="0" borderId="0"/>
    <xf numFmtId="0" fontId="72" fillId="0" borderId="0"/>
    <xf numFmtId="0" fontId="38" fillId="0" borderId="0"/>
    <xf numFmtId="167" fontId="23" fillId="0" borderId="0"/>
    <xf numFmtId="0" fontId="68" fillId="0" borderId="0"/>
    <xf numFmtId="0" fontId="68" fillId="0" borderId="0"/>
    <xf numFmtId="0" fontId="7" fillId="0" borderId="0"/>
    <xf numFmtId="0" fontId="1" fillId="0" borderId="0"/>
    <xf numFmtId="0" fontId="38" fillId="0" borderId="0"/>
    <xf numFmtId="0" fontId="38" fillId="0" borderId="0"/>
    <xf numFmtId="0" fontId="38" fillId="0" borderId="0"/>
    <xf numFmtId="0" fontId="34" fillId="0" borderId="0" applyNumberFormat="0" applyFill="0" applyBorder="0" applyAlignment="0" applyProtection="0"/>
    <xf numFmtId="0" fontId="72" fillId="0" borderId="0" applyNumberFormat="0" applyFill="0" applyBorder="0" applyAlignment="0" applyProtection="0"/>
    <xf numFmtId="0" fontId="14" fillId="0" borderId="0" applyNumberFormat="0" applyFill="0" applyBorder="0" applyAlignment="0" applyProtection="0"/>
    <xf numFmtId="0" fontId="72"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8" fillId="0" borderId="0"/>
    <xf numFmtId="0" fontId="38" fillId="0" borderId="0"/>
    <xf numFmtId="0" fontId="3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 fillId="0" borderId="0"/>
    <xf numFmtId="0" fontId="9" fillId="0" borderId="0"/>
    <xf numFmtId="0" fontId="9" fillId="0" borderId="0"/>
    <xf numFmtId="0" fontId="9" fillId="0" borderId="0"/>
    <xf numFmtId="0" fontId="9" fillId="0" borderId="0"/>
    <xf numFmtId="0" fontId="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 fillId="0" borderId="0"/>
    <xf numFmtId="0" fontId="9" fillId="0" borderId="0"/>
    <xf numFmtId="0" fontId="9" fillId="0" borderId="0"/>
    <xf numFmtId="0" fontId="9" fillId="0" borderId="0"/>
    <xf numFmtId="0" fontId="9" fillId="0" borderId="0"/>
    <xf numFmtId="0" fontId="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 fillId="0" borderId="0"/>
    <xf numFmtId="0" fontId="9" fillId="0" borderId="0"/>
    <xf numFmtId="0" fontId="9" fillId="0" borderId="0"/>
    <xf numFmtId="0" fontId="9" fillId="0" borderId="0"/>
    <xf numFmtId="0" fontId="9" fillId="0" borderId="0"/>
    <xf numFmtId="0" fontId="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 fillId="0" borderId="0"/>
    <xf numFmtId="0" fontId="9" fillId="0" borderId="0"/>
    <xf numFmtId="0" fontId="9" fillId="0" borderId="0"/>
    <xf numFmtId="0" fontId="9" fillId="0" borderId="0"/>
    <xf numFmtId="0" fontId="9" fillId="0" borderId="0"/>
    <xf numFmtId="0" fontId="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73" fillId="7" borderId="66" applyNumberFormat="0" applyAlignment="0" applyProtection="0"/>
  </cellStyleXfs>
  <cellXfs count="1303">
    <xf numFmtId="0" fontId="0" fillId="0" borderId="0" xfId="0"/>
    <xf numFmtId="0" fontId="6" fillId="0" borderId="0" xfId="1" applyFont="1" applyAlignment="1">
      <alignment vertical="top" wrapText="1"/>
    </xf>
    <xf numFmtId="0" fontId="6" fillId="0" borderId="0" xfId="1" applyFont="1" applyAlignment="1">
      <alignment horizontal="center" vertical="top" wrapText="1"/>
    </xf>
    <xf numFmtId="49" fontId="6" fillId="0" borderId="0" xfId="1" applyNumberFormat="1" applyFont="1" applyAlignment="1">
      <alignment vertical="top" wrapText="1"/>
    </xf>
    <xf numFmtId="0" fontId="6" fillId="0" borderId="0" xfId="1" applyFont="1" applyBorder="1" applyAlignment="1">
      <alignment horizontal="center" vertical="top" wrapText="1"/>
    </xf>
    <xf numFmtId="49" fontId="6" fillId="0" borderId="0" xfId="1" applyNumberFormat="1" applyAlignment="1">
      <alignment vertical="top" wrapText="1"/>
    </xf>
    <xf numFmtId="0" fontId="8" fillId="0" borderId="0" xfId="1" applyFont="1" applyAlignment="1">
      <alignment vertical="top" wrapText="1"/>
    </xf>
    <xf numFmtId="0" fontId="6" fillId="2" borderId="0" xfId="1" applyFont="1" applyFill="1" applyAlignment="1">
      <alignment vertical="top" wrapText="1"/>
    </xf>
    <xf numFmtId="0" fontId="10" fillId="0" borderId="0" xfId="1" applyFont="1" applyFill="1" applyAlignment="1">
      <alignment vertical="top" wrapText="1"/>
    </xf>
    <xf numFmtId="0" fontId="10" fillId="0" borderId="0" xfId="1" applyFont="1" applyFill="1" applyBorder="1" applyAlignment="1">
      <alignment horizontal="center" vertical="top" wrapText="1"/>
    </xf>
    <xf numFmtId="0" fontId="10" fillId="0" borderId="0" xfId="1" applyFont="1" applyFill="1" applyBorder="1" applyAlignment="1">
      <alignment vertical="top" wrapText="1"/>
    </xf>
    <xf numFmtId="49" fontId="10" fillId="0" borderId="0" xfId="1" applyNumberFormat="1" applyFont="1" applyFill="1" applyBorder="1" applyAlignment="1">
      <alignment horizontal="center" vertical="top" wrapText="1"/>
    </xf>
    <xf numFmtId="0" fontId="10" fillId="0" borderId="1" xfId="1" applyFont="1" applyFill="1" applyBorder="1" applyAlignment="1">
      <alignment horizontal="center" vertical="top" wrapText="1"/>
    </xf>
    <xf numFmtId="14" fontId="10" fillId="0" borderId="1" xfId="1" applyNumberFormat="1" applyFont="1" applyFill="1" applyBorder="1" applyAlignment="1">
      <alignment horizontal="center" vertical="top" wrapText="1"/>
    </xf>
    <xf numFmtId="49" fontId="10" fillId="0" borderId="1" xfId="1" applyNumberFormat="1" applyFont="1" applyFill="1" applyBorder="1" applyAlignment="1">
      <alignment horizontal="center" vertical="top" wrapText="1"/>
    </xf>
    <xf numFmtId="0" fontId="10" fillId="0" borderId="2" xfId="1" applyFont="1" applyFill="1" applyBorder="1" applyAlignment="1">
      <alignment horizontal="center" vertical="top" wrapText="1"/>
    </xf>
    <xf numFmtId="0" fontId="6" fillId="0" borderId="0" xfId="1" applyFont="1" applyFill="1" applyAlignment="1">
      <alignment vertical="top" wrapText="1"/>
    </xf>
    <xf numFmtId="0" fontId="10" fillId="0" borderId="0" xfId="1" applyFont="1" applyFill="1" applyAlignment="1">
      <alignment horizontal="center" vertical="top" wrapText="1"/>
    </xf>
    <xf numFmtId="0" fontId="17" fillId="0" borderId="0" xfId="1" applyFont="1" applyFill="1" applyAlignment="1">
      <alignment horizontal="center" vertical="top" wrapText="1"/>
    </xf>
    <xf numFmtId="0" fontId="9" fillId="0" borderId="0" xfId="0" applyFont="1" applyFill="1" applyAlignment="1">
      <alignment horizontal="center" vertical="top" wrapText="1"/>
    </xf>
    <xf numFmtId="0" fontId="9" fillId="0" borderId="1" xfId="0" applyFont="1" applyFill="1" applyBorder="1" applyAlignment="1">
      <alignment horizontal="center" vertical="top" wrapText="1"/>
    </xf>
    <xf numFmtId="49" fontId="9" fillId="0" borderId="1" xfId="0" applyNumberFormat="1" applyFont="1" applyFill="1" applyBorder="1" applyAlignment="1">
      <alignment horizontal="center" vertical="top" wrapText="1"/>
    </xf>
    <xf numFmtId="0" fontId="9" fillId="0" borderId="2" xfId="0" applyFont="1" applyFill="1" applyBorder="1" applyAlignment="1">
      <alignment horizontal="center" vertical="top" wrapText="1"/>
    </xf>
    <xf numFmtId="0" fontId="9" fillId="0" borderId="0" xfId="0" applyFont="1" applyFill="1" applyBorder="1" applyAlignment="1">
      <alignment horizontal="center" vertical="top" wrapText="1"/>
    </xf>
    <xf numFmtId="0" fontId="6" fillId="0" borderId="0" xfId="0" applyFont="1" applyFill="1" applyAlignment="1">
      <alignment horizontal="center" vertical="top" wrapText="1"/>
    </xf>
    <xf numFmtId="0" fontId="17" fillId="0" borderId="0" xfId="0" applyFont="1" applyFill="1" applyAlignment="1">
      <alignment horizontal="center" vertical="top" wrapText="1"/>
    </xf>
    <xf numFmtId="0" fontId="6" fillId="0" borderId="0" xfId="1" applyAlignment="1">
      <alignment horizontal="center" vertical="top" wrapText="1"/>
    </xf>
    <xf numFmtId="0" fontId="6" fillId="0" borderId="0" xfId="1" applyFill="1" applyAlignment="1">
      <alignment vertical="top" wrapText="1"/>
    </xf>
    <xf numFmtId="0" fontId="10" fillId="0" borderId="0" xfId="0" applyFont="1" applyFill="1" applyAlignment="1">
      <alignment vertical="top" wrapText="1"/>
    </xf>
    <xf numFmtId="0" fontId="10" fillId="0" borderId="0" xfId="0" applyFont="1" applyFill="1" applyAlignment="1">
      <alignment horizontal="center" vertical="top" wrapText="1"/>
    </xf>
    <xf numFmtId="49" fontId="10" fillId="0" borderId="0" xfId="0" applyNumberFormat="1" applyFont="1" applyFill="1" applyAlignment="1">
      <alignment vertical="top" wrapText="1"/>
    </xf>
    <xf numFmtId="49" fontId="10" fillId="0" borderId="0" xfId="0" applyNumberFormat="1" applyFont="1" applyFill="1" applyAlignment="1">
      <alignment horizontal="center" vertical="top" wrapText="1"/>
    </xf>
    <xf numFmtId="49" fontId="6" fillId="0" borderId="0" xfId="1" applyNumberFormat="1" applyAlignment="1">
      <alignment horizontal="center" vertical="top" wrapText="1"/>
    </xf>
    <xf numFmtId="49" fontId="10" fillId="0" borderId="0" xfId="1" applyNumberFormat="1" applyFont="1" applyFill="1" applyAlignment="1">
      <alignment horizontal="center" vertical="top" wrapText="1"/>
    </xf>
    <xf numFmtId="0" fontId="16" fillId="0" borderId="1" xfId="1" applyFont="1" applyFill="1" applyBorder="1" applyAlignment="1">
      <alignment horizontal="center" vertical="top" wrapText="1"/>
    </xf>
    <xf numFmtId="0" fontId="6" fillId="0" borderId="0" xfId="1" applyFont="1" applyFill="1" applyBorder="1" applyAlignment="1">
      <alignment vertical="top" wrapText="1"/>
    </xf>
    <xf numFmtId="0" fontId="6" fillId="0" borderId="0" xfId="1" applyFont="1" applyFill="1" applyAlignment="1">
      <alignment horizontal="center" vertical="top" wrapText="1"/>
    </xf>
    <xf numFmtId="0" fontId="13" fillId="0" borderId="0" xfId="7" applyFont="1" applyFill="1" applyAlignment="1">
      <alignment horizontal="center" vertical="top"/>
    </xf>
    <xf numFmtId="0" fontId="10" fillId="0" borderId="0" xfId="7" applyFont="1" applyFill="1" applyAlignment="1">
      <alignment horizontal="center" vertical="top"/>
    </xf>
    <xf numFmtId="49" fontId="10" fillId="0" borderId="0" xfId="7" applyNumberFormat="1" applyFont="1" applyFill="1" applyAlignment="1">
      <alignment horizontal="center" vertical="top"/>
    </xf>
    <xf numFmtId="0" fontId="10" fillId="0" borderId="1" xfId="1" applyNumberFormat="1" applyFont="1" applyFill="1" applyBorder="1" applyAlignment="1">
      <alignment horizontal="center" vertical="top" wrapText="1"/>
    </xf>
    <xf numFmtId="49" fontId="16" fillId="0" borderId="1" xfId="1" applyNumberFormat="1" applyFont="1" applyFill="1" applyBorder="1" applyAlignment="1">
      <alignment horizontal="center" vertical="top" wrapText="1"/>
    </xf>
    <xf numFmtId="0" fontId="10" fillId="0" borderId="1" xfId="1" applyFont="1" applyFill="1" applyBorder="1" applyAlignment="1">
      <alignment horizontal="center" vertical="center" wrapText="1"/>
    </xf>
    <xf numFmtId="0" fontId="10" fillId="0"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0" fontId="10" fillId="0" borderId="0" xfId="1" applyNumberFormat="1" applyFont="1" applyFill="1" applyAlignment="1">
      <alignment horizontal="center" vertical="center" wrapText="1"/>
    </xf>
    <xf numFmtId="0" fontId="10" fillId="0" borderId="4" xfId="1" applyFont="1" applyFill="1" applyBorder="1" applyAlignment="1">
      <alignment horizontal="center" vertical="center" wrapText="1"/>
    </xf>
    <xf numFmtId="2" fontId="5" fillId="0" borderId="0" xfId="14" applyNumberFormat="1" applyFont="1" applyAlignment="1">
      <alignment horizontal="center" vertical="top" wrapText="1"/>
    </xf>
    <xf numFmtId="1" fontId="5" fillId="0" borderId="0" xfId="14" applyNumberFormat="1" applyFont="1" applyAlignment="1">
      <alignment horizontal="center" vertical="top" wrapText="1"/>
    </xf>
    <xf numFmtId="0" fontId="5" fillId="0" borderId="0" xfId="14" applyNumberFormat="1" applyFont="1" applyAlignment="1">
      <alignment horizontal="center" vertical="top" wrapText="1"/>
    </xf>
    <xf numFmtId="49" fontId="5" fillId="0" borderId="0" xfId="14" applyNumberFormat="1" applyFont="1" applyAlignment="1">
      <alignment horizontal="center" vertical="top" wrapText="1"/>
    </xf>
    <xf numFmtId="14" fontId="5" fillId="0" borderId="0" xfId="14" applyNumberFormat="1" applyFont="1" applyAlignment="1">
      <alignment horizontal="center" vertical="top" wrapText="1"/>
    </xf>
    <xf numFmtId="2" fontId="5" fillId="4" borderId="0" xfId="14" applyNumberFormat="1" applyFont="1" applyFill="1" applyAlignment="1">
      <alignment horizontal="center" vertical="top" wrapText="1"/>
    </xf>
    <xf numFmtId="2" fontId="5" fillId="0" borderId="0" xfId="14" applyNumberFormat="1" applyFont="1" applyFill="1" applyAlignment="1">
      <alignment horizontal="center" vertical="top" wrapText="1"/>
    </xf>
    <xf numFmtId="0" fontId="10" fillId="0" borderId="0" xfId="14" applyFont="1" applyAlignment="1">
      <alignment horizontal="center" vertical="top" wrapText="1"/>
    </xf>
    <xf numFmtId="2" fontId="10" fillId="0" borderId="0" xfId="14" applyNumberFormat="1" applyFont="1" applyAlignment="1">
      <alignment horizontal="center" vertical="top" wrapText="1"/>
    </xf>
    <xf numFmtId="0" fontId="12" fillId="0" borderId="0" xfId="0" applyFont="1" applyAlignment="1">
      <alignment horizontal="center" vertical="top" wrapText="1"/>
    </xf>
    <xf numFmtId="14" fontId="12" fillId="0" borderId="0" xfId="0" applyNumberFormat="1" applyFont="1" applyAlignment="1">
      <alignment horizontal="center" vertical="top" wrapText="1"/>
    </xf>
    <xf numFmtId="0" fontId="12" fillId="0" borderId="1" xfId="0" applyFont="1" applyBorder="1" applyAlignment="1">
      <alignment horizontal="center" vertical="top" wrapText="1"/>
    </xf>
    <xf numFmtId="0" fontId="12" fillId="0" borderId="1" xfId="12" applyFont="1" applyBorder="1" applyAlignment="1">
      <alignment horizontal="center" vertical="top" wrapText="1"/>
    </xf>
    <xf numFmtId="49" fontId="12" fillId="0" borderId="1" xfId="0" applyNumberFormat="1" applyFont="1" applyBorder="1" applyAlignment="1">
      <alignment horizontal="center" vertical="top" wrapText="1"/>
    </xf>
    <xf numFmtId="0" fontId="12" fillId="0" borderId="0" xfId="0" applyFont="1" applyAlignment="1">
      <alignment horizontal="center" vertical="center" wrapText="1"/>
    </xf>
    <xf numFmtId="0" fontId="36" fillId="0" borderId="0" xfId="0" applyFont="1" applyAlignment="1">
      <alignment horizontal="center" vertical="center" wrapText="1"/>
    </xf>
    <xf numFmtId="49" fontId="12" fillId="0" borderId="0" xfId="0" applyNumberFormat="1" applyFont="1" applyAlignment="1">
      <alignment horizontal="center" vertical="center" wrapText="1"/>
    </xf>
    <xf numFmtId="0" fontId="36" fillId="0" borderId="0" xfId="0" applyFont="1" applyAlignment="1">
      <alignment horizontal="center" vertical="top" wrapText="1"/>
    </xf>
    <xf numFmtId="49" fontId="12" fillId="0" borderId="0" xfId="0" applyNumberFormat="1" applyFont="1" applyAlignment="1">
      <alignment horizontal="center" vertical="top" wrapText="1"/>
    </xf>
    <xf numFmtId="0" fontId="37" fillId="0" borderId="1" xfId="0" applyFont="1" applyBorder="1" applyAlignment="1">
      <alignment horizontal="center" vertical="top" wrapText="1"/>
    </xf>
    <xf numFmtId="49" fontId="37" fillId="0" borderId="1" xfId="0" applyNumberFormat="1" applyFont="1" applyBorder="1" applyAlignment="1">
      <alignment horizontal="center" vertical="top" wrapText="1"/>
    </xf>
    <xf numFmtId="0" fontId="37" fillId="0" borderId="0" xfId="0" applyFont="1" applyAlignment="1">
      <alignment horizontal="center" vertical="top" wrapText="1"/>
    </xf>
    <xf numFmtId="0" fontId="4" fillId="0" borderId="0" xfId="16" applyFont="1" applyAlignment="1">
      <alignment horizontal="center" vertical="top"/>
    </xf>
    <xf numFmtId="49" fontId="4" fillId="0" borderId="0" xfId="16" applyNumberFormat="1" applyFont="1" applyAlignment="1">
      <alignment horizontal="center" vertical="top"/>
    </xf>
    <xf numFmtId="0" fontId="4" fillId="0" borderId="0" xfId="16" applyFont="1" applyAlignment="1">
      <alignment horizontal="center" vertical="top" wrapText="1"/>
    </xf>
    <xf numFmtId="0" fontId="4" fillId="0" borderId="10" xfId="16" applyFont="1" applyBorder="1" applyAlignment="1">
      <alignment horizontal="center" vertical="top"/>
    </xf>
    <xf numFmtId="0" fontId="8" fillId="0" borderId="0" xfId="16" applyFont="1" applyAlignment="1">
      <alignment horizontal="center" vertical="top"/>
    </xf>
    <xf numFmtId="0" fontId="4" fillId="0" borderId="0" xfId="16" applyFont="1" applyFill="1" applyAlignment="1">
      <alignment horizontal="center" vertical="top" wrapText="1"/>
    </xf>
    <xf numFmtId="0" fontId="4" fillId="0" borderId="12" xfId="16" applyFont="1" applyFill="1" applyBorder="1" applyAlignment="1">
      <alignment horizontal="center" vertical="top" wrapText="1"/>
    </xf>
    <xf numFmtId="0" fontId="10" fillId="0" borderId="0" xfId="16" applyFont="1" applyFill="1" applyAlignment="1">
      <alignment horizontal="center" vertical="top" wrapText="1"/>
    </xf>
    <xf numFmtId="49" fontId="10" fillId="0" borderId="0" xfId="16" applyNumberFormat="1" applyFont="1" applyFill="1" applyAlignment="1">
      <alignment horizontal="center" vertical="top" wrapText="1"/>
    </xf>
    <xf numFmtId="49" fontId="4" fillId="0" borderId="0" xfId="16" applyNumberFormat="1" applyFont="1" applyFill="1" applyAlignment="1">
      <alignment horizontal="center" vertical="top" wrapText="1"/>
    </xf>
    <xf numFmtId="49" fontId="30" fillId="0" borderId="12" xfId="16" applyNumberFormat="1" applyFont="1" applyFill="1" applyBorder="1" applyAlignment="1">
      <alignment horizontal="center" vertical="top" wrapText="1"/>
    </xf>
    <xf numFmtId="0" fontId="10" fillId="0" borderId="0" xfId="16" applyFont="1" applyFill="1" applyAlignment="1">
      <alignment horizontal="center" wrapText="1"/>
    </xf>
    <xf numFmtId="0" fontId="4" fillId="0" borderId="0" xfId="16" applyFont="1" applyAlignment="1">
      <alignment vertical="top"/>
    </xf>
    <xf numFmtId="49" fontId="4" fillId="0" borderId="0" xfId="16" applyNumberFormat="1" applyFont="1" applyAlignment="1">
      <alignment vertical="top"/>
    </xf>
    <xf numFmtId="0" fontId="4" fillId="0" borderId="0" xfId="16" applyFont="1"/>
    <xf numFmtId="0" fontId="4" fillId="0" borderId="18" xfId="16" applyFont="1" applyBorder="1" applyAlignment="1">
      <alignment horizontal="center" vertical="top"/>
    </xf>
    <xf numFmtId="0" fontId="4" fillId="0" borderId="0" xfId="16" applyFont="1" applyAlignment="1">
      <alignment wrapText="1"/>
    </xf>
    <xf numFmtId="0" fontId="4" fillId="0" borderId="0" xfId="16" applyAlignment="1">
      <alignment horizontal="center" vertical="top"/>
    </xf>
    <xf numFmtId="0" fontId="13" fillId="0" borderId="0" xfId="16" applyFont="1" applyFill="1"/>
    <xf numFmtId="49" fontId="4" fillId="0" borderId="0" xfId="16" applyNumberFormat="1" applyAlignment="1">
      <alignment horizontal="center" vertical="top"/>
    </xf>
    <xf numFmtId="0" fontId="4" fillId="0" borderId="0" xfId="16" applyAlignment="1">
      <alignment horizontal="center" vertical="top" wrapText="1"/>
    </xf>
    <xf numFmtId="0" fontId="12" fillId="0" borderId="1" xfId="0" applyFont="1" applyBorder="1" applyAlignment="1">
      <alignment horizontal="center" vertical="top" wrapText="1"/>
    </xf>
    <xf numFmtId="0" fontId="10" fillId="0" borderId="0" xfId="7" applyFont="1" applyFill="1" applyAlignment="1">
      <alignment horizontal="center" vertical="top" wrapText="1"/>
    </xf>
    <xf numFmtId="49" fontId="13" fillId="0" borderId="0" xfId="0" applyNumberFormat="1" applyFont="1" applyFill="1" applyAlignment="1">
      <alignment horizontal="center" vertical="top" wrapText="1"/>
    </xf>
    <xf numFmtId="0" fontId="20" fillId="0" borderId="0" xfId="0" applyFont="1" applyFill="1" applyAlignment="1">
      <alignment horizontal="center" vertical="top" wrapText="1"/>
    </xf>
    <xf numFmtId="0" fontId="21" fillId="0" borderId="0" xfId="0" applyFont="1" applyFill="1" applyAlignment="1">
      <alignment horizontal="center" vertical="top" wrapText="1"/>
    </xf>
    <xf numFmtId="0" fontId="19" fillId="0" borderId="0" xfId="0" applyFont="1" applyFill="1" applyAlignment="1">
      <alignment horizontal="center" vertical="top" wrapText="1"/>
    </xf>
    <xf numFmtId="0" fontId="18" fillId="0" borderId="0" xfId="0" applyFont="1" applyFill="1" applyAlignment="1">
      <alignment horizontal="center" vertical="top" wrapText="1"/>
    </xf>
    <xf numFmtId="0" fontId="8" fillId="0" borderId="0" xfId="0" applyFont="1" applyFill="1" applyAlignment="1">
      <alignment horizontal="center" vertical="top" wrapText="1"/>
    </xf>
    <xf numFmtId="49" fontId="9" fillId="0" borderId="0" xfId="0" applyNumberFormat="1" applyFont="1" applyFill="1" applyAlignment="1">
      <alignment horizontal="center" vertical="top" wrapText="1"/>
    </xf>
    <xf numFmtId="49" fontId="10" fillId="0" borderId="0" xfId="16" applyNumberFormat="1" applyFont="1" applyFill="1" applyAlignment="1">
      <alignment horizontal="center" wrapText="1"/>
    </xf>
    <xf numFmtId="49" fontId="10" fillId="0" borderId="4" xfId="1" applyNumberFormat="1" applyFont="1" applyFill="1" applyBorder="1" applyAlignment="1">
      <alignment horizontal="center" vertical="top" wrapText="1"/>
    </xf>
    <xf numFmtId="49" fontId="6" fillId="0" borderId="0" xfId="1" applyNumberFormat="1" applyFont="1" applyFill="1" applyAlignment="1">
      <alignment vertical="top" wrapText="1"/>
    </xf>
    <xf numFmtId="14" fontId="10" fillId="0" borderId="0" xfId="1" applyNumberFormat="1" applyFont="1" applyFill="1" applyAlignment="1">
      <alignment horizontal="center" vertical="top" wrapText="1"/>
    </xf>
    <xf numFmtId="49" fontId="10" fillId="0" borderId="0" xfId="1" applyNumberFormat="1" applyFont="1" applyFill="1" applyAlignment="1">
      <alignment vertical="top" wrapText="1"/>
    </xf>
    <xf numFmtId="0" fontId="16" fillId="0" borderId="2" xfId="1" applyFont="1" applyFill="1" applyBorder="1" applyAlignment="1">
      <alignment horizontal="center" vertical="top" wrapText="1"/>
    </xf>
    <xf numFmtId="1" fontId="16" fillId="0" borderId="1" xfId="1" applyNumberFormat="1" applyFont="1" applyFill="1" applyBorder="1" applyAlignment="1">
      <alignment horizontal="center" vertical="top" wrapText="1"/>
    </xf>
    <xf numFmtId="0" fontId="10" fillId="0" borderId="4" xfId="1" applyFont="1" applyFill="1" applyBorder="1" applyAlignment="1">
      <alignment horizontal="center" vertical="top" wrapText="1"/>
    </xf>
    <xf numFmtId="0" fontId="10" fillId="0" borderId="0" xfId="1" applyFont="1" applyFill="1" applyAlignment="1">
      <alignment wrapText="1"/>
    </xf>
    <xf numFmtId="0" fontId="10" fillId="0" borderId="0" xfId="1" applyFont="1" applyFill="1" applyAlignment="1">
      <alignment horizontal="center" wrapText="1"/>
    </xf>
    <xf numFmtId="0" fontId="10" fillId="0" borderId="1" xfId="5" applyNumberFormat="1" applyFont="1" applyFill="1" applyBorder="1" applyAlignment="1">
      <alignment horizontal="center" vertical="center" wrapText="1"/>
    </xf>
    <xf numFmtId="0" fontId="10" fillId="0" borderId="1" xfId="1" applyFont="1" applyFill="1" applyBorder="1" applyAlignment="1">
      <alignment wrapText="1"/>
    </xf>
    <xf numFmtId="49" fontId="10" fillId="0" borderId="4" xfId="1" applyNumberFormat="1" applyFont="1" applyFill="1" applyBorder="1" applyAlignment="1">
      <alignment horizontal="center" vertical="center" wrapText="1"/>
    </xf>
    <xf numFmtId="14" fontId="10" fillId="0" borderId="4" xfId="1" applyNumberFormat="1" applyFont="1" applyFill="1" applyBorder="1" applyAlignment="1">
      <alignment horizontal="center" vertical="top" wrapText="1"/>
    </xf>
    <xf numFmtId="0" fontId="10" fillId="0" borderId="1" xfId="1" applyFont="1" applyFill="1" applyBorder="1" applyAlignment="1">
      <alignment vertical="center" wrapText="1"/>
    </xf>
    <xf numFmtId="17" fontId="10" fillId="0" borderId="1" xfId="1" applyNumberFormat="1" applyFont="1" applyFill="1" applyBorder="1" applyAlignment="1">
      <alignment horizontal="center" vertical="center" wrapText="1"/>
    </xf>
    <xf numFmtId="0" fontId="10" fillId="0" borderId="0" xfId="1" applyFont="1" applyFill="1" applyBorder="1" applyAlignment="1">
      <alignment horizontal="center" vertical="center" wrapText="1"/>
    </xf>
    <xf numFmtId="49" fontId="15" fillId="0" borderId="1" xfId="3" applyNumberFormat="1" applyFont="1" applyFill="1" applyBorder="1" applyAlignment="1" applyProtection="1">
      <alignment horizontal="center" vertical="center" wrapText="1"/>
    </xf>
    <xf numFmtId="0" fontId="25" fillId="0" borderId="0" xfId="0" applyFont="1" applyAlignment="1">
      <alignment horizontal="center" vertical="top" wrapText="1"/>
    </xf>
    <xf numFmtId="49" fontId="25" fillId="0" borderId="0" xfId="0" applyNumberFormat="1" applyFont="1" applyAlignment="1">
      <alignment horizontal="center" vertical="top" wrapText="1"/>
    </xf>
    <xf numFmtId="0" fontId="25" fillId="0" borderId="0" xfId="0" applyFont="1" applyFill="1" applyAlignment="1">
      <alignment horizontal="center" vertical="top" wrapText="1"/>
    </xf>
    <xf numFmtId="0" fontId="16" fillId="0" borderId="11" xfId="1" applyFont="1" applyFill="1" applyBorder="1" applyAlignment="1">
      <alignment horizontal="center" vertical="center" wrapText="1"/>
    </xf>
    <xf numFmtId="0" fontId="37" fillId="0" borderId="11" xfId="0" applyFont="1" applyBorder="1" applyAlignment="1">
      <alignment horizontal="center" vertical="center" wrapText="1"/>
    </xf>
    <xf numFmtId="1" fontId="37" fillId="0" borderId="11" xfId="0" applyNumberFormat="1" applyFont="1" applyBorder="1" applyAlignment="1">
      <alignment horizontal="center" vertical="center" wrapText="1"/>
    </xf>
    <xf numFmtId="0" fontId="16" fillId="0" borderId="11" xfId="0" applyFont="1" applyFill="1" applyBorder="1" applyAlignment="1">
      <alignment horizontal="center" vertical="center" wrapText="1"/>
    </xf>
    <xf numFmtId="0" fontId="3" fillId="0" borderId="0" xfId="23"/>
    <xf numFmtId="0" fontId="41" fillId="0" borderId="0" xfId="23" applyFont="1" applyAlignment="1">
      <alignment horizontal="center" vertical="center" wrapText="1"/>
    </xf>
    <xf numFmtId="0" fontId="31" fillId="0" borderId="0" xfId="23" applyFont="1" applyAlignment="1">
      <alignment horizontal="center" vertical="center" wrapText="1"/>
    </xf>
    <xf numFmtId="2" fontId="31" fillId="0" borderId="0" xfId="23" applyNumberFormat="1" applyFont="1" applyAlignment="1">
      <alignment horizontal="center" vertical="center" wrapText="1"/>
    </xf>
    <xf numFmtId="10" fontId="22" fillId="0" borderId="0" xfId="23" applyNumberFormat="1" applyFont="1" applyAlignment="1">
      <alignment horizontal="center" vertical="center" wrapText="1"/>
    </xf>
    <xf numFmtId="0" fontId="22" fillId="0" borderId="0" xfId="23" applyFont="1" applyFill="1" applyAlignment="1">
      <alignment horizontal="center" vertical="center" wrapText="1"/>
    </xf>
    <xf numFmtId="0" fontId="22" fillId="0" borderId="0" xfId="23" applyFont="1" applyAlignment="1">
      <alignment horizontal="center" vertical="center" wrapText="1"/>
    </xf>
    <xf numFmtId="1" fontId="31" fillId="0" borderId="0" xfId="23" applyNumberFormat="1" applyFont="1" applyAlignment="1">
      <alignment horizontal="center" vertical="center" wrapText="1"/>
    </xf>
    <xf numFmtId="49" fontId="22" fillId="0" borderId="0" xfId="23" applyNumberFormat="1" applyFont="1" applyAlignment="1">
      <alignment horizontal="center" vertical="center" wrapText="1"/>
    </xf>
    <xf numFmtId="1" fontId="45" fillId="0" borderId="11" xfId="23" applyNumberFormat="1" applyFont="1" applyBorder="1" applyAlignment="1">
      <alignment horizontal="center" vertical="center" wrapText="1"/>
    </xf>
    <xf numFmtId="2" fontId="47" fillId="0" borderId="1" xfId="14" applyNumberFormat="1" applyFont="1" applyFill="1" applyBorder="1" applyAlignment="1">
      <alignment horizontal="center" vertical="top" wrapText="1"/>
    </xf>
    <xf numFmtId="2" fontId="42" fillId="0" borderId="42" xfId="24" applyNumberFormat="1" applyFont="1" applyBorder="1" applyAlignment="1">
      <alignment horizontal="center" vertical="center" wrapText="1"/>
    </xf>
    <xf numFmtId="0" fontId="31" fillId="0" borderId="41" xfId="24" applyFont="1" applyBorder="1" applyAlignment="1">
      <alignment horizontal="center" vertical="center" wrapText="1"/>
    </xf>
    <xf numFmtId="0" fontId="31" fillId="0" borderId="40" xfId="24" applyFont="1" applyBorder="1" applyAlignment="1">
      <alignment horizontal="center" vertical="center" wrapText="1"/>
    </xf>
    <xf numFmtId="0" fontId="31" fillId="0" borderId="39" xfId="24" applyFont="1" applyBorder="1" applyAlignment="1">
      <alignment horizontal="center" vertical="center" wrapText="1"/>
    </xf>
    <xf numFmtId="17" fontId="42" fillId="0" borderId="34" xfId="24" applyNumberFormat="1" applyFont="1" applyBorder="1" applyAlignment="1">
      <alignment horizontal="center" vertical="center" wrapText="1"/>
    </xf>
    <xf numFmtId="10" fontId="42" fillId="0" borderId="11" xfId="24" applyNumberFormat="1" applyFont="1" applyBorder="1" applyAlignment="1">
      <alignment horizontal="center" vertical="center" wrapText="1"/>
    </xf>
    <xf numFmtId="17" fontId="42" fillId="0" borderId="34" xfId="24" applyNumberFormat="1" applyFont="1" applyFill="1" applyBorder="1" applyAlignment="1">
      <alignment horizontal="center" vertical="center" wrapText="1"/>
    </xf>
    <xf numFmtId="2" fontId="42" fillId="0" borderId="34" xfId="24" applyNumberFormat="1" applyFont="1" applyBorder="1" applyAlignment="1">
      <alignment horizontal="center" vertical="center" wrapText="1"/>
    </xf>
    <xf numFmtId="17" fontId="42" fillId="0" borderId="36" xfId="24" applyNumberFormat="1" applyFont="1" applyBorder="1" applyAlignment="1">
      <alignment horizontal="center" vertical="center" wrapText="1"/>
    </xf>
    <xf numFmtId="17" fontId="42" fillId="0" borderId="11" xfId="24" applyNumberFormat="1" applyFont="1" applyBorder="1" applyAlignment="1">
      <alignment horizontal="center" vertical="center" wrapText="1"/>
    </xf>
    <xf numFmtId="1" fontId="45" fillId="0" borderId="11" xfId="24" applyNumberFormat="1" applyFont="1" applyBorder="1" applyAlignment="1">
      <alignment horizontal="center" vertical="center" wrapText="1"/>
    </xf>
    <xf numFmtId="0" fontId="51" fillId="0" borderId="11" xfId="0" applyFont="1" applyBorder="1" applyAlignment="1">
      <alignment horizontal="center"/>
    </xf>
    <xf numFmtId="17" fontId="50" fillId="0" borderId="11" xfId="24" applyNumberFormat="1" applyFont="1" applyFill="1" applyBorder="1" applyAlignment="1">
      <alignment horizontal="center" vertical="center" wrapText="1"/>
    </xf>
    <xf numFmtId="0" fontId="52" fillId="0" borderId="11" xfId="0" applyFont="1" applyBorder="1" applyAlignment="1">
      <alignment horizontal="center"/>
    </xf>
    <xf numFmtId="0" fontId="52" fillId="0" borderId="0" xfId="0" applyFont="1"/>
    <xf numFmtId="0" fontId="31" fillId="0" borderId="11" xfId="24" applyFont="1" applyBorder="1" applyAlignment="1">
      <alignment horizontal="center" vertical="center" wrapText="1"/>
    </xf>
    <xf numFmtId="0" fontId="42" fillId="0" borderId="11" xfId="24" applyFont="1" applyBorder="1" applyAlignment="1">
      <alignment horizontal="center" vertical="center" wrapText="1"/>
    </xf>
    <xf numFmtId="0" fontId="45" fillId="0" borderId="11" xfId="23" applyFont="1" applyBorder="1" applyAlignment="1">
      <alignment horizontal="center" vertical="center" wrapText="1"/>
    </xf>
    <xf numFmtId="1" fontId="44" fillId="0" borderId="11" xfId="24" applyNumberFormat="1" applyFont="1" applyBorder="1" applyAlignment="1">
      <alignment horizontal="center" vertical="center" wrapText="1"/>
    </xf>
    <xf numFmtId="0" fontId="45" fillId="0" borderId="11" xfId="24" applyFont="1" applyBorder="1" applyAlignment="1">
      <alignment horizontal="center" vertical="center" wrapText="1"/>
    </xf>
    <xf numFmtId="0" fontId="43" fillId="0" borderId="11" xfId="23" applyFont="1" applyBorder="1" applyAlignment="1">
      <alignment horizontal="center" vertical="center" wrapText="1"/>
    </xf>
    <xf numFmtId="1" fontId="43" fillId="0" borderId="11" xfId="23" applyNumberFormat="1" applyFont="1" applyBorder="1" applyAlignment="1">
      <alignment horizontal="center" vertical="center" wrapText="1"/>
    </xf>
    <xf numFmtId="1" fontId="44" fillId="0" borderId="11" xfId="23" applyNumberFormat="1" applyFont="1" applyBorder="1" applyAlignment="1">
      <alignment horizontal="center" vertical="center" wrapText="1"/>
    </xf>
    <xf numFmtId="1" fontId="43" fillId="0" borderId="11" xfId="24" applyNumberFormat="1" applyFont="1" applyBorder="1" applyAlignment="1">
      <alignment horizontal="center" vertical="center" wrapText="1"/>
    </xf>
    <xf numFmtId="0" fontId="52" fillId="3" borderId="11" xfId="0" applyFont="1" applyFill="1" applyBorder="1" applyAlignment="1">
      <alignment horizontal="center"/>
    </xf>
    <xf numFmtId="0" fontId="52" fillId="0" borderId="11" xfId="0" applyFont="1" applyFill="1" applyBorder="1" applyAlignment="1">
      <alignment horizontal="center"/>
    </xf>
    <xf numFmtId="14" fontId="0" fillId="0" borderId="0" xfId="0" applyNumberFormat="1"/>
    <xf numFmtId="0" fontId="10" fillId="3" borderId="0" xfId="1" applyFont="1" applyFill="1" applyAlignment="1">
      <alignment vertical="top" wrapText="1"/>
    </xf>
    <xf numFmtId="0" fontId="13" fillId="6" borderId="0" xfId="1" applyFont="1" applyFill="1" applyAlignment="1">
      <alignment horizontal="center" vertical="top" wrapText="1"/>
    </xf>
    <xf numFmtId="0" fontId="12" fillId="0" borderId="1" xfId="0" applyFont="1" applyBorder="1" applyAlignment="1">
      <alignment horizontal="center" vertical="top" wrapText="1"/>
    </xf>
    <xf numFmtId="0" fontId="46" fillId="0" borderId="0" xfId="0" applyFont="1" applyFill="1" applyAlignment="1">
      <alignment horizontal="center" vertical="top" wrapText="1"/>
    </xf>
    <xf numFmtId="0" fontId="12" fillId="4" borderId="11" xfId="0" applyFont="1" applyFill="1" applyBorder="1" applyAlignment="1">
      <alignment horizontal="center" vertical="top" wrapText="1"/>
    </xf>
    <xf numFmtId="49" fontId="12" fillId="4" borderId="11" xfId="0" applyNumberFormat="1" applyFont="1" applyFill="1" applyBorder="1" applyAlignment="1">
      <alignment horizontal="center" vertical="top" wrapText="1"/>
    </xf>
    <xf numFmtId="14" fontId="12" fillId="4" borderId="11" xfId="0" applyNumberFormat="1" applyFont="1" applyFill="1" applyBorder="1" applyAlignment="1">
      <alignment horizontal="center" vertical="top" wrapText="1"/>
    </xf>
    <xf numFmtId="0" fontId="46" fillId="0" borderId="11" xfId="15" applyFont="1" applyFill="1" applyBorder="1" applyAlignment="1">
      <alignment horizontal="center" vertical="top" wrapText="1"/>
    </xf>
    <xf numFmtId="0" fontId="53" fillId="0" borderId="0" xfId="0" applyFont="1" applyAlignment="1">
      <alignment horizontal="center" vertical="top" wrapText="1"/>
    </xf>
    <xf numFmtId="14" fontId="53" fillId="0" borderId="8" xfId="0" applyNumberFormat="1" applyFont="1" applyBorder="1" applyAlignment="1">
      <alignment horizontal="center" vertical="top" wrapText="1"/>
    </xf>
    <xf numFmtId="49" fontId="53" fillId="0" borderId="8" xfId="0" applyNumberFormat="1" applyFont="1" applyBorder="1" applyAlignment="1">
      <alignment horizontal="center" vertical="top" wrapText="1"/>
    </xf>
    <xf numFmtId="0" fontId="53" fillId="0" borderId="8" xfId="0" applyFont="1" applyBorder="1" applyAlignment="1">
      <alignment horizontal="center" vertical="top" wrapText="1"/>
    </xf>
    <xf numFmtId="14" fontId="53" fillId="0" borderId="8" xfId="0" applyNumberFormat="1" applyFont="1" applyBorder="1" applyAlignment="1">
      <alignment horizontal="center" vertical="center" wrapText="1"/>
    </xf>
    <xf numFmtId="14" fontId="53" fillId="0" borderId="0" xfId="0" applyNumberFormat="1" applyFont="1" applyAlignment="1">
      <alignment horizontal="center" vertical="top" wrapText="1"/>
    </xf>
    <xf numFmtId="0" fontId="12" fillId="0" borderId="11" xfId="0" applyFont="1" applyBorder="1" applyAlignment="1">
      <alignment horizontal="center" vertical="center" wrapText="1"/>
    </xf>
    <xf numFmtId="0" fontId="54" fillId="0" borderId="0" xfId="0" applyFont="1"/>
    <xf numFmtId="0" fontId="31" fillId="0" borderId="19" xfId="23" applyFont="1" applyBorder="1" applyAlignment="1">
      <alignment horizontal="center" vertical="center" wrapText="1"/>
    </xf>
    <xf numFmtId="10" fontId="31" fillId="0" borderId="11" xfId="24" applyNumberFormat="1" applyFont="1" applyBorder="1" applyAlignment="1">
      <alignment horizontal="center" vertical="center" wrapText="1"/>
    </xf>
    <xf numFmtId="0" fontId="31" fillId="0" borderId="34" xfId="24" applyFont="1" applyFill="1" applyBorder="1" applyAlignment="1">
      <alignment horizontal="center" vertical="center" wrapText="1"/>
    </xf>
    <xf numFmtId="1" fontId="42" fillId="0" borderId="34" xfId="23" applyNumberFormat="1" applyFont="1" applyBorder="1" applyAlignment="1">
      <alignment horizontal="center" vertical="center" wrapText="1"/>
    </xf>
    <xf numFmtId="3" fontId="31" fillId="0" borderId="34" xfId="23" applyNumberFormat="1" applyFont="1" applyFill="1" applyBorder="1" applyAlignment="1">
      <alignment horizontal="center" vertical="center" wrapText="1"/>
    </xf>
    <xf numFmtId="1" fontId="31" fillId="0" borderId="34" xfId="23" applyNumberFormat="1" applyFont="1" applyFill="1" applyBorder="1" applyAlignment="1">
      <alignment horizontal="center" vertical="center" wrapText="1"/>
    </xf>
    <xf numFmtId="0" fontId="31" fillId="0" borderId="34" xfId="23" applyFont="1" applyFill="1" applyBorder="1" applyAlignment="1">
      <alignment horizontal="center" vertical="center" wrapText="1"/>
    </xf>
    <xf numFmtId="1" fontId="31" fillId="0" borderId="34" xfId="24" applyNumberFormat="1" applyFont="1" applyFill="1" applyBorder="1" applyAlignment="1">
      <alignment horizontal="center" vertical="center" wrapText="1"/>
    </xf>
    <xf numFmtId="0" fontId="31" fillId="0" borderId="35" xfId="23" applyFont="1" applyBorder="1" applyAlignment="1">
      <alignment horizontal="center" vertical="center" wrapText="1"/>
    </xf>
    <xf numFmtId="0" fontId="41" fillId="0" borderId="19" xfId="23" applyFont="1" applyBorder="1" applyAlignment="1">
      <alignment horizontal="center" vertical="center" wrapText="1"/>
    </xf>
    <xf numFmtId="1" fontId="41" fillId="0" borderId="33" xfId="23" applyNumberFormat="1" applyFont="1" applyBorder="1" applyAlignment="1">
      <alignment horizontal="center" vertical="center" wrapText="1"/>
    </xf>
    <xf numFmtId="10" fontId="22" fillId="0" borderId="11" xfId="24" applyNumberFormat="1" applyFont="1" applyBorder="1" applyAlignment="1">
      <alignment horizontal="center" vertical="center" wrapText="1"/>
    </xf>
    <xf numFmtId="1" fontId="41" fillId="0" borderId="33" xfId="23" applyNumberFormat="1" applyFont="1" applyFill="1" applyBorder="1" applyAlignment="1">
      <alignment horizontal="center" vertical="center" wrapText="1"/>
    </xf>
    <xf numFmtId="10" fontId="22" fillId="0" borderId="32" xfId="24" applyNumberFormat="1" applyFont="1" applyBorder="1" applyAlignment="1">
      <alignment horizontal="center" vertical="center" wrapText="1"/>
    </xf>
    <xf numFmtId="1" fontId="42" fillId="0" borderId="33" xfId="23" applyNumberFormat="1" applyFont="1" applyBorder="1" applyAlignment="1">
      <alignment horizontal="center" vertical="center" wrapText="1"/>
    </xf>
    <xf numFmtId="2" fontId="47" fillId="0" borderId="0" xfId="14" applyNumberFormat="1" applyFont="1" applyFill="1" applyAlignment="1">
      <alignment horizontal="center" vertical="top" wrapText="1"/>
    </xf>
    <xf numFmtId="2" fontId="55" fillId="0" borderId="0" xfId="14" applyNumberFormat="1" applyFont="1" applyFill="1" applyAlignment="1">
      <alignment horizontal="center" vertical="top" wrapText="1"/>
    </xf>
    <xf numFmtId="1" fontId="54" fillId="0" borderId="0" xfId="0" applyNumberFormat="1" applyFont="1"/>
    <xf numFmtId="49" fontId="36" fillId="0" borderId="0" xfId="0" applyNumberFormat="1" applyFont="1" applyAlignment="1">
      <alignment horizontal="center" vertical="top" wrapText="1"/>
    </xf>
    <xf numFmtId="49" fontId="54" fillId="0" borderId="0" xfId="0" applyNumberFormat="1" applyFont="1"/>
    <xf numFmtId="0" fontId="10" fillId="4" borderId="0" xfId="1" applyFont="1" applyFill="1" applyAlignment="1">
      <alignment horizontal="center" vertical="top" wrapText="1"/>
    </xf>
    <xf numFmtId="0" fontId="10" fillId="3" borderId="0" xfId="1" applyFont="1" applyFill="1" applyAlignment="1">
      <alignment horizontal="center" vertical="top" wrapText="1"/>
    </xf>
    <xf numFmtId="0" fontId="13" fillId="3" borderId="0" xfId="1" applyFont="1" applyFill="1" applyAlignment="1">
      <alignment horizontal="center" vertical="top" wrapText="1"/>
    </xf>
    <xf numFmtId="0" fontId="8" fillId="0" borderId="0" xfId="1" applyFont="1" applyFill="1" applyAlignment="1">
      <alignment horizontal="center" vertical="top" wrapText="1"/>
    </xf>
    <xf numFmtId="0" fontId="37" fillId="0" borderId="11" xfId="0" applyFont="1" applyBorder="1" applyAlignment="1">
      <alignment horizontal="center" vertical="top" wrapText="1"/>
    </xf>
    <xf numFmtId="0" fontId="12" fillId="0" borderId="11" xfId="0" applyFont="1" applyBorder="1" applyAlignment="1">
      <alignment horizontal="center" vertical="top" wrapText="1"/>
    </xf>
    <xf numFmtId="14" fontId="12" fillId="0" borderId="11" xfId="0" applyNumberFormat="1" applyFont="1" applyBorder="1" applyAlignment="1">
      <alignment horizontal="center" vertical="top" wrapText="1"/>
    </xf>
    <xf numFmtId="0" fontId="56" fillId="0" borderId="11" xfId="0" applyFont="1" applyBorder="1" applyAlignment="1">
      <alignment horizontal="center" vertical="top" wrapText="1"/>
    </xf>
    <xf numFmtId="14" fontId="56" fillId="0" borderId="11" xfId="0" applyNumberFormat="1" applyFont="1" applyBorder="1" applyAlignment="1">
      <alignment horizontal="center" vertical="top" wrapText="1"/>
    </xf>
    <xf numFmtId="0" fontId="56" fillId="0" borderId="11" xfId="0" applyFont="1" applyBorder="1" applyAlignment="1">
      <alignment horizontal="center" vertical="center" wrapText="1"/>
    </xf>
    <xf numFmtId="0" fontId="53" fillId="0" borderId="11" xfId="0" applyFont="1" applyBorder="1" applyAlignment="1">
      <alignment horizontal="center" vertical="top" wrapText="1"/>
    </xf>
    <xf numFmtId="14" fontId="53" fillId="0" borderId="11" xfId="0" applyNumberFormat="1" applyFont="1" applyBorder="1" applyAlignment="1">
      <alignment horizontal="center" vertical="top" wrapText="1"/>
    </xf>
    <xf numFmtId="0" fontId="53" fillId="0" borderId="11" xfId="0" applyFont="1" applyBorder="1" applyAlignment="1">
      <alignment horizontal="center" vertical="center" wrapText="1"/>
    </xf>
    <xf numFmtId="49" fontId="12" fillId="0" borderId="11" xfId="0" applyNumberFormat="1" applyFont="1" applyBorder="1" applyAlignment="1">
      <alignment horizontal="center" vertical="top" wrapText="1"/>
    </xf>
    <xf numFmtId="0" fontId="56" fillId="4" borderId="11" xfId="0" applyFont="1" applyFill="1" applyBorder="1" applyAlignment="1">
      <alignment horizontal="center" vertical="top" wrapText="1"/>
    </xf>
    <xf numFmtId="0" fontId="12" fillId="4" borderId="11" xfId="0" applyFont="1" applyFill="1" applyBorder="1" applyAlignment="1">
      <alignment horizontal="center" vertical="center" wrapText="1"/>
    </xf>
    <xf numFmtId="0" fontId="40" fillId="4" borderId="11" xfId="0" applyFont="1" applyFill="1" applyBorder="1" applyAlignment="1">
      <alignment horizontal="center" vertical="top" wrapText="1"/>
    </xf>
    <xf numFmtId="0" fontId="40" fillId="0" borderId="11" xfId="0" applyFont="1" applyBorder="1" applyAlignment="1">
      <alignment horizontal="center" vertical="top" wrapText="1"/>
    </xf>
    <xf numFmtId="0" fontId="57" fillId="0" borderId="11" xfId="0" applyFont="1" applyBorder="1" applyAlignment="1">
      <alignment horizontal="center" vertical="top" wrapText="1"/>
    </xf>
    <xf numFmtId="0" fontId="46" fillId="0" borderId="11" xfId="0" applyFont="1" applyBorder="1" applyAlignment="1">
      <alignment horizontal="center" vertical="top" wrapText="1"/>
    </xf>
    <xf numFmtId="49" fontId="53" fillId="0" borderId="11" xfId="0" applyNumberFormat="1" applyFont="1" applyBorder="1" applyAlignment="1">
      <alignment horizontal="center" vertical="top" wrapText="1"/>
    </xf>
    <xf numFmtId="14" fontId="40" fillId="0" borderId="11" xfId="0" applyNumberFormat="1" applyFont="1" applyBorder="1" applyAlignment="1">
      <alignment horizontal="center" vertical="top" wrapText="1"/>
    </xf>
    <xf numFmtId="49" fontId="56" fillId="0" borderId="11" xfId="0" applyNumberFormat="1" applyFont="1" applyBorder="1" applyAlignment="1">
      <alignment horizontal="center" vertical="top" wrapText="1"/>
    </xf>
    <xf numFmtId="0" fontId="53" fillId="0" borderId="51" xfId="0" applyFont="1" applyBorder="1" applyAlignment="1">
      <alignment horizontal="center" vertical="top" wrapText="1"/>
    </xf>
    <xf numFmtId="49" fontId="53" fillId="0" borderId="51" xfId="0" applyNumberFormat="1" applyFont="1" applyBorder="1" applyAlignment="1">
      <alignment horizontal="center" vertical="top" wrapText="1"/>
    </xf>
    <xf numFmtId="14" fontId="53" fillId="0" borderId="51" xfId="0" applyNumberFormat="1" applyFont="1" applyBorder="1" applyAlignment="1">
      <alignment horizontal="center" vertical="top" wrapText="1"/>
    </xf>
    <xf numFmtId="0" fontId="53" fillId="0" borderId="51" xfId="0" applyFont="1" applyBorder="1" applyAlignment="1">
      <alignment horizontal="center" vertical="center" wrapText="1"/>
    </xf>
    <xf numFmtId="0" fontId="12" fillId="0" borderId="51" xfId="0" applyFont="1" applyBorder="1" applyAlignment="1">
      <alignment horizontal="center" vertical="top" wrapText="1"/>
    </xf>
    <xf numFmtId="49" fontId="12" fillId="0" borderId="51" xfId="0" applyNumberFormat="1" applyFont="1" applyBorder="1" applyAlignment="1">
      <alignment horizontal="center" vertical="top" wrapText="1"/>
    </xf>
    <xf numFmtId="14" fontId="12" fillId="0" borderId="51" xfId="0" applyNumberFormat="1" applyFont="1" applyBorder="1" applyAlignment="1">
      <alignment horizontal="center" vertical="top" wrapText="1"/>
    </xf>
    <xf numFmtId="0" fontId="12" fillId="0" borderId="51" xfId="0" applyFont="1" applyBorder="1" applyAlignment="1">
      <alignment horizontal="center" vertical="center" wrapText="1"/>
    </xf>
    <xf numFmtId="0" fontId="58" fillId="0" borderId="11" xfId="0" applyFont="1" applyBorder="1" applyAlignment="1">
      <alignment horizontal="center" vertical="top" wrapText="1"/>
    </xf>
    <xf numFmtId="0" fontId="35" fillId="0" borderId="11" xfId="15" applyFont="1" applyFill="1" applyBorder="1" applyAlignment="1">
      <alignment horizontal="center" vertical="top" wrapText="1"/>
    </xf>
    <xf numFmtId="0" fontId="12" fillId="0" borderId="11" xfId="12" applyFont="1" applyBorder="1" applyAlignment="1">
      <alignment horizontal="center" vertical="top" wrapText="1"/>
    </xf>
    <xf numFmtId="0" fontId="12" fillId="0" borderId="11" xfId="12" applyFont="1" applyBorder="1" applyAlignment="1">
      <alignment horizontal="center" vertical="center" wrapText="1"/>
    </xf>
    <xf numFmtId="0" fontId="40" fillId="0" borderId="11" xfId="12" applyFont="1" applyBorder="1" applyAlignment="1">
      <alignment horizontal="center" vertical="top" wrapText="1"/>
    </xf>
    <xf numFmtId="14" fontId="40" fillId="4" borderId="11" xfId="0" applyNumberFormat="1" applyFont="1" applyFill="1" applyBorder="1" applyAlignment="1">
      <alignment horizontal="center" vertical="top" wrapText="1"/>
    </xf>
    <xf numFmtId="0" fontId="56" fillId="4" borderId="11" xfId="3" applyFont="1" applyFill="1" applyBorder="1" applyAlignment="1">
      <alignment horizontal="center" vertical="top" wrapText="1"/>
    </xf>
    <xf numFmtId="49" fontId="46" fillId="0" borderId="11" xfId="0" applyNumberFormat="1" applyFont="1" applyBorder="1" applyAlignment="1">
      <alignment horizontal="center" vertical="top" wrapText="1"/>
    </xf>
    <xf numFmtId="0" fontId="46" fillId="0" borderId="11" xfId="0" applyFont="1" applyBorder="1" applyAlignment="1">
      <alignment horizontal="center" vertical="center" wrapText="1"/>
    </xf>
    <xf numFmtId="0" fontId="40" fillId="0" borderId="11" xfId="15" applyFont="1" applyFill="1" applyBorder="1" applyAlignment="1">
      <alignment horizontal="center" vertical="top" wrapText="1"/>
    </xf>
    <xf numFmtId="49" fontId="12" fillId="0" borderId="11" xfId="0" applyNumberFormat="1" applyFont="1" applyBorder="1" applyAlignment="1">
      <alignment horizontal="center" vertical="center" wrapText="1"/>
    </xf>
    <xf numFmtId="0" fontId="12" fillId="3" borderId="11" xfId="0" applyFont="1" applyFill="1" applyBorder="1" applyAlignment="1">
      <alignment horizontal="center" vertical="top" wrapText="1"/>
    </xf>
    <xf numFmtId="0" fontId="12" fillId="0" borderId="11" xfId="0" applyFont="1" applyBorder="1" applyAlignment="1">
      <alignment horizontal="left" vertical="top" wrapText="1"/>
    </xf>
    <xf numFmtId="0" fontId="12" fillId="0" borderId="52" xfId="0" applyFont="1" applyBorder="1" applyAlignment="1">
      <alignment horizontal="center" vertical="top" wrapText="1"/>
    </xf>
    <xf numFmtId="0" fontId="12" fillId="0" borderId="1" xfId="0" applyFont="1" applyFill="1" applyBorder="1" applyAlignment="1">
      <alignment horizontal="center" vertical="top" wrapText="1"/>
    </xf>
    <xf numFmtId="0" fontId="43" fillId="0" borderId="0" xfId="16" applyFont="1" applyFill="1" applyAlignment="1">
      <alignment horizontal="center" vertical="top" wrapText="1"/>
    </xf>
    <xf numFmtId="0" fontId="30" fillId="0" borderId="0" xfId="16" applyFont="1" applyFill="1" applyAlignment="1">
      <alignment horizontal="center" vertical="top" wrapText="1"/>
    </xf>
    <xf numFmtId="49" fontId="43" fillId="0" borderId="18" xfId="16" applyNumberFormat="1" applyFont="1" applyFill="1" applyBorder="1" applyAlignment="1">
      <alignment horizontal="center" vertical="top" wrapText="1"/>
    </xf>
    <xf numFmtId="0" fontId="43" fillId="0" borderId="18" xfId="16" applyFont="1" applyFill="1" applyBorder="1" applyAlignment="1">
      <alignment horizontal="center" vertical="top" wrapText="1"/>
    </xf>
    <xf numFmtId="0" fontId="59" fillId="0" borderId="0" xfId="16" applyFont="1" applyFill="1" applyAlignment="1">
      <alignment horizontal="center" vertical="top" wrapText="1"/>
    </xf>
    <xf numFmtId="49" fontId="30" fillId="0" borderId="18" xfId="16" applyNumberFormat="1" applyFont="1" applyFill="1" applyBorder="1" applyAlignment="1">
      <alignment horizontal="center" vertical="top" wrapText="1"/>
    </xf>
    <xf numFmtId="0" fontId="43" fillId="0" borderId="11" xfId="16" applyFont="1" applyFill="1" applyBorder="1" applyAlignment="1">
      <alignment horizontal="center" vertical="top" wrapText="1"/>
    </xf>
    <xf numFmtId="0" fontId="30" fillId="0" borderId="18" xfId="16" applyFont="1" applyFill="1" applyBorder="1" applyAlignment="1">
      <alignment horizontal="center" vertical="top" wrapText="1"/>
    </xf>
    <xf numFmtId="0" fontId="30" fillId="0" borderId="11" xfId="16" applyFont="1" applyFill="1" applyBorder="1" applyAlignment="1">
      <alignment horizontal="center" vertical="top" wrapText="1"/>
    </xf>
    <xf numFmtId="49" fontId="30" fillId="0" borderId="0" xfId="16" applyNumberFormat="1" applyFont="1" applyFill="1" applyAlignment="1">
      <alignment horizontal="center" vertical="top" wrapText="1"/>
    </xf>
    <xf numFmtId="165" fontId="43" fillId="0" borderId="11" xfId="16" applyNumberFormat="1" applyFont="1" applyFill="1" applyBorder="1" applyAlignment="1">
      <alignment horizontal="center" vertical="top" wrapText="1"/>
    </xf>
    <xf numFmtId="1" fontId="43" fillId="0" borderId="11" xfId="16" applyNumberFormat="1" applyFont="1" applyFill="1" applyBorder="1" applyAlignment="1">
      <alignment horizontal="center" vertical="top" wrapText="1"/>
    </xf>
    <xf numFmtId="0" fontId="30" fillId="0" borderId="0" xfId="16" applyFont="1" applyFill="1" applyAlignment="1">
      <alignment horizontal="center" vertical="top"/>
    </xf>
    <xf numFmtId="0" fontId="30" fillId="0" borderId="0" xfId="16" applyFont="1" applyFill="1" applyAlignment="1">
      <alignment vertical="top"/>
    </xf>
    <xf numFmtId="49" fontId="30" fillId="0" borderId="0" xfId="16" applyNumberFormat="1" applyFont="1" applyFill="1" applyAlignment="1">
      <alignment vertical="top"/>
    </xf>
    <xf numFmtId="0" fontId="30" fillId="0" borderId="0" xfId="16" applyFont="1" applyFill="1"/>
    <xf numFmtId="0" fontId="30" fillId="0" borderId="18" xfId="16" applyFont="1" applyFill="1" applyBorder="1" applyAlignment="1">
      <alignment horizontal="center" vertical="top"/>
    </xf>
    <xf numFmtId="0" fontId="30" fillId="0" borderId="18" xfId="16" applyFont="1" applyFill="1" applyBorder="1" applyAlignment="1">
      <alignment horizontal="center" wrapText="1"/>
    </xf>
    <xf numFmtId="49" fontId="30" fillId="0" borderId="18" xfId="16" applyNumberFormat="1" applyFont="1" applyFill="1" applyBorder="1" applyAlignment="1">
      <alignment horizontal="center" vertical="top"/>
    </xf>
    <xf numFmtId="2" fontId="30" fillId="0" borderId="18" xfId="16" applyNumberFormat="1" applyFont="1" applyFill="1" applyBorder="1" applyAlignment="1">
      <alignment horizontal="center" vertical="top" wrapText="1"/>
    </xf>
    <xf numFmtId="1" fontId="30" fillId="0" borderId="18" xfId="16" applyNumberFormat="1" applyFont="1" applyFill="1" applyBorder="1" applyAlignment="1">
      <alignment horizontal="center" vertical="top" wrapText="1"/>
    </xf>
    <xf numFmtId="0" fontId="30" fillId="0" borderId="11" xfId="16" applyFont="1" applyFill="1" applyBorder="1" applyAlignment="1">
      <alignment horizontal="center" vertical="top"/>
    </xf>
    <xf numFmtId="49" fontId="30" fillId="0" borderId="11" xfId="16" applyNumberFormat="1" applyFont="1" applyFill="1" applyBorder="1" applyAlignment="1">
      <alignment horizontal="center" vertical="top" wrapText="1"/>
    </xf>
    <xf numFmtId="14" fontId="30" fillId="0" borderId="11" xfId="16" applyNumberFormat="1" applyFont="1" applyFill="1" applyBorder="1" applyAlignment="1">
      <alignment horizontal="center" vertical="top"/>
    </xf>
    <xf numFmtId="14" fontId="30" fillId="0" borderId="11" xfId="16" applyNumberFormat="1" applyFont="1" applyFill="1" applyBorder="1" applyAlignment="1">
      <alignment horizontal="center" vertical="top" wrapText="1"/>
    </xf>
    <xf numFmtId="1" fontId="30" fillId="0" borderId="11" xfId="16" applyNumberFormat="1" applyFont="1" applyFill="1" applyBorder="1" applyAlignment="1">
      <alignment horizontal="center" vertical="top" wrapText="1"/>
    </xf>
    <xf numFmtId="0" fontId="30" fillId="0" borderId="11" xfId="16" applyFont="1" applyFill="1" applyBorder="1" applyAlignment="1">
      <alignment wrapText="1"/>
    </xf>
    <xf numFmtId="0" fontId="61" fillId="0" borderId="0" xfId="16" applyFont="1" applyFill="1" applyBorder="1" applyAlignment="1">
      <alignment horizontal="center" vertical="top"/>
    </xf>
    <xf numFmtId="0" fontId="61" fillId="0" borderId="0" xfId="16" applyFont="1" applyFill="1" applyBorder="1" applyAlignment="1">
      <alignment horizontal="center" vertical="top" wrapText="1"/>
    </xf>
    <xf numFmtId="0" fontId="60" fillId="0" borderId="0" xfId="16" applyFont="1" applyFill="1" applyAlignment="1">
      <alignment horizontal="center" vertical="top" wrapText="1"/>
    </xf>
    <xf numFmtId="0" fontId="45" fillId="0" borderId="0" xfId="16" applyFont="1" applyFill="1" applyAlignment="1">
      <alignment horizontal="center" vertical="top" wrapText="1"/>
    </xf>
    <xf numFmtId="49" fontId="30" fillId="0" borderId="11" xfId="16" applyNumberFormat="1" applyFont="1" applyFill="1" applyBorder="1" applyAlignment="1">
      <alignment horizontal="center" vertical="top"/>
    </xf>
    <xf numFmtId="0" fontId="61" fillId="0" borderId="0" xfId="16" applyFont="1" applyFill="1" applyAlignment="1">
      <alignment wrapText="1"/>
    </xf>
    <xf numFmtId="0" fontId="61" fillId="0" borderId="0" xfId="16" applyFont="1" applyFill="1"/>
    <xf numFmtId="0" fontId="60" fillId="0" borderId="0" xfId="16" applyFont="1" applyFill="1"/>
    <xf numFmtId="0" fontId="60" fillId="0" borderId="0" xfId="16" applyFont="1" applyFill="1" applyAlignment="1">
      <alignment wrapText="1"/>
    </xf>
    <xf numFmtId="0" fontId="60" fillId="0" borderId="0" xfId="16" applyFont="1" applyFill="1" applyAlignment="1">
      <alignment horizontal="center" vertical="center" wrapText="1"/>
    </xf>
    <xf numFmtId="0" fontId="60" fillId="0" borderId="24" xfId="16" applyFont="1" applyFill="1" applyBorder="1" applyAlignment="1">
      <alignment horizontal="center" vertical="center" wrapText="1"/>
    </xf>
    <xf numFmtId="0" fontId="60" fillId="0" borderId="18" xfId="16" applyFont="1" applyFill="1" applyBorder="1" applyAlignment="1">
      <alignment horizontal="center" vertical="center" wrapText="1"/>
    </xf>
    <xf numFmtId="0" fontId="60" fillId="0" borderId="0" xfId="16" applyFont="1" applyFill="1" applyAlignment="1">
      <alignment horizontal="center" vertical="top"/>
    </xf>
    <xf numFmtId="0" fontId="60" fillId="0" borderId="0" xfId="16" applyFont="1" applyFill="1" applyAlignment="1">
      <alignment vertical="top"/>
    </xf>
    <xf numFmtId="49" fontId="60" fillId="0" borderId="0" xfId="16" applyNumberFormat="1" applyFont="1" applyFill="1" applyAlignment="1">
      <alignment vertical="top"/>
    </xf>
    <xf numFmtId="2" fontId="30" fillId="0" borderId="11" xfId="14" applyNumberFormat="1" applyFont="1" applyFill="1" applyBorder="1" applyAlignment="1">
      <alignment horizontal="center" vertical="top" wrapText="1"/>
    </xf>
    <xf numFmtId="49" fontId="30" fillId="0" borderId="11" xfId="14" applyNumberFormat="1" applyFont="1" applyFill="1" applyBorder="1" applyAlignment="1">
      <alignment horizontal="center" vertical="top" wrapText="1"/>
    </xf>
    <xf numFmtId="14" fontId="30" fillId="0" borderId="11" xfId="14" applyNumberFormat="1" applyFont="1" applyFill="1" applyBorder="1" applyAlignment="1">
      <alignment horizontal="center" vertical="top" wrapText="1"/>
    </xf>
    <xf numFmtId="0" fontId="30" fillId="0" borderId="11" xfId="14" applyNumberFormat="1" applyFont="1" applyFill="1" applyBorder="1" applyAlignment="1">
      <alignment horizontal="center" vertical="top" wrapText="1"/>
    </xf>
    <xf numFmtId="1" fontId="30" fillId="0" borderId="11" xfId="14" applyNumberFormat="1" applyFont="1" applyFill="1" applyBorder="1" applyAlignment="1">
      <alignment horizontal="center" vertical="top" wrapText="1"/>
    </xf>
    <xf numFmtId="49" fontId="30" fillId="0" borderId="1" xfId="14" applyNumberFormat="1" applyFont="1" applyFill="1" applyBorder="1" applyAlignment="1">
      <alignment horizontal="center" vertical="top" wrapText="1"/>
    </xf>
    <xf numFmtId="0" fontId="30" fillId="0" borderId="11" xfId="14" applyFont="1" applyFill="1" applyBorder="1" applyAlignment="1">
      <alignment horizontal="center" vertical="top" wrapText="1"/>
    </xf>
    <xf numFmtId="49" fontId="30" fillId="0" borderId="0" xfId="14" applyNumberFormat="1" applyFont="1" applyFill="1" applyAlignment="1">
      <alignment horizontal="center" vertical="top" wrapText="1"/>
    </xf>
    <xf numFmtId="2" fontId="30" fillId="0" borderId="0" xfId="14" applyNumberFormat="1" applyFont="1" applyFill="1" applyAlignment="1">
      <alignment horizontal="center" vertical="top" wrapText="1"/>
    </xf>
    <xf numFmtId="49" fontId="43" fillId="0" borderId="1" xfId="14" applyNumberFormat="1" applyFont="1" applyFill="1" applyBorder="1" applyAlignment="1">
      <alignment horizontal="center" vertical="top" wrapText="1"/>
    </xf>
    <xf numFmtId="0" fontId="43" fillId="0" borderId="1" xfId="14" applyFont="1" applyFill="1" applyBorder="1" applyAlignment="1">
      <alignment horizontal="center" vertical="top" wrapText="1"/>
    </xf>
    <xf numFmtId="0" fontId="30" fillId="0" borderId="0" xfId="14" applyFont="1" applyFill="1" applyAlignment="1">
      <alignment horizontal="center" vertical="top" wrapText="1"/>
    </xf>
    <xf numFmtId="14" fontId="43" fillId="0" borderId="1" xfId="14" applyNumberFormat="1" applyFont="1" applyFill="1" applyBorder="1" applyAlignment="1">
      <alignment horizontal="center" vertical="top" wrapText="1"/>
    </xf>
    <xf numFmtId="0" fontId="59" fillId="0" borderId="0" xfId="14" applyFont="1" applyFill="1" applyAlignment="1">
      <alignment horizontal="center" vertical="top" wrapText="1"/>
    </xf>
    <xf numFmtId="0" fontId="30" fillId="0" borderId="0" xfId="14" applyNumberFormat="1" applyFont="1" applyFill="1" applyBorder="1" applyAlignment="1">
      <alignment horizontal="center" vertical="top" wrapText="1"/>
    </xf>
    <xf numFmtId="0" fontId="59" fillId="0" borderId="0" xfId="14" applyFont="1" applyFill="1" applyBorder="1" applyAlignment="1">
      <alignment horizontal="center" vertical="top" wrapText="1"/>
    </xf>
    <xf numFmtId="1" fontId="43" fillId="0" borderId="11" xfId="14" applyNumberFormat="1" applyFont="1" applyFill="1" applyBorder="1" applyAlignment="1">
      <alignment horizontal="center" vertical="top" wrapText="1"/>
    </xf>
    <xf numFmtId="0" fontId="30" fillId="0" borderId="0" xfId="14" applyFont="1" applyFill="1" applyBorder="1" applyAlignment="1">
      <alignment horizontal="center" vertical="top" wrapText="1"/>
    </xf>
    <xf numFmtId="0" fontId="30" fillId="0" borderId="1" xfId="14" applyFont="1" applyFill="1" applyBorder="1" applyAlignment="1">
      <alignment horizontal="center" vertical="top" wrapText="1"/>
    </xf>
    <xf numFmtId="1" fontId="30" fillId="0" borderId="1" xfId="14" applyNumberFormat="1" applyFont="1" applyFill="1" applyBorder="1" applyAlignment="1">
      <alignment horizontal="center" vertical="top" wrapText="1"/>
    </xf>
    <xf numFmtId="0" fontId="30" fillId="0" borderId="0" xfId="14" applyNumberFormat="1" applyFont="1" applyFill="1" applyAlignment="1">
      <alignment horizontal="center" vertical="top" wrapText="1"/>
    </xf>
    <xf numFmtId="1" fontId="59" fillId="0" borderId="0" xfId="14" applyNumberFormat="1" applyFont="1" applyFill="1" applyAlignment="1">
      <alignment horizontal="center" vertical="top" wrapText="1"/>
    </xf>
    <xf numFmtId="0" fontId="43" fillId="0" borderId="11" xfId="14" applyFont="1" applyFill="1" applyBorder="1" applyAlignment="1">
      <alignment horizontal="center" vertical="top" wrapText="1"/>
    </xf>
    <xf numFmtId="0" fontId="43" fillId="0" borderId="11" xfId="14" applyNumberFormat="1" applyFont="1" applyFill="1" applyBorder="1" applyAlignment="1">
      <alignment horizontal="center" vertical="top" wrapText="1"/>
    </xf>
    <xf numFmtId="14" fontId="30" fillId="0" borderId="0" xfId="14" applyNumberFormat="1" applyFont="1" applyFill="1" applyAlignment="1">
      <alignment horizontal="center" vertical="top" wrapText="1"/>
    </xf>
    <xf numFmtId="1" fontId="30" fillId="0" borderId="0" xfId="14" applyNumberFormat="1" applyFont="1" applyFill="1" applyAlignment="1">
      <alignment horizontal="center" vertical="top" wrapText="1"/>
    </xf>
    <xf numFmtId="2" fontId="30" fillId="0" borderId="1" xfId="14" applyNumberFormat="1" applyFont="1" applyFill="1" applyBorder="1" applyAlignment="1">
      <alignment horizontal="center" vertical="top" wrapText="1"/>
    </xf>
    <xf numFmtId="14" fontId="30" fillId="0" borderId="1" xfId="14" applyNumberFormat="1" applyFont="1" applyFill="1" applyBorder="1" applyAlignment="1">
      <alignment horizontal="center" vertical="top" wrapText="1"/>
    </xf>
    <xf numFmtId="0" fontId="30" fillId="0" borderId="1" xfId="14" applyNumberFormat="1" applyFont="1" applyFill="1" applyBorder="1" applyAlignment="1">
      <alignment horizontal="center" vertical="top" wrapText="1"/>
    </xf>
    <xf numFmtId="14" fontId="30" fillId="0" borderId="11" xfId="0" applyNumberFormat="1" applyFont="1" applyFill="1" applyBorder="1" applyAlignment="1">
      <alignment horizontal="center" vertical="top"/>
    </xf>
    <xf numFmtId="0" fontId="30" fillId="0" borderId="11" xfId="0" applyFont="1" applyFill="1" applyBorder="1" applyAlignment="1">
      <alignment horizontal="center" wrapText="1"/>
    </xf>
    <xf numFmtId="0" fontId="43" fillId="0" borderId="0" xfId="1" applyFont="1" applyAlignment="1">
      <alignment horizontal="center" vertical="top" wrapText="1"/>
    </xf>
    <xf numFmtId="49" fontId="43" fillId="0" borderId="1" xfId="1" applyNumberFormat="1" applyFont="1" applyBorder="1" applyAlignment="1">
      <alignment horizontal="center" vertical="top" wrapText="1"/>
    </xf>
    <xf numFmtId="0" fontId="43" fillId="0" borderId="1" xfId="1" applyFont="1" applyBorder="1" applyAlignment="1">
      <alignment horizontal="center" vertical="top" wrapText="1"/>
    </xf>
    <xf numFmtId="0" fontId="30" fillId="0" borderId="0" xfId="1" applyFont="1" applyAlignment="1">
      <alignment horizontal="center" vertical="top" wrapText="1"/>
    </xf>
    <xf numFmtId="49" fontId="30" fillId="0" borderId="0" xfId="1" applyNumberFormat="1" applyFont="1" applyAlignment="1">
      <alignment horizontal="center" vertical="top" wrapText="1"/>
    </xf>
    <xf numFmtId="0" fontId="59" fillId="0" borderId="0" xfId="1" applyFont="1" applyAlignment="1">
      <alignment horizontal="center" vertical="top" wrapText="1"/>
    </xf>
    <xf numFmtId="49" fontId="30" fillId="0" borderId="1" xfId="1" applyNumberFormat="1" applyFont="1" applyFill="1" applyBorder="1" applyAlignment="1">
      <alignment horizontal="center" vertical="top" wrapText="1"/>
    </xf>
    <xf numFmtId="0" fontId="43" fillId="0" borderId="1" xfId="1" applyFont="1" applyFill="1" applyBorder="1" applyAlignment="1">
      <alignment horizontal="center" vertical="top" wrapText="1"/>
    </xf>
    <xf numFmtId="0" fontId="30" fillId="0" borderId="0" xfId="1" applyFont="1" applyFill="1" applyAlignment="1">
      <alignment horizontal="center" vertical="top" wrapText="1"/>
    </xf>
    <xf numFmtId="49" fontId="30" fillId="0" borderId="0" xfId="1" applyNumberFormat="1" applyFont="1" applyFill="1" applyAlignment="1">
      <alignment horizontal="center" vertical="top" wrapText="1"/>
    </xf>
    <xf numFmtId="0" fontId="43" fillId="0" borderId="11" xfId="1" applyFont="1" applyFill="1" applyBorder="1" applyAlignment="1">
      <alignment horizontal="center" vertical="top" wrapText="1"/>
    </xf>
    <xf numFmtId="0" fontId="59" fillId="0" borderId="0" xfId="1" applyFont="1" applyFill="1" applyAlignment="1">
      <alignment horizontal="center" vertical="top" wrapText="1"/>
    </xf>
    <xf numFmtId="0" fontId="30" fillId="0" borderId="1" xfId="1" applyFont="1" applyFill="1" applyBorder="1" applyAlignment="1">
      <alignment horizontal="center" vertical="top" wrapText="1"/>
    </xf>
    <xf numFmtId="0" fontId="30" fillId="0" borderId="11" xfId="1" applyFont="1" applyFill="1" applyBorder="1" applyAlignment="1">
      <alignment horizontal="center" vertical="top" wrapText="1"/>
    </xf>
    <xf numFmtId="0" fontId="30" fillId="0" borderId="1" xfId="1" applyFont="1" applyBorder="1" applyAlignment="1">
      <alignment horizontal="center" vertical="top" wrapText="1"/>
    </xf>
    <xf numFmtId="0" fontId="30" fillId="0" borderId="11" xfId="1" applyFont="1" applyBorder="1" applyAlignment="1">
      <alignment horizontal="center" vertical="top" wrapText="1"/>
    </xf>
    <xf numFmtId="0" fontId="30" fillId="0" borderId="0" xfId="1" applyFont="1" applyFill="1" applyBorder="1" applyAlignment="1">
      <alignment horizontal="center" vertical="top" wrapText="1"/>
    </xf>
    <xf numFmtId="0" fontId="43" fillId="0" borderId="11" xfId="1" applyFont="1" applyFill="1" applyBorder="1" applyAlignment="1">
      <alignment horizontal="center" vertical="center" wrapText="1"/>
    </xf>
    <xf numFmtId="0" fontId="30" fillId="0" borderId="0" xfId="1" applyNumberFormat="1" applyFont="1" applyAlignment="1">
      <alignment horizontal="center" vertical="top" wrapText="1"/>
    </xf>
    <xf numFmtId="49" fontId="30" fillId="0" borderId="1" xfId="1" applyNumberFormat="1" applyFont="1" applyBorder="1" applyAlignment="1">
      <alignment horizontal="center" vertical="top" wrapText="1"/>
    </xf>
    <xf numFmtId="14" fontId="30" fillId="0" borderId="11" xfId="1" applyNumberFormat="1" applyFont="1" applyBorder="1" applyAlignment="1">
      <alignment horizontal="center" vertical="top" wrapText="1"/>
    </xf>
    <xf numFmtId="14" fontId="30" fillId="0" borderId="11" xfId="1" applyNumberFormat="1" applyFont="1" applyFill="1" applyBorder="1" applyAlignment="1">
      <alignment horizontal="center" vertical="top" wrapText="1"/>
    </xf>
    <xf numFmtId="49" fontId="30" fillId="0" borderId="0" xfId="1" applyNumberFormat="1" applyFont="1" applyAlignment="1">
      <alignment horizontal="center" vertical="top"/>
    </xf>
    <xf numFmtId="14" fontId="30" fillId="0" borderId="11" xfId="5" applyNumberFormat="1" applyFont="1" applyFill="1" applyBorder="1" applyAlignment="1">
      <alignment horizontal="center" vertical="top" wrapText="1"/>
    </xf>
    <xf numFmtId="14" fontId="30" fillId="0" borderId="11" xfId="5" applyNumberFormat="1" applyFont="1" applyFill="1" applyBorder="1" applyAlignment="1">
      <alignment horizontal="center" vertical="center" wrapText="1"/>
    </xf>
    <xf numFmtId="2" fontId="30" fillId="0" borderId="2" xfId="1" applyNumberFormat="1" applyFont="1" applyBorder="1" applyAlignment="1">
      <alignment horizontal="center" vertical="top" wrapText="1"/>
    </xf>
    <xf numFmtId="2" fontId="30" fillId="0" borderId="1" xfId="1" applyNumberFormat="1" applyFont="1" applyBorder="1" applyAlignment="1">
      <alignment horizontal="center" vertical="top" wrapText="1"/>
    </xf>
    <xf numFmtId="49" fontId="30" fillId="0" borderId="11" xfId="1" applyNumberFormat="1" applyFont="1" applyBorder="1" applyAlignment="1">
      <alignment horizontal="center" vertical="top" wrapText="1"/>
    </xf>
    <xf numFmtId="0" fontId="30" fillId="5" borderId="1" xfId="1" applyFont="1" applyFill="1" applyBorder="1" applyAlignment="1">
      <alignment horizontal="center" vertical="top" wrapText="1"/>
    </xf>
    <xf numFmtId="49" fontId="30" fillId="0" borderId="11" xfId="1" applyNumberFormat="1" applyFont="1" applyFill="1" applyBorder="1" applyAlignment="1">
      <alignment horizontal="center" vertical="top" wrapText="1"/>
    </xf>
    <xf numFmtId="0" fontId="30" fillId="0" borderId="11" xfId="1" applyFont="1" applyFill="1" applyBorder="1" applyAlignment="1">
      <alignment horizontal="center" vertical="center" wrapText="1"/>
    </xf>
    <xf numFmtId="0" fontId="30" fillId="5" borderId="0" xfId="1" applyFont="1" applyFill="1" applyAlignment="1">
      <alignment horizontal="center" vertical="top" wrapText="1"/>
    </xf>
    <xf numFmtId="0" fontId="30" fillId="0" borderId="51" xfId="1" applyFont="1" applyFill="1" applyBorder="1" applyAlignment="1">
      <alignment horizontal="center" vertical="top" wrapText="1"/>
    </xf>
    <xf numFmtId="0" fontId="30" fillId="0" borderId="51" xfId="1" applyFont="1" applyBorder="1" applyAlignment="1">
      <alignment horizontal="center" vertical="top" wrapText="1"/>
    </xf>
    <xf numFmtId="49" fontId="30" fillId="0" borderId="51" xfId="1" applyNumberFormat="1" applyFont="1" applyFill="1" applyBorder="1" applyAlignment="1">
      <alignment horizontal="center" vertical="top" wrapText="1"/>
    </xf>
    <xf numFmtId="0" fontId="30" fillId="0" borderId="11" xfId="1" applyNumberFormat="1" applyFont="1" applyFill="1" applyBorder="1" applyAlignment="1">
      <alignment horizontal="center" vertical="center" wrapText="1"/>
    </xf>
    <xf numFmtId="0" fontId="30" fillId="0" borderId="0" xfId="1" applyNumberFormat="1" applyFont="1" applyFill="1" applyAlignment="1">
      <alignment horizontal="center" vertical="center" wrapText="1"/>
    </xf>
    <xf numFmtId="49" fontId="43" fillId="0" borderId="12" xfId="16" applyNumberFormat="1" applyFont="1" applyFill="1" applyBorder="1" applyAlignment="1">
      <alignment horizontal="center" vertical="top" wrapText="1"/>
    </xf>
    <xf numFmtId="0" fontId="43" fillId="0" borderId="12" xfId="16" applyFont="1" applyFill="1" applyBorder="1" applyAlignment="1">
      <alignment horizontal="center" vertical="top" wrapText="1"/>
    </xf>
    <xf numFmtId="0" fontId="30" fillId="0" borderId="12" xfId="16" applyFont="1" applyFill="1" applyBorder="1" applyAlignment="1">
      <alignment horizontal="center" vertical="top" wrapText="1"/>
    </xf>
    <xf numFmtId="49" fontId="59" fillId="0" borderId="0" xfId="16" applyNumberFormat="1" applyFont="1" applyFill="1" applyAlignment="1">
      <alignment horizontal="center" vertical="top" wrapText="1"/>
    </xf>
    <xf numFmtId="0" fontId="43" fillId="0" borderId="11" xfId="16" applyFont="1" applyFill="1" applyBorder="1" applyAlignment="1">
      <alignment horizontal="center" vertical="center" wrapText="1"/>
    </xf>
    <xf numFmtId="49" fontId="45" fillId="0" borderId="0" xfId="16" applyNumberFormat="1" applyFont="1" applyFill="1" applyAlignment="1">
      <alignment horizontal="center" vertical="top" wrapText="1"/>
    </xf>
    <xf numFmtId="0" fontId="45" fillId="0" borderId="16" xfId="16" applyFont="1" applyFill="1" applyBorder="1" applyAlignment="1">
      <alignment horizontal="center" vertical="top" wrapText="1"/>
    </xf>
    <xf numFmtId="0" fontId="45" fillId="0" borderId="12" xfId="16" applyFont="1" applyFill="1" applyBorder="1" applyAlignment="1">
      <alignment horizontal="center" vertical="top" wrapText="1"/>
    </xf>
    <xf numFmtId="2" fontId="45" fillId="0" borderId="13" xfId="16" applyNumberFormat="1" applyFont="1" applyFill="1" applyBorder="1" applyAlignment="1">
      <alignment horizontal="center" vertical="top" wrapText="1"/>
    </xf>
    <xf numFmtId="2" fontId="45" fillId="0" borderId="12" xfId="16" applyNumberFormat="1" applyFont="1" applyFill="1" applyBorder="1" applyAlignment="1">
      <alignment horizontal="center" vertical="top" wrapText="1"/>
    </xf>
    <xf numFmtId="0" fontId="30" fillId="0" borderId="15" xfId="16" applyFont="1" applyFill="1" applyBorder="1" applyAlignment="1">
      <alignment horizontal="center" vertical="top" wrapText="1"/>
    </xf>
    <xf numFmtId="0" fontId="30" fillId="0" borderId="13" xfId="16" applyFont="1" applyFill="1" applyBorder="1" applyAlignment="1">
      <alignment horizontal="center" vertical="top" wrapText="1"/>
    </xf>
    <xf numFmtId="0" fontId="45" fillId="0" borderId="15" xfId="16" applyFont="1" applyFill="1" applyBorder="1" applyAlignment="1">
      <alignment horizontal="center" vertical="top" wrapText="1"/>
    </xf>
    <xf numFmtId="0" fontId="45" fillId="0" borderId="13" xfId="16" applyFont="1" applyFill="1" applyBorder="1" applyAlignment="1">
      <alignment horizontal="center" vertical="top" wrapText="1"/>
    </xf>
    <xf numFmtId="0" fontId="45" fillId="0" borderId="11" xfId="16" applyFont="1" applyFill="1" applyBorder="1" applyAlignment="1">
      <alignment horizontal="center" vertical="top" wrapText="1"/>
    </xf>
    <xf numFmtId="49" fontId="45" fillId="0" borderId="11" xfId="16" applyNumberFormat="1" applyFont="1" applyFill="1" applyBorder="1" applyAlignment="1">
      <alignment horizontal="center" vertical="top" wrapText="1"/>
    </xf>
    <xf numFmtId="14" fontId="45" fillId="0" borderId="19" xfId="16" applyNumberFormat="1" applyFont="1" applyFill="1" applyBorder="1" applyAlignment="1">
      <alignment horizontal="center" vertical="top" wrapText="1"/>
    </xf>
    <xf numFmtId="0" fontId="45" fillId="0" borderId="53" xfId="16" applyFont="1" applyFill="1" applyBorder="1" applyAlignment="1">
      <alignment horizontal="center" vertical="top" wrapText="1"/>
    </xf>
    <xf numFmtId="0" fontId="30" fillId="0" borderId="11" xfId="9" applyFont="1" applyFill="1" applyBorder="1" applyAlignment="1">
      <alignment horizontal="center" vertical="top" wrapText="1"/>
    </xf>
    <xf numFmtId="0" fontId="30" fillId="0" borderId="19" xfId="9" applyFont="1" applyFill="1" applyBorder="1" applyAlignment="1">
      <alignment horizontal="center" vertical="top" wrapText="1"/>
    </xf>
    <xf numFmtId="0" fontId="30" fillId="0" borderId="53" xfId="16" applyFont="1" applyFill="1" applyBorder="1" applyAlignment="1">
      <alignment horizontal="center" vertical="top" wrapText="1"/>
    </xf>
    <xf numFmtId="0" fontId="63" fillId="0" borderId="11" xfId="16" applyFont="1" applyFill="1" applyBorder="1" applyAlignment="1">
      <alignment horizontal="center" vertical="top" wrapText="1"/>
    </xf>
    <xf numFmtId="14" fontId="45" fillId="0" borderId="11" xfId="16" applyNumberFormat="1" applyFont="1" applyFill="1" applyBorder="1" applyAlignment="1">
      <alignment horizontal="center" vertical="top" wrapText="1"/>
    </xf>
    <xf numFmtId="0" fontId="45" fillId="0" borderId="8" xfId="16" applyFont="1" applyFill="1" applyBorder="1" applyAlignment="1">
      <alignment horizontal="center" vertical="top" wrapText="1"/>
    </xf>
    <xf numFmtId="0" fontId="30" fillId="0" borderId="11" xfId="2" applyFont="1" applyFill="1" applyBorder="1" applyAlignment="1">
      <alignment horizontal="center" vertical="top" wrapText="1"/>
    </xf>
    <xf numFmtId="49" fontId="30" fillId="0" borderId="11" xfId="2" applyNumberFormat="1" applyFont="1" applyFill="1" applyBorder="1" applyAlignment="1">
      <alignment horizontal="center" vertical="top" wrapText="1"/>
    </xf>
    <xf numFmtId="0" fontId="30" fillId="0" borderId="53" xfId="2" applyFont="1" applyFill="1" applyBorder="1" applyAlignment="1">
      <alignment horizontal="center" vertical="top" wrapText="1"/>
    </xf>
    <xf numFmtId="14" fontId="30" fillId="0" borderId="19" xfId="16" applyNumberFormat="1" applyFont="1" applyFill="1" applyBorder="1" applyAlignment="1">
      <alignment horizontal="center" vertical="top" wrapText="1"/>
    </xf>
    <xf numFmtId="0" fontId="45" fillId="0" borderId="51" xfId="16" applyFont="1" applyFill="1" applyBorder="1" applyAlignment="1">
      <alignment horizontal="center" vertical="top" wrapText="1"/>
    </xf>
    <xf numFmtId="0" fontId="45" fillId="0" borderId="19" xfId="16" applyFont="1" applyFill="1" applyBorder="1" applyAlignment="1">
      <alignment horizontal="center" vertical="top" wrapText="1"/>
    </xf>
    <xf numFmtId="0" fontId="30" fillId="0" borderId="19" xfId="16" applyFont="1" applyFill="1" applyBorder="1" applyAlignment="1">
      <alignment horizontal="center" vertical="top" wrapText="1"/>
    </xf>
    <xf numFmtId="1" fontId="45" fillId="0" borderId="11" xfId="16" applyNumberFormat="1" applyFont="1" applyFill="1" applyBorder="1" applyAlignment="1">
      <alignment horizontal="center" vertical="top" wrapText="1"/>
    </xf>
    <xf numFmtId="14" fontId="45" fillId="0" borderId="11" xfId="5" applyNumberFormat="1" applyFont="1" applyFill="1" applyBorder="1" applyAlignment="1">
      <alignment horizontal="center" vertical="center" wrapText="1"/>
    </xf>
    <xf numFmtId="14" fontId="30" fillId="0" borderId="11" xfId="2" applyNumberFormat="1" applyFont="1" applyFill="1" applyBorder="1" applyAlignment="1">
      <alignment horizontal="center" vertical="top" wrapText="1"/>
    </xf>
    <xf numFmtId="49" fontId="45" fillId="0" borderId="11" xfId="16" applyNumberFormat="1" applyFont="1" applyFill="1" applyBorder="1" applyAlignment="1">
      <alignment horizontal="center" vertical="top"/>
    </xf>
    <xf numFmtId="14" fontId="45" fillId="0" borderId="11" xfId="16" applyNumberFormat="1" applyFont="1" applyFill="1" applyBorder="1" applyAlignment="1">
      <alignment horizontal="center" vertical="top"/>
    </xf>
    <xf numFmtId="0" fontId="45" fillId="0" borderId="11" xfId="16" applyFont="1" applyFill="1" applyBorder="1" applyAlignment="1">
      <alignment horizontal="center" vertical="top"/>
    </xf>
    <xf numFmtId="0" fontId="45" fillId="0" borderId="0" xfId="16" applyFont="1" applyFill="1" applyAlignment="1">
      <alignment horizontal="center" vertical="top"/>
    </xf>
    <xf numFmtId="49" fontId="45" fillId="0" borderId="0" xfId="16" applyNumberFormat="1" applyFont="1" applyFill="1" applyAlignment="1">
      <alignment horizontal="center" vertical="top"/>
    </xf>
    <xf numFmtId="0" fontId="45" fillId="0" borderId="18" xfId="16" applyFont="1" applyFill="1" applyBorder="1" applyAlignment="1">
      <alignment horizontal="center" vertical="top"/>
    </xf>
    <xf numFmtId="0" fontId="45" fillId="0" borderId="18" xfId="16" applyFont="1" applyFill="1" applyBorder="1" applyAlignment="1">
      <alignment horizontal="center" vertical="top" wrapText="1"/>
    </xf>
    <xf numFmtId="49" fontId="45" fillId="0" borderId="18" xfId="16" applyNumberFormat="1" applyFont="1" applyFill="1" applyBorder="1" applyAlignment="1">
      <alignment horizontal="center" vertical="top"/>
    </xf>
    <xf numFmtId="0" fontId="45" fillId="0" borderId="54" xfId="16" applyFont="1" applyFill="1" applyBorder="1" applyAlignment="1">
      <alignment horizontal="center" vertical="top" wrapText="1"/>
    </xf>
    <xf numFmtId="0" fontId="30" fillId="0" borderId="11" xfId="0" applyNumberFormat="1" applyFont="1" applyFill="1" applyBorder="1" applyAlignment="1">
      <alignment horizontal="center" vertical="top" wrapText="1"/>
    </xf>
    <xf numFmtId="49" fontId="30" fillId="0" borderId="11" xfId="0" applyNumberFormat="1" applyFont="1" applyFill="1" applyBorder="1" applyAlignment="1">
      <alignment horizontal="center" vertical="top" wrapText="1"/>
    </xf>
    <xf numFmtId="0" fontId="43" fillId="0" borderId="11" xfId="0" applyFont="1" applyFill="1" applyBorder="1" applyAlignment="1">
      <alignment horizontal="center" vertical="top" wrapText="1"/>
    </xf>
    <xf numFmtId="0" fontId="30" fillId="0" borderId="11" xfId="0" applyFont="1" applyFill="1" applyBorder="1" applyAlignment="1">
      <alignment horizontal="center" vertical="top" wrapText="1"/>
    </xf>
    <xf numFmtId="0" fontId="30" fillId="0" borderId="0" xfId="0" applyFont="1" applyFill="1" applyAlignment="1">
      <alignment horizontal="center" vertical="top" wrapText="1"/>
    </xf>
    <xf numFmtId="0" fontId="59" fillId="0" borderId="0" xfId="0" applyFont="1" applyFill="1" applyAlignment="1">
      <alignment horizontal="center" vertical="top" wrapText="1"/>
    </xf>
    <xf numFmtId="49" fontId="30" fillId="0" borderId="0" xfId="16" applyNumberFormat="1" applyFont="1" applyFill="1" applyAlignment="1">
      <alignment horizontal="center" wrapText="1"/>
    </xf>
    <xf numFmtId="0" fontId="30" fillId="0" borderId="0" xfId="16" applyFont="1" applyFill="1" applyAlignment="1">
      <alignment horizontal="center" wrapText="1"/>
    </xf>
    <xf numFmtId="0" fontId="30" fillId="0" borderId="18" xfId="16" applyFont="1" applyFill="1" applyBorder="1" applyAlignment="1">
      <alignment horizontal="center" vertical="center" wrapText="1"/>
    </xf>
    <xf numFmtId="49" fontId="30" fillId="0" borderId="18" xfId="16" applyNumberFormat="1" applyFont="1" applyFill="1" applyBorder="1" applyAlignment="1">
      <alignment horizontal="center" vertical="center" wrapText="1"/>
    </xf>
    <xf numFmtId="0" fontId="30" fillId="0" borderId="19" xfId="16" applyFont="1" applyFill="1" applyBorder="1" applyAlignment="1">
      <alignment horizontal="center" vertical="center" wrapText="1"/>
    </xf>
    <xf numFmtId="14" fontId="30" fillId="0" borderId="11" xfId="0" applyNumberFormat="1" applyFont="1" applyFill="1" applyBorder="1" applyAlignment="1">
      <alignment horizontal="center" vertical="top" wrapText="1"/>
    </xf>
    <xf numFmtId="0" fontId="30" fillId="0" borderId="19" xfId="0" applyFont="1" applyFill="1" applyBorder="1" applyAlignment="1">
      <alignment horizontal="center" vertical="top" wrapText="1"/>
    </xf>
    <xf numFmtId="0" fontId="30" fillId="0" borderId="24" xfId="16" applyFont="1" applyFill="1" applyBorder="1" applyAlignment="1">
      <alignment horizontal="center" vertical="justify" wrapText="1"/>
    </xf>
    <xf numFmtId="0" fontId="30" fillId="0" borderId="18" xfId="16" applyFont="1" applyFill="1" applyBorder="1" applyAlignment="1">
      <alignment horizontal="center" vertical="justify" wrapText="1"/>
    </xf>
    <xf numFmtId="0" fontId="30" fillId="0" borderId="0" xfId="16" applyFont="1" applyFill="1" applyAlignment="1">
      <alignment horizontal="center"/>
    </xf>
    <xf numFmtId="49" fontId="30" fillId="0" borderId="11" xfId="0" applyNumberFormat="1" applyFont="1" applyFill="1" applyBorder="1" applyAlignment="1">
      <alignment horizontal="center" vertical="justify" wrapText="1"/>
    </xf>
    <xf numFmtId="0" fontId="30" fillId="0" borderId="19" xfId="0" applyFont="1" applyFill="1" applyBorder="1" applyAlignment="1">
      <alignment horizontal="center" wrapText="1"/>
    </xf>
    <xf numFmtId="0" fontId="30" fillId="0" borderId="0" xfId="16" applyNumberFormat="1" applyFont="1" applyFill="1" applyAlignment="1">
      <alignment horizontal="center" vertical="center" wrapText="1"/>
    </xf>
    <xf numFmtId="49" fontId="43" fillId="0" borderId="0" xfId="16" applyNumberFormat="1" applyFont="1" applyFill="1" applyAlignment="1">
      <alignment horizontal="center" vertical="top" wrapText="1"/>
    </xf>
    <xf numFmtId="49" fontId="43" fillId="0" borderId="0" xfId="16" applyNumberFormat="1" applyFont="1" applyFill="1" applyAlignment="1">
      <alignment horizontal="center" wrapText="1"/>
    </xf>
    <xf numFmtId="0" fontId="43" fillId="0" borderId="0" xfId="16" applyFont="1" applyFill="1" applyAlignment="1">
      <alignment horizontal="center" wrapText="1"/>
    </xf>
    <xf numFmtId="0" fontId="30" fillId="0" borderId="18" xfId="16" applyFont="1" applyFill="1" applyBorder="1"/>
    <xf numFmtId="49" fontId="30" fillId="0" borderId="18" xfId="12" applyNumberFormat="1" applyFont="1" applyFill="1" applyBorder="1" applyAlignment="1">
      <alignment horizontal="center" vertical="center" wrapText="1"/>
    </xf>
    <xf numFmtId="0" fontId="64" fillId="0" borderId="18" xfId="9" applyFont="1" applyFill="1" applyBorder="1" applyAlignment="1">
      <alignment horizontal="center" vertical="top" wrapText="1"/>
    </xf>
    <xf numFmtId="0" fontId="64" fillId="0" borderId="18" xfId="9" applyFont="1" applyFill="1" applyBorder="1" applyAlignment="1">
      <alignment horizontal="center" vertical="center" wrapText="1"/>
    </xf>
    <xf numFmtId="0" fontId="30" fillId="0" borderId="20" xfId="12" applyFont="1" applyFill="1" applyBorder="1" applyAlignment="1">
      <alignment horizontal="center" vertical="top" wrapText="1"/>
    </xf>
    <xf numFmtId="0" fontId="30" fillId="0" borderId="17" xfId="12" applyFont="1" applyFill="1" applyBorder="1" applyAlignment="1">
      <alignment horizontal="center" vertical="top" wrapText="1"/>
    </xf>
    <xf numFmtId="0" fontId="43" fillId="0" borderId="17" xfId="12" applyFont="1" applyFill="1" applyBorder="1" applyAlignment="1">
      <alignment horizontal="center" vertical="top" wrapText="1"/>
    </xf>
    <xf numFmtId="49" fontId="30" fillId="0" borderId="18" xfId="12" applyNumberFormat="1" applyFont="1" applyFill="1" applyBorder="1" applyAlignment="1">
      <alignment horizontal="center" vertical="top" wrapText="1"/>
    </xf>
    <xf numFmtId="49" fontId="30" fillId="0" borderId="18" xfId="16" applyNumberFormat="1" applyFont="1" applyFill="1" applyBorder="1" applyAlignment="1">
      <alignment horizontal="center" vertical="justify" wrapText="1"/>
    </xf>
    <xf numFmtId="14" fontId="30" fillId="0" borderId="18" xfId="16" applyNumberFormat="1" applyFont="1" applyFill="1" applyBorder="1" applyAlignment="1">
      <alignment horizontal="center" vertical="top" wrapText="1"/>
    </xf>
    <xf numFmtId="49" fontId="30" fillId="0" borderId="17" xfId="12" applyNumberFormat="1" applyFont="1" applyFill="1" applyBorder="1" applyAlignment="1">
      <alignment horizontal="center" vertical="top" wrapText="1"/>
    </xf>
    <xf numFmtId="0" fontId="64" fillId="0" borderId="18" xfId="19" applyFont="1" applyFill="1" applyBorder="1" applyAlignment="1">
      <alignment horizontal="center" vertical="top" wrapText="1"/>
    </xf>
    <xf numFmtId="49" fontId="30" fillId="0" borderId="18" xfId="16" applyNumberFormat="1" applyFont="1" applyFill="1" applyBorder="1" applyAlignment="1">
      <alignment horizontal="center" wrapText="1"/>
    </xf>
    <xf numFmtId="49" fontId="30" fillId="0" borderId="0" xfId="12" applyNumberFormat="1" applyFont="1" applyFill="1" applyBorder="1" applyAlignment="1">
      <alignment horizontal="center" vertical="top" wrapText="1"/>
    </xf>
    <xf numFmtId="0" fontId="64" fillId="0" borderId="0" xfId="19" applyFont="1" applyFill="1" applyBorder="1" applyAlignment="1">
      <alignment horizontal="center" vertical="top" wrapText="1"/>
    </xf>
    <xf numFmtId="0" fontId="30" fillId="0" borderId="0" xfId="16" applyFont="1" applyFill="1" applyBorder="1" applyAlignment="1">
      <alignment horizontal="center" vertical="top" wrapText="1"/>
    </xf>
    <xf numFmtId="49" fontId="30" fillId="0" borderId="0" xfId="16" applyNumberFormat="1" applyFont="1" applyFill="1" applyBorder="1" applyAlignment="1">
      <alignment horizontal="center" wrapText="1"/>
    </xf>
    <xf numFmtId="0" fontId="30" fillId="0" borderId="0" xfId="16" applyFont="1" applyFill="1" applyBorder="1" applyAlignment="1">
      <alignment horizontal="center" wrapText="1"/>
    </xf>
    <xf numFmtId="0" fontId="30" fillId="0" borderId="57" xfId="0" applyNumberFormat="1" applyFont="1" applyFill="1" applyBorder="1" applyAlignment="1">
      <alignment horizontal="center" vertical="top" wrapText="1"/>
    </xf>
    <xf numFmtId="14" fontId="30" fillId="0" borderId="11" xfId="0" applyNumberFormat="1" applyFont="1" applyFill="1" applyBorder="1" applyAlignment="1">
      <alignment horizontal="center" vertical="justify" wrapText="1"/>
    </xf>
    <xf numFmtId="14" fontId="30" fillId="0" borderId="19" xfId="0" applyNumberFormat="1" applyFont="1" applyFill="1" applyBorder="1" applyAlignment="1">
      <alignment horizontal="center" vertical="top" wrapText="1"/>
    </xf>
    <xf numFmtId="0" fontId="30" fillId="0" borderId="11" xfId="0" applyFont="1" applyFill="1" applyBorder="1" applyAlignment="1">
      <alignment horizontal="center" vertical="justify" wrapText="1"/>
    </xf>
    <xf numFmtId="0" fontId="30" fillId="0" borderId="19" xfId="0" applyFont="1" applyFill="1" applyBorder="1" applyAlignment="1">
      <alignment horizontal="center" vertical="justify" wrapText="1"/>
    </xf>
    <xf numFmtId="0" fontId="30" fillId="0" borderId="55" xfId="0" applyFont="1" applyFill="1" applyBorder="1" applyAlignment="1">
      <alignment horizontal="center" vertical="top" wrapText="1"/>
    </xf>
    <xf numFmtId="49" fontId="30" fillId="0" borderId="55" xfId="0" applyNumberFormat="1" applyFont="1" applyFill="1" applyBorder="1" applyAlignment="1">
      <alignment horizontal="center" vertical="justify" wrapText="1"/>
    </xf>
    <xf numFmtId="14" fontId="30" fillId="0" borderId="55" xfId="0" applyNumberFormat="1" applyFont="1" applyFill="1" applyBorder="1" applyAlignment="1">
      <alignment horizontal="center" vertical="top" wrapText="1"/>
    </xf>
    <xf numFmtId="0" fontId="30" fillId="0" borderId="55" xfId="0" applyFont="1" applyFill="1" applyBorder="1" applyAlignment="1">
      <alignment horizontal="center" wrapText="1"/>
    </xf>
    <xf numFmtId="0" fontId="30" fillId="0" borderId="0" xfId="0" applyFont="1" applyFill="1" applyAlignment="1">
      <alignment horizontal="center" wrapText="1"/>
    </xf>
    <xf numFmtId="0" fontId="30" fillId="0" borderId="11" xfId="12" applyFont="1" applyFill="1" applyBorder="1" applyAlignment="1">
      <alignment horizontal="center" vertical="top" wrapText="1"/>
    </xf>
    <xf numFmtId="0" fontId="30" fillId="0" borderId="11" xfId="0" applyFont="1" applyFill="1" applyBorder="1" applyAlignment="1">
      <alignment horizontal="center" vertical="top"/>
    </xf>
    <xf numFmtId="14" fontId="30" fillId="0" borderId="11" xfId="12" applyNumberFormat="1" applyFont="1" applyFill="1" applyBorder="1" applyAlignment="1">
      <alignment horizontal="center" vertical="top" wrapText="1"/>
    </xf>
    <xf numFmtId="0" fontId="43" fillId="0" borderId="11" xfId="12" applyFont="1" applyFill="1" applyBorder="1" applyAlignment="1">
      <alignment horizontal="center" vertical="top" wrapText="1"/>
    </xf>
    <xf numFmtId="0" fontId="30" fillId="0" borderId="11" xfId="0" applyFont="1" applyFill="1" applyBorder="1" applyAlignment="1">
      <alignment horizontal="center" vertical="center" wrapText="1"/>
    </xf>
    <xf numFmtId="0" fontId="30" fillId="0" borderId="11" xfId="0" applyFont="1" applyFill="1" applyBorder="1"/>
    <xf numFmtId="0" fontId="30" fillId="0" borderId="19" xfId="0" applyFont="1" applyFill="1" applyBorder="1" applyAlignment="1">
      <alignment wrapText="1"/>
    </xf>
    <xf numFmtId="0" fontId="30" fillId="0" borderId="56" xfId="0" applyFont="1" applyFill="1" applyBorder="1" applyAlignment="1">
      <alignment horizontal="center" vertical="top" wrapText="1"/>
    </xf>
    <xf numFmtId="0" fontId="64" fillId="0" borderId="11" xfId="19" applyFont="1" applyFill="1" applyBorder="1" applyAlignment="1">
      <alignment horizontal="center" vertical="top" wrapText="1"/>
    </xf>
    <xf numFmtId="1" fontId="30" fillId="0" borderId="0" xfId="0" applyNumberFormat="1" applyFont="1" applyFill="1" applyAlignment="1">
      <alignment horizontal="center" vertical="top" wrapText="1"/>
    </xf>
    <xf numFmtId="1" fontId="30" fillId="0" borderId="11" xfId="0" applyNumberFormat="1" applyFont="1" applyFill="1" applyBorder="1" applyAlignment="1">
      <alignment horizontal="center" vertical="top" wrapText="1"/>
    </xf>
    <xf numFmtId="49" fontId="30" fillId="0" borderId="57" xfId="0" applyNumberFormat="1" applyFont="1" applyFill="1" applyBorder="1" applyAlignment="1">
      <alignment horizontal="center" vertical="top" wrapText="1"/>
    </xf>
    <xf numFmtId="14" fontId="30" fillId="0" borderId="57" xfId="0" applyNumberFormat="1" applyFont="1" applyFill="1" applyBorder="1" applyAlignment="1">
      <alignment horizontal="center" vertical="top" wrapText="1"/>
    </xf>
    <xf numFmtId="49" fontId="30" fillId="0" borderId="57" xfId="13" applyNumberFormat="1" applyFont="1" applyFill="1" applyBorder="1" applyAlignment="1">
      <alignment horizontal="center" vertical="top" wrapText="1"/>
    </xf>
    <xf numFmtId="0" fontId="30" fillId="0" borderId="57" xfId="13" applyFont="1" applyFill="1" applyBorder="1" applyAlignment="1">
      <alignment horizontal="center" vertical="top" wrapText="1"/>
    </xf>
    <xf numFmtId="0" fontId="30" fillId="0" borderId="57" xfId="0" applyFont="1" applyFill="1" applyBorder="1" applyAlignment="1">
      <alignment horizontal="center" vertical="top" wrapText="1"/>
    </xf>
    <xf numFmtId="49" fontId="30" fillId="0" borderId="57" xfId="0" applyNumberFormat="1" applyFont="1" applyFill="1" applyBorder="1" applyAlignment="1">
      <alignment horizontal="center" vertical="justify" wrapText="1"/>
    </xf>
    <xf numFmtId="0" fontId="30" fillId="0" borderId="57" xfId="0" applyFont="1" applyFill="1" applyBorder="1" applyAlignment="1">
      <alignment horizontal="center" wrapText="1"/>
    </xf>
    <xf numFmtId="49" fontId="30" fillId="0" borderId="0" xfId="0" applyNumberFormat="1" applyFont="1" applyFill="1" applyAlignment="1">
      <alignment horizontal="center" vertical="top" wrapText="1"/>
    </xf>
    <xf numFmtId="49" fontId="30" fillId="0" borderId="0" xfId="0" applyNumberFormat="1" applyFont="1" applyFill="1" applyAlignment="1">
      <alignment horizontal="center" wrapText="1"/>
    </xf>
    <xf numFmtId="2" fontId="45" fillId="0" borderId="10" xfId="16" applyNumberFormat="1" applyFont="1" applyFill="1" applyBorder="1" applyAlignment="1">
      <alignment horizontal="center" vertical="top" wrapText="1"/>
    </xf>
    <xf numFmtId="2" fontId="45" fillId="0" borderId="0" xfId="16" applyNumberFormat="1" applyFont="1" applyFill="1" applyAlignment="1">
      <alignment horizontal="center" vertical="top" wrapText="1"/>
    </xf>
    <xf numFmtId="1" fontId="43" fillId="0" borderId="12" xfId="16" applyNumberFormat="1" applyFont="1" applyFill="1" applyBorder="1" applyAlignment="1">
      <alignment horizontal="center" vertical="top" wrapText="1"/>
    </xf>
    <xf numFmtId="1" fontId="30" fillId="0" borderId="12" xfId="16" applyNumberFormat="1" applyFont="1" applyFill="1" applyBorder="1" applyAlignment="1">
      <alignment horizontal="center" vertical="top" wrapText="1"/>
    </xf>
    <xf numFmtId="0" fontId="65" fillId="0" borderId="11" xfId="16" applyFont="1" applyFill="1" applyBorder="1" applyAlignment="1">
      <alignment horizontal="center" vertical="center" wrapText="1"/>
    </xf>
    <xf numFmtId="0" fontId="45" fillId="0" borderId="0" xfId="16" applyNumberFormat="1" applyFont="1" applyFill="1" applyAlignment="1">
      <alignment horizontal="center" vertical="top" wrapText="1"/>
    </xf>
    <xf numFmtId="2" fontId="30" fillId="0" borderId="0" xfId="16" applyNumberFormat="1" applyFont="1" applyFill="1" applyAlignment="1">
      <alignment horizontal="center" vertical="top" wrapText="1"/>
    </xf>
    <xf numFmtId="2" fontId="66" fillId="0" borderId="0" xfId="16" applyNumberFormat="1" applyFont="1" applyFill="1" applyAlignment="1">
      <alignment horizontal="center" vertical="top" wrapText="1"/>
    </xf>
    <xf numFmtId="2" fontId="65" fillId="0" borderId="0" xfId="16" applyNumberFormat="1" applyFont="1" applyFill="1" applyAlignment="1">
      <alignment horizontal="center" vertical="top" wrapText="1"/>
    </xf>
    <xf numFmtId="2" fontId="67" fillId="0" borderId="0" xfId="16" applyNumberFormat="1" applyFont="1" applyFill="1" applyAlignment="1">
      <alignment horizontal="center" vertical="top" wrapText="1"/>
    </xf>
    <xf numFmtId="0" fontId="45" fillId="0" borderId="12" xfId="16" applyFont="1" applyFill="1" applyBorder="1" applyAlignment="1">
      <alignment horizontal="center" vertical="top"/>
    </xf>
    <xf numFmtId="49" fontId="45" fillId="0" borderId="12" xfId="16" applyNumberFormat="1" applyFont="1" applyFill="1" applyBorder="1" applyAlignment="1">
      <alignment horizontal="center" vertical="top"/>
    </xf>
    <xf numFmtId="0" fontId="45" fillId="0" borderId="13" xfId="16" applyFont="1" applyFill="1" applyBorder="1" applyAlignment="1">
      <alignment horizontal="center" vertical="top"/>
    </xf>
    <xf numFmtId="0" fontId="45" fillId="0" borderId="58" xfId="16" applyFont="1" applyFill="1" applyBorder="1" applyAlignment="1">
      <alignment horizontal="center" vertical="top" wrapText="1"/>
    </xf>
    <xf numFmtId="0" fontId="45" fillId="0" borderId="59" xfId="16" applyFont="1" applyFill="1" applyBorder="1" applyAlignment="1">
      <alignment horizontal="center" vertical="top"/>
    </xf>
    <xf numFmtId="0" fontId="45" fillId="0" borderId="59" xfId="16" applyFont="1" applyFill="1" applyBorder="1" applyAlignment="1">
      <alignment horizontal="center" vertical="top" wrapText="1"/>
    </xf>
    <xf numFmtId="49" fontId="45" fillId="0" borderId="59" xfId="16" applyNumberFormat="1" applyFont="1" applyFill="1" applyBorder="1" applyAlignment="1">
      <alignment horizontal="center" vertical="top"/>
    </xf>
    <xf numFmtId="14" fontId="45" fillId="0" borderId="59" xfId="16" applyNumberFormat="1" applyFont="1" applyFill="1" applyBorder="1" applyAlignment="1">
      <alignment horizontal="center" vertical="top"/>
    </xf>
    <xf numFmtId="0" fontId="30" fillId="0" borderId="62" xfId="17" applyFont="1" applyFill="1" applyBorder="1" applyAlignment="1">
      <alignment horizontal="center" vertical="top" wrapText="1"/>
    </xf>
    <xf numFmtId="0" fontId="45" fillId="0" borderId="63" xfId="16" applyFont="1" applyFill="1" applyBorder="1" applyAlignment="1">
      <alignment horizontal="center" vertical="top"/>
    </xf>
    <xf numFmtId="0" fontId="45" fillId="0" borderId="64" xfId="16" applyFont="1" applyFill="1" applyBorder="1" applyAlignment="1">
      <alignment horizontal="center" vertical="top" wrapText="1"/>
    </xf>
    <xf numFmtId="0" fontId="45" fillId="0" borderId="63" xfId="16" applyFont="1" applyFill="1" applyBorder="1" applyAlignment="1">
      <alignment horizontal="center" vertical="top" wrapText="1"/>
    </xf>
    <xf numFmtId="49" fontId="45" fillId="0" borderId="63" xfId="16" applyNumberFormat="1" applyFont="1" applyFill="1" applyBorder="1" applyAlignment="1">
      <alignment horizontal="center" vertical="top"/>
    </xf>
    <xf numFmtId="14" fontId="45" fillId="0" borderId="63" xfId="16" applyNumberFormat="1" applyFont="1" applyFill="1" applyBorder="1" applyAlignment="1">
      <alignment horizontal="center" vertical="top"/>
    </xf>
    <xf numFmtId="0" fontId="45" fillId="0" borderId="64" xfId="16" applyFont="1" applyFill="1" applyBorder="1" applyAlignment="1">
      <alignment horizontal="center" vertical="top"/>
    </xf>
    <xf numFmtId="0" fontId="30" fillId="0" borderId="63" xfId="16" applyFont="1" applyFill="1" applyBorder="1" applyAlignment="1">
      <alignment horizontal="center" vertical="top" wrapText="1"/>
    </xf>
    <xf numFmtId="14" fontId="30" fillId="0" borderId="59" xfId="16" applyNumberFormat="1" applyFont="1" applyFill="1" applyBorder="1" applyAlignment="1">
      <alignment horizontal="center" vertical="top" wrapText="1"/>
    </xf>
    <xf numFmtId="0" fontId="45" fillId="0" borderId="58" xfId="16" applyFont="1" applyFill="1" applyBorder="1" applyAlignment="1">
      <alignment horizontal="center" vertical="top"/>
    </xf>
    <xf numFmtId="49" fontId="45" fillId="0" borderId="59" xfId="16" applyNumberFormat="1" applyFont="1" applyFill="1" applyBorder="1" applyAlignment="1">
      <alignment horizontal="center" vertical="top" wrapText="1"/>
    </xf>
    <xf numFmtId="0" fontId="45" fillId="0" borderId="60" xfId="16" applyFont="1" applyFill="1" applyBorder="1" applyAlignment="1">
      <alignment horizontal="center" vertical="top"/>
    </xf>
    <xf numFmtId="0" fontId="45" fillId="0" borderId="60" xfId="16" applyFont="1" applyFill="1" applyBorder="1" applyAlignment="1">
      <alignment horizontal="center" vertical="top" wrapText="1"/>
    </xf>
    <xf numFmtId="0" fontId="30" fillId="0" borderId="59" xfId="16" applyFont="1" applyFill="1" applyBorder="1" applyAlignment="1">
      <alignment horizontal="center" vertical="top" wrapText="1"/>
    </xf>
    <xf numFmtId="0" fontId="30" fillId="0" borderId="59" xfId="16" applyFont="1" applyFill="1" applyBorder="1" applyAlignment="1">
      <alignment horizontal="center" vertical="top"/>
    </xf>
    <xf numFmtId="49" fontId="30" fillId="0" borderId="59" xfId="16" applyNumberFormat="1" applyFont="1" applyFill="1" applyBorder="1" applyAlignment="1">
      <alignment horizontal="center" vertical="top"/>
    </xf>
    <xf numFmtId="14" fontId="30" fillId="0" borderId="59" xfId="16" applyNumberFormat="1" applyFont="1" applyFill="1" applyBorder="1" applyAlignment="1">
      <alignment horizontal="center" vertical="top"/>
    </xf>
    <xf numFmtId="0" fontId="30" fillId="0" borderId="60" xfId="16" applyFont="1" applyFill="1" applyBorder="1" applyAlignment="1">
      <alignment horizontal="center" vertical="top" wrapText="1"/>
    </xf>
    <xf numFmtId="14" fontId="45" fillId="0" borderId="59" xfId="16" applyNumberFormat="1" applyFont="1" applyFill="1" applyBorder="1" applyAlignment="1">
      <alignment horizontal="center" vertical="top" wrapText="1"/>
    </xf>
    <xf numFmtId="0" fontId="44" fillId="0" borderId="3" xfId="1" applyFont="1" applyFill="1" applyBorder="1" applyAlignment="1">
      <alignment horizontal="center" vertical="top" wrapText="1"/>
    </xf>
    <xf numFmtId="0" fontId="45" fillId="0" borderId="3" xfId="1" applyFont="1" applyFill="1" applyBorder="1" applyAlignment="1">
      <alignment horizontal="center" vertical="top" wrapText="1"/>
    </xf>
    <xf numFmtId="0" fontId="30" fillId="0" borderId="0" xfId="1" applyFont="1" applyFill="1" applyBorder="1" applyAlignment="1">
      <alignment vertical="top" wrapText="1"/>
    </xf>
    <xf numFmtId="0" fontId="45" fillId="0" borderId="0" xfId="1" applyFont="1" applyFill="1" applyBorder="1" applyAlignment="1">
      <alignment vertical="top" wrapText="1"/>
    </xf>
    <xf numFmtId="0" fontId="45" fillId="0" borderId="0" xfId="1" applyFont="1" applyFill="1" applyAlignment="1">
      <alignment vertical="top" wrapText="1"/>
    </xf>
    <xf numFmtId="49" fontId="43" fillId="0" borderId="1" xfId="1" applyNumberFormat="1" applyFont="1" applyFill="1" applyBorder="1" applyAlignment="1">
      <alignment horizontal="center" vertical="top" wrapText="1"/>
    </xf>
    <xf numFmtId="0" fontId="43" fillId="0" borderId="63" xfId="26" applyFont="1" applyFill="1" applyBorder="1" applyAlignment="1">
      <alignment horizontal="center" vertical="top" wrapText="1"/>
    </xf>
    <xf numFmtId="0" fontId="43" fillId="0" borderId="65" xfId="0" applyFont="1" applyFill="1" applyBorder="1" applyAlignment="1">
      <alignment horizontal="center" vertical="top" wrapText="1"/>
    </xf>
    <xf numFmtId="0" fontId="30" fillId="0" borderId="63" xfId="26" applyFont="1" applyFill="1" applyBorder="1" applyAlignment="1">
      <alignment horizontal="center" vertical="top" wrapText="1"/>
    </xf>
    <xf numFmtId="0" fontId="30" fillId="0" borderId="65" xfId="0" applyFont="1" applyFill="1" applyBorder="1" applyAlignment="1">
      <alignment horizontal="center" vertical="top" wrapText="1"/>
    </xf>
    <xf numFmtId="0" fontId="45" fillId="0" borderId="0" xfId="1" applyFont="1" applyFill="1" applyAlignment="1">
      <alignment horizontal="center" vertical="top" wrapText="1"/>
    </xf>
    <xf numFmtId="49" fontId="45" fillId="0" borderId="0" xfId="1" applyNumberFormat="1" applyFont="1" applyFill="1" applyAlignment="1">
      <alignment vertical="top" wrapText="1"/>
    </xf>
    <xf numFmtId="0" fontId="45" fillId="0" borderId="1" xfId="1" applyFont="1" applyFill="1" applyBorder="1" applyAlignment="1">
      <alignment horizontal="center" vertical="top" wrapText="1"/>
    </xf>
    <xf numFmtId="0" fontId="30" fillId="0" borderId="1" xfId="1" applyFont="1" applyFill="1" applyBorder="1" applyAlignment="1">
      <alignment vertical="top" wrapText="1"/>
    </xf>
    <xf numFmtId="0" fontId="45" fillId="0" borderId="0" xfId="1" applyFont="1" applyFill="1" applyBorder="1" applyAlignment="1">
      <alignment horizontal="center" vertical="top" wrapText="1"/>
    </xf>
    <xf numFmtId="49" fontId="45" fillId="0" borderId="1" xfId="1" applyNumberFormat="1" applyFont="1" applyFill="1" applyBorder="1" applyAlignment="1">
      <alignment horizontal="center" vertical="top" wrapText="1"/>
    </xf>
    <xf numFmtId="0" fontId="45" fillId="0" borderId="5" xfId="1" applyFont="1" applyFill="1" applyBorder="1" applyAlignment="1">
      <alignment horizontal="center" vertical="top" wrapText="1"/>
    </xf>
    <xf numFmtId="0" fontId="45" fillId="0" borderId="65" xfId="0" applyFont="1" applyFill="1" applyBorder="1" applyAlignment="1">
      <alignment horizontal="center" vertical="top" wrapText="1"/>
    </xf>
    <xf numFmtId="49" fontId="45" fillId="0" borderId="65" xfId="0" applyNumberFormat="1" applyFont="1" applyFill="1" applyBorder="1" applyAlignment="1">
      <alignment horizontal="center" vertical="top" wrapText="1"/>
    </xf>
    <xf numFmtId="14" fontId="45" fillId="0" borderId="65" xfId="0" applyNumberFormat="1" applyFont="1" applyFill="1" applyBorder="1" applyAlignment="1">
      <alignment horizontal="center" vertical="top" wrapText="1"/>
    </xf>
    <xf numFmtId="14" fontId="30" fillId="0" borderId="65" xfId="0" applyNumberFormat="1" applyFont="1" applyFill="1" applyBorder="1" applyAlignment="1">
      <alignment horizontal="center" vertical="top" wrapText="1"/>
    </xf>
    <xf numFmtId="0" fontId="74" fillId="0" borderId="65" xfId="0" applyFont="1" applyFill="1" applyBorder="1" applyAlignment="1">
      <alignment horizontal="center" vertical="top" wrapText="1"/>
    </xf>
    <xf numFmtId="0" fontId="45" fillId="0" borderId="65" xfId="0" applyFont="1" applyFill="1" applyBorder="1" applyAlignment="1">
      <alignment vertical="top" wrapText="1"/>
    </xf>
    <xf numFmtId="0" fontId="75" fillId="0" borderId="65" xfId="3" applyFont="1" applyFill="1" applyBorder="1" applyAlignment="1">
      <alignment vertical="top" wrapText="1"/>
    </xf>
    <xf numFmtId="0" fontId="45" fillId="0" borderId="65" xfId="2" applyFont="1" applyFill="1" applyBorder="1" applyAlignment="1">
      <alignment horizontal="center" vertical="top" wrapText="1"/>
    </xf>
    <xf numFmtId="49" fontId="45" fillId="0" borderId="65" xfId="2" applyNumberFormat="1" applyFont="1" applyFill="1" applyBorder="1" applyAlignment="1">
      <alignment horizontal="center" vertical="top" wrapText="1"/>
    </xf>
    <xf numFmtId="14" fontId="45" fillId="0" borderId="65" xfId="2" applyNumberFormat="1" applyFont="1" applyFill="1" applyBorder="1" applyAlignment="1">
      <alignment horizontal="center" vertical="top" wrapText="1"/>
    </xf>
    <xf numFmtId="0" fontId="30" fillId="0" borderId="65" xfId="2" applyFont="1" applyFill="1" applyBorder="1" applyAlignment="1">
      <alignment horizontal="center" vertical="top" wrapText="1"/>
    </xf>
    <xf numFmtId="0" fontId="45" fillId="0" borderId="65" xfId="2" applyFont="1" applyFill="1" applyBorder="1" applyAlignment="1">
      <alignment vertical="top" wrapText="1"/>
    </xf>
    <xf numFmtId="0" fontId="75" fillId="0" borderId="65" xfId="3" applyFont="1" applyFill="1" applyBorder="1" applyAlignment="1">
      <alignment horizontal="center" vertical="top" wrapText="1"/>
    </xf>
    <xf numFmtId="0" fontId="45" fillId="0" borderId="8" xfId="2" applyFont="1" applyFill="1" applyBorder="1" applyAlignment="1">
      <alignment horizontal="center" vertical="top" wrapText="1"/>
    </xf>
    <xf numFmtId="0" fontId="30" fillId="0" borderId="65" xfId="6" applyFont="1" applyFill="1" applyBorder="1" applyAlignment="1">
      <alignment vertical="top" wrapText="1"/>
    </xf>
    <xf numFmtId="0" fontId="45" fillId="0" borderId="2" xfId="1" applyFont="1" applyFill="1" applyBorder="1" applyAlignment="1">
      <alignment horizontal="center" vertical="top" wrapText="1"/>
    </xf>
    <xf numFmtId="0" fontId="74" fillId="0" borderId="65" xfId="47" applyFont="1" applyFill="1" applyBorder="1" applyAlignment="1">
      <alignment horizontal="center" vertical="top" wrapText="1"/>
    </xf>
    <xf numFmtId="49" fontId="30" fillId="0" borderId="65" xfId="0" applyNumberFormat="1" applyFont="1" applyFill="1" applyBorder="1" applyAlignment="1">
      <alignment horizontal="center" vertical="top" wrapText="1"/>
    </xf>
    <xf numFmtId="0" fontId="45" fillId="0" borderId="0" xfId="0" applyFont="1" applyFill="1" applyBorder="1" applyAlignment="1">
      <alignment vertical="top" wrapText="1"/>
    </xf>
    <xf numFmtId="0" fontId="76" fillId="0" borderId="65" xfId="47" applyFont="1" applyFill="1" applyBorder="1" applyAlignment="1">
      <alignment horizontal="center" vertical="top" wrapText="1"/>
    </xf>
    <xf numFmtId="49" fontId="30" fillId="0" borderId="65" xfId="2" applyNumberFormat="1" applyFont="1" applyFill="1" applyBorder="1" applyAlignment="1">
      <alignment horizontal="center" vertical="top" wrapText="1"/>
    </xf>
    <xf numFmtId="14" fontId="30" fillId="0" borderId="65" xfId="2" applyNumberFormat="1" applyFont="1" applyFill="1" applyBorder="1" applyAlignment="1">
      <alignment horizontal="center" vertical="top" wrapText="1"/>
    </xf>
    <xf numFmtId="0" fontId="30" fillId="0" borderId="65" xfId="2" applyFont="1" applyFill="1" applyBorder="1" applyAlignment="1">
      <alignment horizontal="center" vertical="center" wrapText="1"/>
    </xf>
    <xf numFmtId="0" fontId="30" fillId="0" borderId="65" xfId="0" applyFont="1" applyFill="1" applyBorder="1" applyAlignment="1">
      <alignment vertical="top" wrapText="1"/>
    </xf>
    <xf numFmtId="49" fontId="75" fillId="0" borderId="65" xfId="3" applyNumberFormat="1" applyFont="1" applyFill="1" applyBorder="1" applyAlignment="1">
      <alignment horizontal="center" vertical="top" wrapText="1"/>
    </xf>
    <xf numFmtId="0" fontId="30" fillId="0" borderId="0" xfId="0" applyFont="1" applyFill="1" applyAlignment="1">
      <alignment vertical="top" wrapText="1"/>
    </xf>
    <xf numFmtId="164" fontId="45" fillId="0" borderId="65" xfId="2" applyNumberFormat="1" applyFont="1" applyFill="1" applyBorder="1" applyAlignment="1">
      <alignment horizontal="center" vertical="top" wrapText="1"/>
    </xf>
    <xf numFmtId="14" fontId="45" fillId="0" borderId="8" xfId="2" applyNumberFormat="1" applyFont="1" applyFill="1" applyBorder="1" applyAlignment="1">
      <alignment horizontal="center" vertical="top" wrapText="1"/>
    </xf>
    <xf numFmtId="0" fontId="45" fillId="0" borderId="8" xfId="2" applyFont="1" applyFill="1" applyBorder="1" applyAlignment="1">
      <alignment vertical="top" wrapText="1"/>
    </xf>
    <xf numFmtId="0" fontId="30" fillId="0" borderId="8" xfId="2" applyFont="1" applyFill="1" applyBorder="1" applyAlignment="1">
      <alignment vertical="top" wrapText="1"/>
    </xf>
    <xf numFmtId="0" fontId="30" fillId="0" borderId="8" xfId="2" applyFont="1" applyFill="1" applyBorder="1" applyAlignment="1">
      <alignment horizontal="center" vertical="top" wrapText="1"/>
    </xf>
    <xf numFmtId="164" fontId="45" fillId="0" borderId="65" xfId="0" applyNumberFormat="1" applyFont="1" applyFill="1" applyBorder="1" applyAlignment="1">
      <alignment horizontal="center" vertical="top" wrapText="1"/>
    </xf>
    <xf numFmtId="164" fontId="30" fillId="0" borderId="65" xfId="6" applyNumberFormat="1" applyFont="1" applyFill="1" applyBorder="1" applyAlignment="1">
      <alignment horizontal="center" vertical="top" wrapText="1"/>
    </xf>
    <xf numFmtId="0" fontId="30" fillId="0" borderId="65" xfId="2" applyFont="1" applyFill="1" applyBorder="1" applyAlignment="1">
      <alignment vertical="top" wrapText="1"/>
    </xf>
    <xf numFmtId="0" fontId="45" fillId="0" borderId="67" xfId="0" applyFont="1" applyFill="1" applyBorder="1" applyAlignment="1">
      <alignment horizontal="center" vertical="top" wrapText="1"/>
    </xf>
    <xf numFmtId="49" fontId="45" fillId="0" borderId="67" xfId="0" applyNumberFormat="1" applyFont="1" applyFill="1" applyBorder="1" applyAlignment="1">
      <alignment horizontal="center" vertical="top" wrapText="1"/>
    </xf>
    <xf numFmtId="14" fontId="45" fillId="0" borderId="67" xfId="0" applyNumberFormat="1" applyFont="1" applyFill="1" applyBorder="1" applyAlignment="1">
      <alignment horizontal="center" vertical="top" wrapText="1"/>
    </xf>
    <xf numFmtId="0" fontId="74" fillId="0" borderId="67" xfId="0" applyFont="1" applyFill="1" applyBorder="1" applyAlignment="1">
      <alignment horizontal="center" vertical="top" wrapText="1"/>
    </xf>
    <xf numFmtId="0" fontId="30" fillId="0" borderId="67" xfId="0" applyFont="1" applyFill="1" applyBorder="1" applyAlignment="1">
      <alignment horizontal="center" vertical="top" wrapText="1"/>
    </xf>
    <xf numFmtId="0" fontId="45" fillId="0" borderId="67" xfId="0" applyFont="1" applyFill="1" applyBorder="1" applyAlignment="1">
      <alignment vertical="top" wrapText="1"/>
    </xf>
    <xf numFmtId="49" fontId="30" fillId="0" borderId="67" xfId="0" applyNumberFormat="1" applyFont="1" applyFill="1" applyBorder="1" applyAlignment="1">
      <alignment horizontal="center" vertical="top" wrapText="1"/>
    </xf>
    <xf numFmtId="0" fontId="74" fillId="0" borderId="8" xfId="0" applyFont="1" applyFill="1" applyBorder="1" applyAlignment="1">
      <alignment horizontal="center" vertical="top" wrapText="1"/>
    </xf>
    <xf numFmtId="0" fontId="45" fillId="0" borderId="8" xfId="0" applyFont="1" applyFill="1" applyBorder="1" applyAlignment="1">
      <alignment horizontal="center" vertical="top" wrapText="1"/>
    </xf>
    <xf numFmtId="0" fontId="45" fillId="0" borderId="8" xfId="0" applyFont="1" applyFill="1" applyBorder="1" applyAlignment="1">
      <alignment vertical="top" wrapText="1"/>
    </xf>
    <xf numFmtId="49" fontId="45" fillId="0" borderId="65" xfId="0" applyNumberFormat="1" applyFont="1" applyFill="1" applyBorder="1" applyAlignment="1">
      <alignment horizontal="center" vertical="top"/>
    </xf>
    <xf numFmtId="0" fontId="30" fillId="0" borderId="8" xfId="0" applyFont="1" applyFill="1" applyBorder="1" applyAlignment="1">
      <alignment horizontal="center" vertical="top" wrapText="1"/>
    </xf>
    <xf numFmtId="0" fontId="45" fillId="0" borderId="2" xfId="1" applyFont="1" applyFill="1" applyBorder="1" applyAlignment="1">
      <alignment vertical="top" wrapText="1"/>
    </xf>
    <xf numFmtId="0" fontId="45" fillId="0" borderId="1" xfId="1" applyFont="1" applyFill="1" applyBorder="1" applyAlignment="1">
      <alignment vertical="top" wrapText="1"/>
    </xf>
    <xf numFmtId="0" fontId="78" fillId="0" borderId="65" xfId="0" applyFont="1" applyFill="1" applyBorder="1" applyAlignment="1">
      <alignment horizontal="center" vertical="top" wrapText="1"/>
    </xf>
    <xf numFmtId="164" fontId="78" fillId="0" borderId="65" xfId="2" applyNumberFormat="1" applyFont="1" applyFill="1" applyBorder="1" applyAlignment="1">
      <alignment horizontal="center" vertical="top" wrapText="1"/>
    </xf>
    <xf numFmtId="0" fontId="78" fillId="0" borderId="8" xfId="0" applyFont="1" applyFill="1" applyBorder="1" applyAlignment="1">
      <alignment horizontal="center" vertical="top" wrapText="1"/>
    </xf>
    <xf numFmtId="0" fontId="78" fillId="0" borderId="65" xfId="0" applyFont="1" applyFill="1" applyBorder="1" applyAlignment="1">
      <alignment vertical="top" wrapText="1"/>
    </xf>
    <xf numFmtId="0" fontId="78" fillId="0" borderId="65" xfId="2" applyFont="1" applyFill="1" applyBorder="1" applyAlignment="1">
      <alignment horizontal="center" vertical="top" wrapText="1"/>
    </xf>
    <xf numFmtId="0" fontId="45" fillId="0" borderId="65" xfId="0" applyFont="1" applyFill="1" applyBorder="1" applyAlignment="1">
      <alignment horizontal="left" vertical="top" wrapText="1"/>
    </xf>
    <xf numFmtId="0" fontId="30" fillId="0" borderId="65" xfId="6" applyFont="1" applyFill="1" applyBorder="1" applyAlignment="1">
      <alignment horizontal="center" vertical="top" wrapText="1"/>
    </xf>
    <xf numFmtId="0" fontId="78" fillId="0" borderId="0" xfId="1" applyFont="1" applyFill="1" applyBorder="1" applyAlignment="1">
      <alignment vertical="top" wrapText="1"/>
    </xf>
    <xf numFmtId="0" fontId="78" fillId="0" borderId="0" xfId="1" applyFont="1" applyFill="1" applyAlignment="1">
      <alignment vertical="top" wrapText="1"/>
    </xf>
    <xf numFmtId="0" fontId="45" fillId="0" borderId="65" xfId="0" applyFont="1" applyFill="1" applyBorder="1" applyAlignment="1">
      <alignment horizontal="center" vertical="center" wrapText="1"/>
    </xf>
    <xf numFmtId="0" fontId="63" fillId="0" borderId="65" xfId="0" applyFont="1" applyFill="1" applyBorder="1" applyAlignment="1">
      <alignment horizontal="center" vertical="top" wrapText="1"/>
    </xf>
    <xf numFmtId="164" fontId="45" fillId="0" borderId="65" xfId="0" applyNumberFormat="1" applyFont="1" applyFill="1" applyBorder="1" applyAlignment="1">
      <alignment vertical="top" wrapText="1"/>
    </xf>
    <xf numFmtId="0" fontId="45" fillId="0" borderId="19" xfId="0" applyFont="1" applyFill="1" applyBorder="1" applyAlignment="1">
      <alignment horizontal="center" vertical="top" wrapText="1"/>
    </xf>
    <xf numFmtId="0" fontId="78" fillId="0" borderId="65" xfId="0" applyFont="1" applyFill="1" applyBorder="1" applyAlignment="1">
      <alignment horizontal="center" vertical="center" wrapText="1"/>
    </xf>
    <xf numFmtId="0" fontId="30" fillId="0" borderId="65" xfId="3" applyFont="1" applyFill="1" applyBorder="1" applyAlignment="1">
      <alignment vertical="top" wrapText="1"/>
    </xf>
    <xf numFmtId="0" fontId="45" fillId="0" borderId="8" xfId="1" applyFont="1" applyFill="1" applyBorder="1" applyAlignment="1">
      <alignment horizontal="center" vertical="top" wrapText="1"/>
    </xf>
    <xf numFmtId="0" fontId="45" fillId="0" borderId="0" xfId="0" applyFont="1" applyFill="1" applyAlignment="1">
      <alignment horizontal="center" vertical="top" wrapText="1"/>
    </xf>
    <xf numFmtId="0" fontId="30" fillId="0" borderId="65" xfId="0" applyFont="1" applyFill="1" applyBorder="1" applyAlignment="1">
      <alignment horizontal="center" vertical="center" wrapText="1"/>
    </xf>
    <xf numFmtId="0" fontId="45" fillId="0" borderId="1" xfId="2" applyFont="1" applyFill="1" applyBorder="1" applyAlignment="1">
      <alignment horizontal="center" vertical="top" wrapText="1"/>
    </xf>
    <xf numFmtId="0" fontId="78" fillId="0" borderId="67" xfId="0" applyFont="1" applyFill="1" applyBorder="1" applyAlignment="1">
      <alignment horizontal="center" vertical="top" wrapText="1"/>
    </xf>
    <xf numFmtId="168" fontId="79" fillId="0" borderId="67" xfId="0" applyNumberFormat="1" applyFont="1" applyFill="1" applyBorder="1" applyAlignment="1">
      <alignment horizontal="center" vertical="top"/>
    </xf>
    <xf numFmtId="0" fontId="45" fillId="0" borderId="67" xfId="0" applyFont="1" applyFill="1" applyBorder="1" applyAlignment="1">
      <alignment horizontal="center" vertical="center" wrapText="1"/>
    </xf>
    <xf numFmtId="0" fontId="44" fillId="0" borderId="65" xfId="0" applyFont="1" applyFill="1" applyBorder="1" applyAlignment="1">
      <alignment vertical="top" wrapText="1"/>
    </xf>
    <xf numFmtId="169" fontId="45" fillId="0" borderId="65" xfId="2" applyNumberFormat="1" applyFont="1" applyFill="1" applyBorder="1" applyAlignment="1">
      <alignment horizontal="center" vertical="top" wrapText="1"/>
    </xf>
    <xf numFmtId="49" fontId="45" fillId="0" borderId="65" xfId="0" applyNumberFormat="1" applyFont="1" applyFill="1" applyBorder="1" applyAlignment="1">
      <alignment vertical="top" wrapText="1"/>
    </xf>
    <xf numFmtId="164" fontId="45" fillId="0" borderId="65" xfId="0" applyNumberFormat="1" applyFont="1" applyFill="1" applyBorder="1" applyAlignment="1">
      <alignment horizontal="left" vertical="top" wrapText="1"/>
    </xf>
    <xf numFmtId="0" fontId="80" fillId="0" borderId="0" xfId="0" applyFont="1" applyFill="1" applyAlignment="1">
      <alignment vertical="top" wrapText="1"/>
    </xf>
    <xf numFmtId="0" fontId="45" fillId="0" borderId="0" xfId="0" applyFont="1" applyFill="1" applyAlignment="1">
      <alignment vertical="top" wrapText="1"/>
    </xf>
    <xf numFmtId="0" fontId="75" fillId="0" borderId="65" xfId="6" applyFont="1" applyFill="1" applyBorder="1" applyAlignment="1">
      <alignment vertical="top" wrapText="1"/>
    </xf>
    <xf numFmtId="1" fontId="30" fillId="0" borderId="0" xfId="0" applyNumberFormat="1" applyFont="1" applyFill="1" applyAlignment="1">
      <alignment vertical="top"/>
    </xf>
    <xf numFmtId="0" fontId="63" fillId="0" borderId="65" xfId="2" applyFont="1" applyFill="1" applyBorder="1" applyAlignment="1">
      <alignment horizontal="center" vertical="top" wrapText="1"/>
    </xf>
    <xf numFmtId="49" fontId="63" fillId="0" borderId="65" xfId="0" applyNumberFormat="1" applyFont="1" applyFill="1" applyBorder="1" applyAlignment="1">
      <alignment horizontal="center" vertical="top" wrapText="1"/>
    </xf>
    <xf numFmtId="0" fontId="63" fillId="0" borderId="65" xfId="0" applyFont="1" applyFill="1" applyBorder="1" applyAlignment="1">
      <alignment horizontal="center" vertical="center" wrapText="1"/>
    </xf>
    <xf numFmtId="0" fontId="63" fillId="0" borderId="65" xfId="0" applyFont="1" applyFill="1" applyBorder="1" applyAlignment="1">
      <alignment vertical="top" wrapText="1"/>
    </xf>
    <xf numFmtId="0" fontId="30" fillId="0" borderId="65" xfId="0" applyFont="1" applyFill="1" applyBorder="1" applyAlignment="1">
      <alignment vertical="center" wrapText="1"/>
    </xf>
    <xf numFmtId="0" fontId="81" fillId="0" borderId="66" xfId="33946" applyFont="1" applyFill="1" applyAlignment="1">
      <alignment vertical="top" wrapText="1"/>
    </xf>
    <xf numFmtId="0" fontId="45" fillId="0" borderId="67" xfId="2" applyFont="1" applyFill="1" applyBorder="1" applyAlignment="1">
      <alignment horizontal="center" vertical="top" wrapText="1"/>
    </xf>
    <xf numFmtId="0" fontId="30" fillId="0" borderId="67" xfId="0" applyFont="1" applyFill="1" applyBorder="1" applyAlignment="1">
      <alignment vertical="center" wrapText="1"/>
    </xf>
    <xf numFmtId="0" fontId="75" fillId="0" borderId="67" xfId="3" applyFont="1" applyFill="1" applyBorder="1" applyAlignment="1">
      <alignment vertical="top" wrapText="1"/>
    </xf>
    <xf numFmtId="0" fontId="81" fillId="0" borderId="68" xfId="33946" applyFont="1" applyFill="1" applyBorder="1" applyAlignment="1">
      <alignment vertical="top" wrapText="1"/>
    </xf>
    <xf numFmtId="1" fontId="45" fillId="0" borderId="65" xfId="2" applyNumberFormat="1" applyFont="1" applyFill="1" applyBorder="1" applyAlignment="1">
      <alignment horizontal="center" vertical="top"/>
    </xf>
    <xf numFmtId="0" fontId="75" fillId="0" borderId="65" xfId="3" applyFont="1" applyFill="1" applyBorder="1" applyAlignment="1">
      <alignment vertical="top"/>
    </xf>
    <xf numFmtId="164" fontId="79" fillId="0" borderId="67" xfId="0" applyNumberFormat="1" applyFont="1" applyFill="1" applyBorder="1" applyAlignment="1" applyProtection="1">
      <alignment horizontal="center" vertical="top" wrapText="1"/>
      <protection locked="0"/>
    </xf>
    <xf numFmtId="0" fontId="78" fillId="0" borderId="65" xfId="0" applyFont="1" applyFill="1" applyBorder="1" applyAlignment="1">
      <alignment horizontal="center" vertical="top"/>
    </xf>
    <xf numFmtId="0" fontId="30" fillId="0" borderId="65" xfId="0" applyFont="1" applyFill="1" applyBorder="1" applyAlignment="1">
      <alignment wrapText="1"/>
    </xf>
    <xf numFmtId="164" fontId="79" fillId="0" borderId="65" xfId="0" applyNumberFormat="1" applyFont="1" applyFill="1" applyBorder="1" applyAlignment="1" applyProtection="1">
      <alignment horizontal="center" vertical="top" wrapText="1"/>
      <protection locked="0"/>
    </xf>
    <xf numFmtId="0" fontId="78" fillId="0" borderId="0" xfId="0" applyFont="1" applyFill="1" applyAlignment="1">
      <alignment horizontal="center" vertical="top" wrapText="1"/>
    </xf>
    <xf numFmtId="0" fontId="45" fillId="0" borderId="0" xfId="2" applyFont="1" applyFill="1" applyAlignment="1">
      <alignment vertical="top" wrapText="1"/>
    </xf>
    <xf numFmtId="0" fontId="45" fillId="0" borderId="0" xfId="2" applyFont="1" applyFill="1"/>
    <xf numFmtId="0" fontId="30" fillId="0" borderId="18" xfId="16" applyFont="1" applyFill="1" applyBorder="1" applyAlignment="1">
      <alignment horizontal="center" vertical="top" wrapText="1"/>
    </xf>
    <xf numFmtId="0" fontId="13" fillId="0" borderId="0" xfId="0" applyFont="1" applyFill="1" applyAlignment="1">
      <alignment horizontal="center" vertical="top" wrapText="1"/>
    </xf>
    <xf numFmtId="0" fontId="9" fillId="0" borderId="1" xfId="0" applyFont="1" applyFill="1" applyBorder="1" applyAlignment="1">
      <alignment horizontal="center" vertical="top" wrapText="1"/>
    </xf>
    <xf numFmtId="0" fontId="30" fillId="0" borderId="0" xfId="7" applyFont="1" applyFill="1" applyAlignment="1">
      <alignment horizontal="center" vertical="top" wrapText="1"/>
    </xf>
    <xf numFmtId="0" fontId="30" fillId="0" borderId="0" xfId="7" applyFont="1" applyFill="1" applyAlignment="1">
      <alignment horizontal="center" vertical="top"/>
    </xf>
    <xf numFmtId="49" fontId="30" fillId="0" borderId="1" xfId="7" applyNumberFormat="1" applyFont="1" applyFill="1" applyBorder="1" applyAlignment="1">
      <alignment horizontal="center" vertical="top" wrapText="1"/>
    </xf>
    <xf numFmtId="0" fontId="30" fillId="0" borderId="1" xfId="7" applyFont="1" applyFill="1" applyBorder="1" applyAlignment="1">
      <alignment horizontal="center" vertical="top" wrapText="1"/>
    </xf>
    <xf numFmtId="0" fontId="59" fillId="0" borderId="0" xfId="7" applyFont="1" applyFill="1" applyAlignment="1">
      <alignment horizontal="center" vertical="top" wrapText="1"/>
    </xf>
    <xf numFmtId="49" fontId="30" fillId="0" borderId="0" xfId="7" applyNumberFormat="1" applyFont="1" applyFill="1" applyAlignment="1">
      <alignment horizontal="center" vertical="top" wrapText="1"/>
    </xf>
    <xf numFmtId="0" fontId="30" fillId="0" borderId="65" xfId="18135" applyFont="1" applyFill="1" applyBorder="1" applyAlignment="1">
      <alignment horizontal="center" vertical="top" wrapText="1"/>
    </xf>
    <xf numFmtId="49" fontId="59" fillId="0" borderId="0" xfId="7" applyNumberFormat="1" applyFont="1" applyFill="1" applyAlignment="1">
      <alignment horizontal="center" vertical="top" wrapText="1"/>
    </xf>
    <xf numFmtId="0" fontId="43" fillId="0" borderId="0" xfId="7" applyFont="1" applyFill="1" applyAlignment="1">
      <alignment horizontal="center" vertical="top" wrapText="1"/>
    </xf>
    <xf numFmtId="49" fontId="43" fillId="0" borderId="0" xfId="7" applyNumberFormat="1" applyFont="1" applyFill="1" applyAlignment="1">
      <alignment horizontal="center" vertical="top" wrapText="1"/>
    </xf>
    <xf numFmtId="0" fontId="43" fillId="0" borderId="11" xfId="7" applyFont="1" applyFill="1" applyBorder="1" applyAlignment="1">
      <alignment horizontal="center" vertical="top" wrapText="1"/>
    </xf>
    <xf numFmtId="0" fontId="30" fillId="0" borderId="11" xfId="7" applyFont="1" applyFill="1" applyBorder="1" applyAlignment="1">
      <alignment horizontal="center" vertical="top" wrapText="1"/>
    </xf>
    <xf numFmtId="2" fontId="30" fillId="0" borderId="2" xfId="7" applyNumberFormat="1" applyFont="1" applyFill="1" applyBorder="1" applyAlignment="1">
      <alignment horizontal="center" vertical="top" wrapText="1"/>
    </xf>
    <xf numFmtId="2" fontId="30" fillId="0" borderId="1" xfId="7" applyNumberFormat="1" applyFont="1" applyFill="1" applyBorder="1" applyAlignment="1">
      <alignment horizontal="center" vertical="top" wrapText="1"/>
    </xf>
    <xf numFmtId="0" fontId="30" fillId="0" borderId="1" xfId="7" applyFont="1" applyFill="1" applyBorder="1" applyAlignment="1">
      <alignment horizontal="center" vertical="top"/>
    </xf>
    <xf numFmtId="49" fontId="30" fillId="0" borderId="1" xfId="7" applyNumberFormat="1" applyFont="1" applyFill="1" applyBorder="1" applyAlignment="1">
      <alignment horizontal="center" vertical="top"/>
    </xf>
    <xf numFmtId="49" fontId="30" fillId="0" borderId="65" xfId="18135" applyNumberFormat="1" applyFont="1" applyFill="1" applyBorder="1" applyAlignment="1">
      <alignment horizontal="center" vertical="top" wrapText="1"/>
    </xf>
    <xf numFmtId="14" fontId="30" fillId="0" borderId="65" xfId="18135" applyNumberFormat="1" applyFont="1" applyFill="1" applyBorder="1" applyAlignment="1">
      <alignment horizontal="center" vertical="top" wrapText="1"/>
    </xf>
    <xf numFmtId="0" fontId="30" fillId="0" borderId="65" xfId="18135" applyNumberFormat="1" applyFont="1" applyFill="1" applyBorder="1" applyAlignment="1">
      <alignment horizontal="center" vertical="top" wrapText="1"/>
    </xf>
    <xf numFmtId="0" fontId="30" fillId="0" borderId="4" xfId="7" applyFont="1" applyFill="1" applyBorder="1" applyAlignment="1">
      <alignment horizontal="center" vertical="top" wrapText="1"/>
    </xf>
    <xf numFmtId="0" fontId="30" fillId="0" borderId="71" xfId="18135" applyFont="1" applyFill="1" applyBorder="1" applyAlignment="1">
      <alignment horizontal="center" vertical="top" wrapText="1"/>
    </xf>
    <xf numFmtId="14" fontId="30" fillId="0" borderId="71" xfId="18135" applyNumberFormat="1" applyFont="1" applyFill="1" applyBorder="1" applyAlignment="1">
      <alignment horizontal="center" vertical="top" wrapText="1"/>
    </xf>
    <xf numFmtId="0" fontId="30" fillId="0" borderId="71" xfId="18135" applyNumberFormat="1" applyFont="1" applyFill="1" applyBorder="1" applyAlignment="1">
      <alignment horizontal="center" vertical="top" wrapText="1"/>
    </xf>
    <xf numFmtId="14" fontId="30" fillId="0" borderId="19" xfId="18135" applyNumberFormat="1" applyFont="1" applyFill="1" applyBorder="1" applyAlignment="1">
      <alignment horizontal="center" vertical="top" wrapText="1"/>
    </xf>
    <xf numFmtId="165" fontId="30" fillId="0" borderId="65" xfId="8" applyFont="1" applyFill="1" applyBorder="1" applyAlignment="1">
      <alignment horizontal="center" vertical="top" wrapText="1"/>
    </xf>
    <xf numFmtId="0" fontId="30" fillId="0" borderId="65" xfId="18135" applyFont="1" applyFill="1" applyBorder="1" applyAlignment="1">
      <alignment horizontal="center" vertical="top"/>
    </xf>
    <xf numFmtId="49" fontId="30" fillId="0" borderId="65" xfId="8" applyNumberFormat="1" applyFont="1" applyFill="1" applyBorder="1" applyAlignment="1">
      <alignment horizontal="center" vertical="top" wrapText="1"/>
    </xf>
    <xf numFmtId="0" fontId="30" fillId="0" borderId="71" xfId="18135" applyFont="1" applyFill="1" applyBorder="1" applyAlignment="1">
      <alignment horizontal="center" vertical="top"/>
    </xf>
    <xf numFmtId="0" fontId="76" fillId="0" borderId="65" xfId="18135" applyFont="1" applyFill="1" applyBorder="1" applyAlignment="1">
      <alignment horizontal="center" vertical="top" wrapText="1"/>
    </xf>
    <xf numFmtId="49" fontId="30" fillId="0" borderId="71" xfId="18135" applyNumberFormat="1" applyFont="1" applyFill="1" applyBorder="1" applyAlignment="1">
      <alignment horizontal="center" vertical="top" wrapText="1"/>
    </xf>
    <xf numFmtId="49" fontId="30" fillId="0" borderId="65" xfId="18135" applyNumberFormat="1" applyFont="1" applyFill="1" applyBorder="1" applyAlignment="1">
      <alignment horizontal="center" vertical="top"/>
    </xf>
    <xf numFmtId="0" fontId="30" fillId="0" borderId="65" xfId="18135" applyNumberFormat="1" applyFont="1" applyFill="1" applyBorder="1" applyAlignment="1">
      <alignment horizontal="center" vertical="top"/>
    </xf>
    <xf numFmtId="1" fontId="30" fillId="0" borderId="65" xfId="18135" applyNumberFormat="1" applyFont="1" applyFill="1" applyBorder="1" applyAlignment="1">
      <alignment horizontal="center" vertical="top"/>
    </xf>
    <xf numFmtId="14" fontId="30" fillId="0" borderId="65" xfId="18135" applyNumberFormat="1" applyFont="1" applyFill="1" applyBorder="1" applyAlignment="1">
      <alignment horizontal="center" vertical="top"/>
    </xf>
    <xf numFmtId="1" fontId="30" fillId="0" borderId="65" xfId="18135" applyNumberFormat="1" applyFont="1" applyFill="1" applyBorder="1" applyAlignment="1">
      <alignment horizontal="center" vertical="top" wrapText="1"/>
    </xf>
    <xf numFmtId="0" fontId="30" fillId="0" borderId="5" xfId="7" applyFont="1" applyFill="1" applyBorder="1" applyAlignment="1">
      <alignment horizontal="center" vertical="top" wrapText="1"/>
    </xf>
    <xf numFmtId="0" fontId="30" fillId="0" borderId="3" xfId="7" applyFont="1" applyFill="1" applyBorder="1" applyAlignment="1">
      <alignment horizontal="center" vertical="top" wrapText="1"/>
    </xf>
    <xf numFmtId="1" fontId="30" fillId="0" borderId="3" xfId="7" applyNumberFormat="1" applyFont="1" applyFill="1" applyBorder="1" applyAlignment="1">
      <alignment horizontal="center" vertical="top" wrapText="1"/>
    </xf>
    <xf numFmtId="14" fontId="30" fillId="0" borderId="3" xfId="7" applyNumberFormat="1" applyFont="1" applyFill="1" applyBorder="1" applyAlignment="1">
      <alignment horizontal="center" vertical="top" wrapText="1"/>
    </xf>
    <xf numFmtId="49" fontId="30" fillId="0" borderId="3" xfId="7" applyNumberFormat="1" applyFont="1" applyFill="1" applyBorder="1" applyAlignment="1">
      <alignment horizontal="center" vertical="top" wrapText="1"/>
    </xf>
    <xf numFmtId="0" fontId="30" fillId="0" borderId="2" xfId="7" applyFont="1" applyFill="1" applyBorder="1" applyAlignment="1">
      <alignment horizontal="center" vertical="top" wrapText="1"/>
    </xf>
    <xf numFmtId="0" fontId="30" fillId="3" borderId="1" xfId="7" applyFont="1" applyFill="1" applyBorder="1" applyAlignment="1">
      <alignment horizontal="center" vertical="top" wrapText="1"/>
    </xf>
    <xf numFmtId="165" fontId="30" fillId="3" borderId="1" xfId="8" applyFont="1" applyFill="1" applyBorder="1" applyAlignment="1">
      <alignment horizontal="center" vertical="top" wrapText="1"/>
    </xf>
    <xf numFmtId="165" fontId="30" fillId="0" borderId="1" xfId="8" applyFont="1" applyFill="1" applyBorder="1" applyAlignment="1">
      <alignment horizontal="center" vertical="top" wrapText="1"/>
    </xf>
    <xf numFmtId="49" fontId="30" fillId="0" borderId="1" xfId="8" applyNumberFormat="1" applyFont="1" applyFill="1" applyBorder="1" applyAlignment="1">
      <alignment horizontal="center" vertical="top" wrapText="1"/>
    </xf>
    <xf numFmtId="165" fontId="64" fillId="0" borderId="1" xfId="10" applyNumberFormat="1" applyFont="1" applyFill="1" applyBorder="1" applyAlignment="1">
      <alignment horizontal="center" vertical="top" wrapText="1"/>
    </xf>
    <xf numFmtId="165" fontId="30" fillId="0" borderId="1" xfId="9" applyNumberFormat="1" applyFont="1" applyFill="1" applyBorder="1" applyAlignment="1">
      <alignment horizontal="center" vertical="top" wrapText="1"/>
    </xf>
    <xf numFmtId="165" fontId="64" fillId="0" borderId="1" xfId="11" applyNumberFormat="1" applyFont="1" applyFill="1" applyBorder="1" applyAlignment="1">
      <alignment horizontal="center" vertical="top" wrapText="1"/>
    </xf>
    <xf numFmtId="0" fontId="30" fillId="3" borderId="1" xfId="7" applyFont="1" applyFill="1" applyBorder="1" applyAlignment="1">
      <alignment horizontal="center" vertical="top"/>
    </xf>
    <xf numFmtId="0" fontId="30" fillId="0" borderId="0" xfId="7" applyFont="1" applyFill="1" applyBorder="1" applyAlignment="1">
      <alignment horizontal="center" vertical="top"/>
    </xf>
    <xf numFmtId="0" fontId="30" fillId="0" borderId="0" xfId="7" applyFont="1" applyFill="1" applyBorder="1" applyAlignment="1">
      <alignment horizontal="center" vertical="top" wrapText="1"/>
    </xf>
    <xf numFmtId="49" fontId="30" fillId="0" borderId="0" xfId="7" applyNumberFormat="1" applyFont="1" applyFill="1" applyBorder="1" applyAlignment="1">
      <alignment horizontal="center" vertical="top"/>
    </xf>
    <xf numFmtId="0" fontId="30" fillId="0" borderId="5" xfId="7" applyFont="1" applyFill="1" applyBorder="1" applyAlignment="1">
      <alignment horizontal="center" vertical="top"/>
    </xf>
    <xf numFmtId="0" fontId="30" fillId="0" borderId="3" xfId="7" applyFont="1" applyFill="1" applyBorder="1" applyAlignment="1">
      <alignment horizontal="center" vertical="top"/>
    </xf>
    <xf numFmtId="0" fontId="30" fillId="0" borderId="2" xfId="7" applyFont="1" applyFill="1" applyBorder="1" applyAlignment="1">
      <alignment horizontal="center" vertical="top"/>
    </xf>
    <xf numFmtId="49" fontId="30" fillId="0" borderId="0" xfId="7" applyNumberFormat="1" applyFont="1" applyFill="1" applyBorder="1" applyAlignment="1">
      <alignment horizontal="center" vertical="top" wrapText="1"/>
    </xf>
    <xf numFmtId="14" fontId="30" fillId="0" borderId="0" xfId="7" applyNumberFormat="1" applyFont="1" applyFill="1" applyBorder="1" applyAlignment="1">
      <alignment horizontal="center" vertical="top" wrapText="1"/>
    </xf>
    <xf numFmtId="14" fontId="30" fillId="0" borderId="1" xfId="7" applyNumberFormat="1" applyFont="1" applyFill="1" applyBorder="1" applyAlignment="1">
      <alignment horizontal="center" vertical="top" wrapText="1"/>
    </xf>
    <xf numFmtId="14" fontId="30" fillId="0" borderId="1" xfId="7" applyNumberFormat="1" applyFont="1" applyFill="1" applyBorder="1" applyAlignment="1">
      <alignment horizontal="center" vertical="top"/>
    </xf>
    <xf numFmtId="0" fontId="43" fillId="0" borderId="1" xfId="7" applyFont="1" applyFill="1" applyBorder="1" applyAlignment="1">
      <alignment horizontal="center" vertical="top"/>
    </xf>
    <xf numFmtId="0" fontId="13" fillId="0" borderId="65" xfId="1" applyFont="1" applyBorder="1" applyAlignment="1" applyProtection="1">
      <alignment horizontal="center" vertical="top" wrapText="1"/>
    </xf>
    <xf numFmtId="0" fontId="13" fillId="0" borderId="65" xfId="1" applyFont="1" applyBorder="1" applyAlignment="1" applyProtection="1">
      <alignment vertical="top" wrapText="1"/>
    </xf>
    <xf numFmtId="49" fontId="13" fillId="0" borderId="65" xfId="1" applyNumberFormat="1" applyFont="1" applyBorder="1" applyAlignment="1" applyProtection="1">
      <alignment vertical="top" wrapText="1"/>
    </xf>
    <xf numFmtId="0" fontId="13" fillId="0" borderId="19" xfId="1" applyFont="1" applyBorder="1" applyAlignment="1" applyProtection="1">
      <alignment vertical="top" wrapText="1"/>
    </xf>
    <xf numFmtId="0" fontId="13" fillId="0" borderId="73" xfId="1" applyFont="1" applyBorder="1" applyAlignment="1" applyProtection="1">
      <alignment vertical="top" wrapText="1"/>
    </xf>
    <xf numFmtId="0" fontId="30" fillId="0" borderId="73" xfId="1" applyFont="1" applyFill="1" applyBorder="1" applyAlignment="1" applyProtection="1">
      <alignment horizontal="center" vertical="center" wrapText="1"/>
    </xf>
    <xf numFmtId="0" fontId="30" fillId="0" borderId="65" xfId="1" applyFont="1" applyFill="1" applyBorder="1" applyAlignment="1" applyProtection="1">
      <alignment horizontal="center" vertical="center" wrapText="1"/>
    </xf>
    <xf numFmtId="49" fontId="30" fillId="0" borderId="65" xfId="1" applyNumberFormat="1" applyFont="1" applyFill="1" applyBorder="1" applyAlignment="1" applyProtection="1">
      <alignment horizontal="center" vertical="center" wrapText="1"/>
    </xf>
    <xf numFmtId="0" fontId="30" fillId="0" borderId="0" xfId="1" applyFont="1" applyFill="1" applyAlignment="1">
      <alignment vertical="top" wrapText="1"/>
    </xf>
    <xf numFmtId="0" fontId="59" fillId="0" borderId="0" xfId="1" applyFont="1" applyFill="1" applyBorder="1" applyAlignment="1">
      <alignment horizontal="center" vertical="top" wrapText="1"/>
    </xf>
    <xf numFmtId="0" fontId="43" fillId="0" borderId="65" xfId="1" applyFont="1" applyFill="1" applyBorder="1" applyAlignment="1" applyProtection="1">
      <alignment horizontal="center" vertical="top" wrapText="1"/>
    </xf>
    <xf numFmtId="0" fontId="30" fillId="0" borderId="65" xfId="1" applyFont="1" applyFill="1" applyBorder="1" applyAlignment="1" applyProtection="1">
      <alignment horizontal="center" vertical="top" wrapText="1"/>
    </xf>
    <xf numFmtId="49" fontId="30" fillId="0" borderId="0" xfId="1" applyNumberFormat="1" applyFont="1" applyFill="1" applyBorder="1" applyAlignment="1">
      <alignment horizontal="center" vertical="top" wrapText="1"/>
    </xf>
    <xf numFmtId="0" fontId="65" fillId="0" borderId="11" xfId="1" applyFont="1" applyFill="1" applyBorder="1" applyAlignment="1">
      <alignment horizontal="center" vertical="center" wrapText="1"/>
    </xf>
    <xf numFmtId="49" fontId="30" fillId="0" borderId="0" xfId="1" applyNumberFormat="1" applyFont="1" applyFill="1" applyBorder="1" applyAlignment="1">
      <alignment vertical="top" wrapText="1"/>
    </xf>
    <xf numFmtId="0" fontId="30" fillId="0" borderId="65" xfId="1" applyFont="1" applyFill="1" applyBorder="1" applyAlignment="1" applyProtection="1">
      <alignment vertical="top" wrapText="1"/>
    </xf>
    <xf numFmtId="49" fontId="30" fillId="0" borderId="0" xfId="1" applyNumberFormat="1" applyFont="1" applyFill="1" applyAlignment="1" applyProtection="1">
      <alignment vertical="top" wrapText="1"/>
    </xf>
    <xf numFmtId="49" fontId="30" fillId="0" borderId="65" xfId="1" applyNumberFormat="1" applyFont="1" applyFill="1" applyBorder="1" applyAlignment="1">
      <alignment horizontal="center" vertical="top" wrapText="1"/>
    </xf>
    <xf numFmtId="49" fontId="30" fillId="0" borderId="0" xfId="1" applyNumberFormat="1" applyFont="1" applyFill="1" applyAlignment="1">
      <alignment vertical="top" wrapText="1"/>
    </xf>
    <xf numFmtId="0" fontId="30" fillId="0" borderId="0" xfId="2" applyFont="1" applyFill="1" applyBorder="1" applyAlignment="1">
      <alignment horizontal="center" vertical="top" wrapText="1"/>
    </xf>
    <xf numFmtId="14" fontId="30" fillId="0" borderId="0" xfId="2" applyNumberFormat="1" applyFont="1" applyFill="1" applyBorder="1" applyAlignment="1">
      <alignment horizontal="center" vertical="top" wrapText="1"/>
    </xf>
    <xf numFmtId="0" fontId="30" fillId="0" borderId="1" xfId="5" applyNumberFormat="1" applyFont="1" applyFill="1" applyBorder="1" applyAlignment="1">
      <alignment horizontal="center" vertical="center" wrapText="1"/>
    </xf>
    <xf numFmtId="0" fontId="30" fillId="0" borderId="45" xfId="1" applyFont="1" applyFill="1" applyBorder="1" applyAlignment="1" applyProtection="1">
      <alignment horizontal="center" wrapText="1"/>
    </xf>
    <xf numFmtId="0" fontId="30" fillId="0" borderId="8" xfId="1" applyFont="1" applyFill="1" applyBorder="1" applyAlignment="1" applyProtection="1">
      <alignment horizontal="center" wrapText="1"/>
    </xf>
    <xf numFmtId="49" fontId="30" fillId="0" borderId="8" xfId="1" applyNumberFormat="1" applyFont="1" applyFill="1" applyBorder="1" applyAlignment="1" applyProtection="1">
      <alignment horizontal="center" vertical="center" wrapText="1"/>
    </xf>
    <xf numFmtId="14" fontId="30" fillId="0" borderId="8" xfId="1" applyNumberFormat="1" applyFont="1" applyFill="1" applyBorder="1" applyAlignment="1" applyProtection="1">
      <alignment horizontal="center" vertical="center" wrapText="1"/>
    </xf>
    <xf numFmtId="0" fontId="30" fillId="0" borderId="8" xfId="1" applyFont="1" applyFill="1" applyBorder="1" applyAlignment="1" applyProtection="1">
      <alignment horizontal="center" vertical="center" wrapText="1"/>
    </xf>
    <xf numFmtId="14" fontId="30" fillId="0" borderId="65" xfId="1" applyNumberFormat="1" applyFont="1" applyFill="1" applyBorder="1" applyAlignment="1" applyProtection="1">
      <alignment horizontal="center" vertical="center" wrapText="1"/>
    </xf>
    <xf numFmtId="49" fontId="30" fillId="0" borderId="73" xfId="1" applyNumberFormat="1" applyFont="1" applyFill="1" applyBorder="1" applyAlignment="1" applyProtection="1">
      <alignment vertical="top" wrapText="1"/>
    </xf>
    <xf numFmtId="49" fontId="30" fillId="0" borderId="65" xfId="1" applyNumberFormat="1" applyFont="1" applyFill="1" applyBorder="1" applyAlignment="1" applyProtection="1">
      <alignment vertical="top" wrapText="1"/>
    </xf>
    <xf numFmtId="0" fontId="30" fillId="0" borderId="19" xfId="1" applyFont="1" applyFill="1" applyBorder="1" applyAlignment="1" applyProtection="1">
      <alignment vertical="top" wrapText="1"/>
    </xf>
    <xf numFmtId="0" fontId="30" fillId="0" borderId="73" xfId="1" applyFont="1" applyFill="1" applyBorder="1" applyAlignment="1" applyProtection="1">
      <alignment vertical="top" wrapText="1"/>
    </xf>
    <xf numFmtId="0" fontId="30" fillId="0" borderId="0" xfId="1" applyFont="1" applyFill="1" applyAlignment="1" applyProtection="1">
      <alignment vertical="top" wrapText="1"/>
    </xf>
    <xf numFmtId="49" fontId="43" fillId="0" borderId="18" xfId="0" applyNumberFormat="1" applyFont="1" applyFill="1" applyBorder="1" applyAlignment="1">
      <alignment horizontal="center" vertical="top" wrapText="1"/>
    </xf>
    <xf numFmtId="0" fontId="43" fillId="0" borderId="18" xfId="0" applyFont="1" applyFill="1" applyBorder="1" applyAlignment="1">
      <alignment horizontal="center" vertical="top" wrapText="1"/>
    </xf>
    <xf numFmtId="0" fontId="30" fillId="0" borderId="18" xfId="0" applyFont="1" applyFill="1" applyBorder="1" applyAlignment="1">
      <alignment horizontal="center" vertical="top" wrapText="1"/>
    </xf>
    <xf numFmtId="49" fontId="30" fillId="0" borderId="18" xfId="0" applyNumberFormat="1" applyFont="1" applyFill="1" applyBorder="1" applyAlignment="1">
      <alignment horizontal="center" vertical="top" wrapText="1"/>
    </xf>
    <xf numFmtId="0" fontId="43" fillId="0" borderId="11" xfId="0" applyFont="1" applyFill="1" applyBorder="1" applyAlignment="1">
      <alignment horizontal="center" vertical="center" wrapText="1"/>
    </xf>
    <xf numFmtId="0" fontId="30" fillId="0" borderId="0" xfId="0" applyFont="1" applyFill="1" applyAlignment="1">
      <alignment horizontal="center" vertical="center" wrapText="1"/>
    </xf>
    <xf numFmtId="0" fontId="30" fillId="0" borderId="18" xfId="5" applyNumberFormat="1" applyFont="1" applyFill="1" applyBorder="1" applyAlignment="1">
      <alignment horizontal="center" vertical="center" wrapText="1"/>
    </xf>
    <xf numFmtId="0" fontId="30" fillId="0" borderId="71" xfId="5" applyNumberFormat="1" applyFont="1" applyFill="1" applyBorder="1" applyAlignment="1">
      <alignment horizontal="center" vertical="center" wrapText="1"/>
    </xf>
    <xf numFmtId="49" fontId="30" fillId="0" borderId="71" xfId="5" applyNumberFormat="1" applyFont="1" applyFill="1" applyBorder="1" applyAlignment="1">
      <alignment horizontal="center" vertical="center" wrapText="1"/>
    </xf>
    <xf numFmtId="49" fontId="30" fillId="0" borderId="65" xfId="5" applyNumberFormat="1" applyFont="1" applyFill="1" applyBorder="1" applyAlignment="1" applyProtection="1">
      <alignment horizontal="center" vertical="center" wrapText="1"/>
      <protection locked="0"/>
    </xf>
    <xf numFmtId="14" fontId="30" fillId="0" borderId="65" xfId="5" applyNumberFormat="1" applyFont="1" applyFill="1" applyBorder="1" applyAlignment="1">
      <alignment horizontal="center" vertical="center" wrapText="1"/>
    </xf>
    <xf numFmtId="0" fontId="30" fillId="0" borderId="65" xfId="0" applyNumberFormat="1" applyFont="1" applyFill="1" applyBorder="1" applyAlignment="1">
      <alignment horizontal="center" vertical="center" wrapText="1"/>
    </xf>
    <xf numFmtId="0" fontId="30" fillId="0" borderId="0" xfId="0" applyNumberFormat="1" applyFont="1" applyFill="1" applyAlignment="1">
      <alignment horizontal="center" vertical="center" wrapText="1"/>
    </xf>
    <xf numFmtId="0" fontId="30" fillId="0" borderId="23" xfId="5" applyNumberFormat="1" applyFont="1" applyFill="1" applyBorder="1" applyAlignment="1">
      <alignment horizontal="center" vertical="center" wrapText="1"/>
    </xf>
    <xf numFmtId="14" fontId="30" fillId="0" borderId="71" xfId="5" applyNumberFormat="1" applyFont="1" applyFill="1" applyBorder="1" applyAlignment="1">
      <alignment horizontal="center" vertical="center" wrapText="1"/>
    </xf>
    <xf numFmtId="0" fontId="64" fillId="0" borderId="65" xfId="20" applyFont="1" applyFill="1" applyBorder="1" applyAlignment="1" applyProtection="1">
      <alignment wrapText="1"/>
    </xf>
    <xf numFmtId="0" fontId="59" fillId="0" borderId="65" xfId="0" applyFont="1" applyFill="1" applyBorder="1" applyAlignment="1">
      <alignment horizontal="center" vertical="top" wrapText="1"/>
    </xf>
    <xf numFmtId="49" fontId="30" fillId="0" borderId="8" xfId="0" applyNumberFormat="1" applyFont="1" applyFill="1" applyBorder="1" applyAlignment="1">
      <alignment horizontal="center" vertical="top" wrapText="1"/>
    </xf>
    <xf numFmtId="0" fontId="64" fillId="0" borderId="0" xfId="20" applyFont="1" applyFill="1" applyAlignment="1" applyProtection="1">
      <alignment wrapText="1"/>
    </xf>
    <xf numFmtId="0" fontId="30" fillId="0" borderId="8" xfId="5" applyNumberFormat="1" applyFont="1" applyFill="1" applyBorder="1" applyAlignment="1">
      <alignment horizontal="center" vertical="center" wrapText="1"/>
    </xf>
    <xf numFmtId="0" fontId="30" fillId="0" borderId="65" xfId="5" applyNumberFormat="1" applyFont="1" applyFill="1" applyBorder="1" applyAlignment="1">
      <alignment horizontal="center" vertical="center" wrapText="1"/>
    </xf>
    <xf numFmtId="49" fontId="30" fillId="0" borderId="65" xfId="5" applyNumberFormat="1" applyFont="1" applyFill="1" applyBorder="1" applyAlignment="1">
      <alignment horizontal="center" vertical="center" wrapText="1"/>
    </xf>
    <xf numFmtId="49" fontId="30" fillId="0" borderId="8" xfId="5" applyNumberFormat="1" applyFont="1" applyFill="1" applyBorder="1" applyAlignment="1" applyProtection="1">
      <alignment horizontal="center" vertical="center" wrapText="1"/>
      <protection locked="0"/>
    </xf>
    <xf numFmtId="14" fontId="30" fillId="0" borderId="8" xfId="5" applyNumberFormat="1" applyFont="1" applyFill="1" applyBorder="1" applyAlignment="1">
      <alignment horizontal="center" vertical="center" wrapText="1"/>
    </xf>
    <xf numFmtId="0" fontId="59" fillId="0" borderId="65" xfId="0" applyNumberFormat="1" applyFont="1" applyFill="1" applyBorder="1" applyAlignment="1">
      <alignment horizontal="center" vertical="center" wrapText="1"/>
    </xf>
    <xf numFmtId="49" fontId="43" fillId="0" borderId="1" xfId="0" applyNumberFormat="1" applyFont="1" applyFill="1" applyBorder="1" applyAlignment="1">
      <alignment horizontal="center" vertical="top" wrapText="1"/>
    </xf>
    <xf numFmtId="0" fontId="43" fillId="0" borderId="1" xfId="0" applyFont="1" applyFill="1" applyBorder="1" applyAlignment="1">
      <alignment horizontal="center" vertical="top" wrapText="1"/>
    </xf>
    <xf numFmtId="0" fontId="30" fillId="0" borderId="1" xfId="0" applyFont="1" applyFill="1" applyBorder="1" applyAlignment="1">
      <alignment horizontal="center" vertical="top" wrapText="1"/>
    </xf>
    <xf numFmtId="49" fontId="30" fillId="0" borderId="1" xfId="0" applyNumberFormat="1" applyFont="1" applyFill="1" applyBorder="1" applyAlignment="1">
      <alignment horizontal="center" vertical="top" wrapText="1"/>
    </xf>
    <xf numFmtId="0" fontId="65" fillId="0" borderId="11" xfId="0" applyFont="1" applyFill="1" applyBorder="1" applyAlignment="1">
      <alignment horizontal="center" vertical="center" wrapText="1"/>
    </xf>
    <xf numFmtId="49" fontId="30" fillId="0" borderId="0" xfId="0" applyNumberFormat="1" applyFont="1" applyFill="1" applyAlignment="1">
      <alignment vertical="top" wrapText="1"/>
    </xf>
    <xf numFmtId="0" fontId="30" fillId="0" borderId="65" xfId="0" applyFont="1" applyFill="1" applyBorder="1" applyAlignment="1">
      <alignment horizontal="left" vertical="top" wrapText="1"/>
    </xf>
    <xf numFmtId="0" fontId="30" fillId="0" borderId="65" xfId="0" applyNumberFormat="1" applyFont="1" applyFill="1" applyBorder="1" applyAlignment="1">
      <alignment horizontal="left" vertical="center" wrapText="1"/>
    </xf>
    <xf numFmtId="1" fontId="30" fillId="0" borderId="65" xfId="0" applyNumberFormat="1" applyFont="1" applyFill="1" applyBorder="1" applyAlignment="1">
      <alignment horizontal="center" vertical="top" wrapText="1"/>
    </xf>
    <xf numFmtId="0" fontId="30" fillId="0" borderId="65" xfId="3" applyFont="1" applyFill="1" applyBorder="1" applyAlignment="1" applyProtection="1">
      <alignment horizontal="center" vertical="top" wrapText="1"/>
    </xf>
    <xf numFmtId="14" fontId="30" fillId="0" borderId="1" xfId="0" applyNumberFormat="1" applyFont="1" applyFill="1" applyBorder="1" applyAlignment="1">
      <alignment horizontal="center" vertical="top" wrapText="1"/>
    </xf>
    <xf numFmtId="0" fontId="30" fillId="0" borderId="1" xfId="0" applyFont="1" applyFill="1" applyBorder="1" applyAlignment="1">
      <alignment vertical="top" wrapText="1"/>
    </xf>
    <xf numFmtId="0" fontId="30" fillId="0" borderId="1" xfId="0" applyFont="1" applyFill="1" applyBorder="1" applyAlignment="1">
      <alignment horizontal="left" vertical="top" wrapText="1"/>
    </xf>
    <xf numFmtId="0" fontId="30" fillId="0" borderId="1" xfId="3" applyFont="1" applyFill="1" applyBorder="1" applyAlignment="1" applyProtection="1">
      <alignment horizontal="center" vertical="top" wrapText="1"/>
    </xf>
    <xf numFmtId="0" fontId="30" fillId="0" borderId="1" xfId="0" applyNumberFormat="1" applyFont="1" applyFill="1" applyBorder="1" applyAlignment="1">
      <alignment horizontal="center" vertical="top" wrapText="1"/>
    </xf>
    <xf numFmtId="14" fontId="30" fillId="0" borderId="5" xfId="0" applyNumberFormat="1" applyFont="1" applyFill="1" applyBorder="1" applyAlignment="1">
      <alignment horizontal="center" vertical="top" wrapText="1"/>
    </xf>
    <xf numFmtId="0" fontId="43" fillId="0" borderId="2" xfId="1" applyFont="1" applyFill="1" applyBorder="1" applyAlignment="1">
      <alignment horizontal="center" vertical="top" wrapText="1"/>
    </xf>
    <xf numFmtId="0" fontId="30" fillId="0" borderId="2" xfId="1" applyFont="1" applyFill="1" applyBorder="1" applyAlignment="1">
      <alignment horizontal="center" vertical="top" wrapText="1"/>
    </xf>
    <xf numFmtId="0" fontId="30" fillId="0" borderId="0" xfId="1" applyFont="1" applyFill="1" applyAlignment="1">
      <alignment horizontal="center" vertical="center" wrapText="1"/>
    </xf>
    <xf numFmtId="0" fontId="30" fillId="0" borderId="0" xfId="1" applyFont="1" applyFill="1" applyAlignment="1">
      <alignment horizontal="left" vertical="top" wrapText="1"/>
    </xf>
    <xf numFmtId="49" fontId="30" fillId="0" borderId="0" xfId="1" applyNumberFormat="1" applyFont="1" applyFill="1" applyAlignment="1">
      <alignment horizontal="left" vertical="top" wrapText="1"/>
    </xf>
    <xf numFmtId="0" fontId="43" fillId="0" borderId="0" xfId="1" applyFont="1" applyFill="1" applyAlignment="1">
      <alignment horizontal="center" vertical="top" wrapText="1"/>
    </xf>
    <xf numFmtId="0" fontId="65" fillId="0" borderId="0" xfId="1" applyFont="1" applyFill="1" applyAlignment="1">
      <alignment horizontal="left" vertical="top" wrapText="1"/>
    </xf>
    <xf numFmtId="0" fontId="59" fillId="0" borderId="0" xfId="1" applyFont="1" applyFill="1" applyAlignment="1">
      <alignment horizontal="left" vertical="top" wrapText="1"/>
    </xf>
    <xf numFmtId="0" fontId="43" fillId="0" borderId="0" xfId="1" applyFont="1" applyFill="1" applyAlignment="1">
      <alignment horizontal="left" vertical="top" wrapText="1"/>
    </xf>
    <xf numFmtId="0" fontId="30" fillId="0" borderId="0" xfId="1" applyFont="1" applyFill="1" applyAlignment="1">
      <alignment horizontal="center" wrapText="1"/>
    </xf>
    <xf numFmtId="0" fontId="45" fillId="0" borderId="0" xfId="1" applyFont="1" applyFill="1" applyAlignment="1">
      <alignment horizontal="center" wrapText="1"/>
    </xf>
    <xf numFmtId="0" fontId="30" fillId="0" borderId="73" xfId="1" applyFont="1" applyFill="1" applyBorder="1" applyAlignment="1">
      <alignment horizontal="center" vertical="top" wrapText="1"/>
    </xf>
    <xf numFmtId="0" fontId="30" fillId="0" borderId="65" xfId="1" applyFont="1" applyFill="1" applyBorder="1" applyAlignment="1">
      <alignment horizontal="center" vertical="top" wrapText="1"/>
    </xf>
    <xf numFmtId="14" fontId="30" fillId="0" borderId="65" xfId="1" applyNumberFormat="1" applyFont="1" applyFill="1" applyBorder="1" applyAlignment="1">
      <alignment horizontal="center" vertical="top" wrapText="1"/>
    </xf>
    <xf numFmtId="14" fontId="30" fillId="0" borderId="19" xfId="1" applyNumberFormat="1" applyFont="1" applyFill="1" applyBorder="1" applyAlignment="1">
      <alignment horizontal="center" vertical="top" wrapText="1"/>
    </xf>
    <xf numFmtId="0" fontId="30" fillId="0" borderId="65" xfId="1" applyFont="1" applyFill="1" applyBorder="1" applyAlignment="1">
      <alignment vertical="top" wrapText="1"/>
    </xf>
    <xf numFmtId="14" fontId="30" fillId="0" borderId="0" xfId="1" applyNumberFormat="1" applyFont="1" applyFill="1" applyBorder="1" applyAlignment="1">
      <alignment horizontal="center" vertical="top" wrapText="1"/>
    </xf>
    <xf numFmtId="14" fontId="30" fillId="0" borderId="65" xfId="4" applyNumberFormat="1" applyFont="1" applyFill="1" applyBorder="1" applyAlignment="1" applyProtection="1">
      <alignment horizontal="center" vertical="top" wrapText="1"/>
    </xf>
    <xf numFmtId="0" fontId="64" fillId="0" borderId="65" xfId="4" applyFont="1" applyFill="1" applyBorder="1" applyAlignment="1" applyProtection="1">
      <alignment horizontal="center" vertical="top" wrapText="1"/>
    </xf>
    <xf numFmtId="0" fontId="30" fillId="0" borderId="73" xfId="2" applyFont="1" applyFill="1" applyBorder="1" applyAlignment="1">
      <alignment horizontal="center" vertical="top" wrapText="1"/>
    </xf>
    <xf numFmtId="0" fontId="30" fillId="0" borderId="0" xfId="2" applyFont="1" applyFill="1" applyAlignment="1">
      <alignment vertical="top" wrapText="1"/>
    </xf>
    <xf numFmtId="0" fontId="30" fillId="0" borderId="65" xfId="1" applyFont="1" applyFill="1" applyBorder="1" applyAlignment="1">
      <alignment horizontal="center" vertical="center" wrapText="1"/>
    </xf>
    <xf numFmtId="0" fontId="30" fillId="0" borderId="71" xfId="1" applyFont="1" applyFill="1" applyBorder="1" applyAlignment="1">
      <alignment horizontal="center" vertical="top" wrapText="1"/>
    </xf>
    <xf numFmtId="14" fontId="30" fillId="0" borderId="71" xfId="1" applyNumberFormat="1" applyFont="1" applyFill="1" applyBorder="1" applyAlignment="1">
      <alignment horizontal="center" vertical="top" wrapText="1"/>
    </xf>
    <xf numFmtId="49" fontId="30" fillId="0" borderId="71" xfId="1" applyNumberFormat="1" applyFont="1" applyFill="1" applyBorder="1" applyAlignment="1">
      <alignment horizontal="center" vertical="top" wrapText="1"/>
    </xf>
    <xf numFmtId="0" fontId="30" fillId="0" borderId="0" xfId="3" applyFont="1" applyFill="1" applyAlignment="1" applyProtection="1">
      <alignment vertical="top" wrapText="1"/>
    </xf>
    <xf numFmtId="0" fontId="30" fillId="0" borderId="73" xfId="1" applyFont="1" applyFill="1" applyBorder="1" applyAlignment="1">
      <alignment horizontal="center" vertical="center" wrapText="1"/>
    </xf>
    <xf numFmtId="0" fontId="30" fillId="0" borderId="65" xfId="3" applyFont="1" applyFill="1" applyBorder="1" applyAlignment="1" applyProtection="1">
      <alignment vertical="top" wrapText="1"/>
    </xf>
    <xf numFmtId="0" fontId="30" fillId="0" borderId="0" xfId="16" applyNumberFormat="1" applyFont="1" applyFill="1" applyAlignment="1">
      <alignment wrapText="1"/>
    </xf>
    <xf numFmtId="0" fontId="30" fillId="0" borderId="26" xfId="16" applyFont="1" applyFill="1" applyBorder="1" applyAlignment="1">
      <alignment horizontal="center" vertical="top" wrapText="1"/>
    </xf>
    <xf numFmtId="0" fontId="30" fillId="0" borderId="24" xfId="16" applyFont="1" applyFill="1" applyBorder="1" applyAlignment="1">
      <alignment horizontal="center" vertical="top" wrapText="1"/>
    </xf>
    <xf numFmtId="0" fontId="43" fillId="0" borderId="65" xfId="16" applyFont="1" applyFill="1" applyBorder="1" applyAlignment="1">
      <alignment horizontal="center" vertical="top" wrapText="1"/>
    </xf>
    <xf numFmtId="0" fontId="30" fillId="0" borderId="65" xfId="16" applyFont="1" applyFill="1" applyBorder="1" applyAlignment="1">
      <alignment horizontal="center" vertical="top" wrapText="1"/>
    </xf>
    <xf numFmtId="1" fontId="30" fillId="0" borderId="0" xfId="16" applyNumberFormat="1" applyFont="1" applyFill="1" applyAlignment="1">
      <alignment horizontal="center" vertical="top" wrapText="1"/>
    </xf>
    <xf numFmtId="1" fontId="43" fillId="0" borderId="65" xfId="16" applyNumberFormat="1" applyFont="1" applyFill="1" applyBorder="1" applyAlignment="1">
      <alignment horizontal="center" vertical="center" wrapText="1"/>
    </xf>
    <xf numFmtId="0" fontId="65" fillId="0" borderId="65" xfId="16" applyFont="1" applyFill="1" applyBorder="1" applyAlignment="1">
      <alignment horizontal="center" vertical="center" wrapText="1"/>
    </xf>
    <xf numFmtId="0" fontId="30" fillId="0" borderId="73" xfId="16" applyFont="1" applyFill="1" applyBorder="1" applyAlignment="1">
      <alignment horizontal="center" vertical="top" wrapText="1"/>
    </xf>
    <xf numFmtId="49" fontId="30" fillId="0" borderId="65" xfId="16" applyNumberFormat="1" applyFont="1" applyFill="1" applyBorder="1" applyAlignment="1">
      <alignment horizontal="center" vertical="top" wrapText="1"/>
    </xf>
    <xf numFmtId="14" fontId="30" fillId="0" borderId="65" xfId="16" applyNumberFormat="1" applyFont="1" applyFill="1" applyBorder="1" applyAlignment="1">
      <alignment horizontal="center" vertical="top" wrapText="1"/>
    </xf>
    <xf numFmtId="0" fontId="30" fillId="8" borderId="65" xfId="16" applyFont="1" applyFill="1" applyBorder="1" applyAlignment="1">
      <alignment horizontal="center" vertical="top" wrapText="1"/>
    </xf>
    <xf numFmtId="0" fontId="64" fillId="0" borderId="65" xfId="3" applyFont="1" applyFill="1" applyBorder="1" applyAlignment="1">
      <alignment horizontal="center" vertical="top" wrapText="1"/>
    </xf>
    <xf numFmtId="49" fontId="30" fillId="8" borderId="65" xfId="16" applyNumberFormat="1" applyFont="1" applyFill="1" applyBorder="1" applyAlignment="1">
      <alignment horizontal="center" vertical="top" wrapText="1"/>
    </xf>
    <xf numFmtId="0" fontId="43" fillId="8" borderId="65" xfId="16" applyFont="1" applyFill="1" applyBorder="1" applyAlignment="1">
      <alignment horizontal="center" vertical="top" wrapText="1"/>
    </xf>
    <xf numFmtId="0" fontId="64" fillId="0" borderId="65" xfId="6" applyFont="1" applyFill="1" applyBorder="1" applyAlignment="1">
      <alignment horizontal="center" vertical="top" wrapText="1"/>
    </xf>
    <xf numFmtId="0" fontId="45" fillId="8" borderId="65" xfId="16" applyFont="1" applyFill="1" applyBorder="1" applyAlignment="1">
      <alignment horizontal="center" vertical="top" wrapText="1"/>
    </xf>
    <xf numFmtId="0" fontId="30" fillId="0" borderId="8" xfId="16" applyFont="1" applyFill="1" applyBorder="1" applyAlignment="1">
      <alignment horizontal="center" vertical="top" wrapText="1"/>
    </xf>
    <xf numFmtId="0" fontId="30" fillId="0" borderId="73" xfId="16" applyFont="1" applyFill="1" applyBorder="1" applyAlignment="1" applyProtection="1">
      <alignment horizontal="center" vertical="top" wrapText="1"/>
      <protection locked="0"/>
    </xf>
    <xf numFmtId="0" fontId="30" fillId="0" borderId="65" xfId="21" applyFont="1" applyFill="1" applyBorder="1" applyAlignment="1">
      <alignment horizontal="center" vertical="top" wrapText="1"/>
    </xf>
    <xf numFmtId="49" fontId="30" fillId="0" borderId="73" xfId="16" applyNumberFormat="1" applyFont="1" applyFill="1" applyBorder="1" applyAlignment="1">
      <alignment horizontal="center" vertical="top" wrapText="1"/>
    </xf>
    <xf numFmtId="49" fontId="30" fillId="0" borderId="8" xfId="16" applyNumberFormat="1" applyFont="1" applyFill="1" applyBorder="1" applyAlignment="1">
      <alignment horizontal="center" vertical="top" wrapText="1"/>
    </xf>
    <xf numFmtId="1" fontId="30" fillId="0" borderId="65" xfId="16" applyNumberFormat="1" applyFont="1" applyFill="1" applyBorder="1" applyAlignment="1">
      <alignment horizontal="center" vertical="top" wrapText="1"/>
    </xf>
    <xf numFmtId="0" fontId="30" fillId="9" borderId="73" xfId="16" applyFont="1" applyFill="1" applyBorder="1" applyAlignment="1">
      <alignment horizontal="center" vertical="top" wrapText="1"/>
    </xf>
    <xf numFmtId="0" fontId="30" fillId="9" borderId="65" xfId="16" applyFont="1" applyFill="1" applyBorder="1" applyAlignment="1">
      <alignment horizontal="center" vertical="top" wrapText="1"/>
    </xf>
    <xf numFmtId="49" fontId="30" fillId="9" borderId="65" xfId="16" applyNumberFormat="1" applyFont="1" applyFill="1" applyBorder="1" applyAlignment="1">
      <alignment horizontal="center" vertical="top" wrapText="1"/>
    </xf>
    <xf numFmtId="14" fontId="30" fillId="9" borderId="65" xfId="16" applyNumberFormat="1" applyFont="1" applyFill="1" applyBorder="1" applyAlignment="1">
      <alignment horizontal="center" vertical="top" wrapText="1"/>
    </xf>
    <xf numFmtId="0" fontId="30" fillId="8" borderId="73" xfId="16" applyFont="1" applyFill="1" applyBorder="1" applyAlignment="1">
      <alignment horizontal="center" vertical="top" wrapText="1"/>
    </xf>
    <xf numFmtId="49" fontId="30" fillId="8" borderId="73" xfId="16" applyNumberFormat="1" applyFont="1" applyFill="1" applyBorder="1" applyAlignment="1">
      <alignment horizontal="center" vertical="top" wrapText="1"/>
    </xf>
    <xf numFmtId="14" fontId="30" fillId="8" borderId="65" xfId="16" applyNumberFormat="1" applyFont="1" applyFill="1" applyBorder="1" applyAlignment="1">
      <alignment horizontal="center" vertical="top" wrapText="1"/>
    </xf>
    <xf numFmtId="0" fontId="30" fillId="8" borderId="0" xfId="16" applyFont="1" applyFill="1" applyAlignment="1">
      <alignment horizontal="center" vertical="top" wrapText="1"/>
    </xf>
    <xf numFmtId="0" fontId="30" fillId="8" borderId="19" xfId="16" applyFont="1" applyFill="1" applyBorder="1" applyAlignment="1">
      <alignment horizontal="center" vertical="top" wrapText="1"/>
    </xf>
    <xf numFmtId="0" fontId="30" fillId="0" borderId="71" xfId="16" applyFont="1" applyFill="1" applyBorder="1" applyAlignment="1">
      <alignment horizontal="center" vertical="top" wrapText="1"/>
    </xf>
    <xf numFmtId="14" fontId="30" fillId="0" borderId="65" xfId="5" applyNumberFormat="1" applyFont="1" applyFill="1" applyBorder="1" applyAlignment="1">
      <alignment horizontal="center" vertical="top" wrapText="1"/>
    </xf>
    <xf numFmtId="14" fontId="30" fillId="4" borderId="19" xfId="16" applyNumberFormat="1" applyFont="1" applyFill="1" applyBorder="1" applyAlignment="1">
      <alignment horizontal="center" vertical="top" wrapText="1"/>
    </xf>
    <xf numFmtId="0" fontId="30" fillId="4" borderId="65" xfId="16" applyFont="1" applyFill="1" applyBorder="1" applyAlignment="1">
      <alignment horizontal="center" vertical="top" wrapText="1"/>
    </xf>
    <xf numFmtId="0" fontId="30" fillId="4" borderId="72" xfId="16" applyFont="1" applyFill="1" applyBorder="1" applyAlignment="1">
      <alignment horizontal="center" vertical="top" wrapText="1"/>
    </xf>
    <xf numFmtId="49" fontId="30" fillId="4" borderId="65" xfId="16" applyNumberFormat="1" applyFont="1" applyFill="1" applyBorder="1" applyAlignment="1">
      <alignment horizontal="center" vertical="top" wrapText="1"/>
    </xf>
    <xf numFmtId="14" fontId="30" fillId="4" borderId="65" xfId="5" applyNumberFormat="1" applyFont="1" applyFill="1" applyBorder="1" applyAlignment="1">
      <alignment horizontal="center" vertical="top" wrapText="1"/>
    </xf>
    <xf numFmtId="0" fontId="30" fillId="0" borderId="72" xfId="16" applyFont="1" applyFill="1" applyBorder="1" applyAlignment="1">
      <alignment horizontal="center" vertical="top" wrapText="1"/>
    </xf>
    <xf numFmtId="14" fontId="30" fillId="4" borderId="65" xfId="16" applyNumberFormat="1" applyFont="1" applyFill="1" applyBorder="1" applyAlignment="1">
      <alignment horizontal="center" vertical="top" wrapText="1"/>
    </xf>
    <xf numFmtId="0" fontId="63" fillId="0" borderId="0" xfId="16" applyFont="1" applyFill="1" applyAlignment="1">
      <alignment horizontal="center" vertical="top" wrapText="1"/>
    </xf>
    <xf numFmtId="49" fontId="30" fillId="4" borderId="74" xfId="16" applyNumberFormat="1" applyFont="1" applyFill="1" applyBorder="1" applyAlignment="1">
      <alignment horizontal="center" vertical="top" wrapText="1"/>
    </xf>
    <xf numFmtId="14" fontId="30" fillId="4" borderId="75" xfId="5" applyNumberFormat="1" applyFont="1" applyFill="1" applyBorder="1" applyAlignment="1">
      <alignment horizontal="center" vertical="top" wrapText="1"/>
    </xf>
    <xf numFmtId="0" fontId="30" fillId="0" borderId="75" xfId="16" applyFont="1" applyFill="1" applyBorder="1" applyAlignment="1">
      <alignment horizontal="center" vertical="top" wrapText="1"/>
    </xf>
    <xf numFmtId="0" fontId="30" fillId="4" borderId="75" xfId="16" applyFont="1" applyFill="1" applyBorder="1" applyAlignment="1">
      <alignment horizontal="center" vertical="top" wrapText="1"/>
    </xf>
    <xf numFmtId="14" fontId="30" fillId="4" borderId="59" xfId="16" applyNumberFormat="1" applyFont="1" applyFill="1" applyBorder="1" applyAlignment="1">
      <alignment horizontal="center" vertical="top" wrapText="1"/>
    </xf>
    <xf numFmtId="0" fontId="30" fillId="4" borderId="59" xfId="16" applyFont="1" applyFill="1" applyBorder="1" applyAlignment="1">
      <alignment horizontal="center" vertical="top" wrapText="1"/>
    </xf>
    <xf numFmtId="49" fontId="30" fillId="4" borderId="59" xfId="16" applyNumberFormat="1" applyFont="1" applyFill="1" applyBorder="1" applyAlignment="1">
      <alignment horizontal="center" vertical="top" wrapText="1"/>
    </xf>
    <xf numFmtId="14" fontId="30" fillId="4" borderId="59" xfId="5" applyNumberFormat="1" applyFont="1" applyFill="1" applyBorder="1" applyAlignment="1">
      <alignment horizontal="center" vertical="top" wrapText="1"/>
    </xf>
    <xf numFmtId="0" fontId="63" fillId="3" borderId="18" xfId="16" applyFont="1" applyFill="1" applyBorder="1" applyAlignment="1">
      <alignment horizontal="center" vertical="top" wrapText="1"/>
    </xf>
    <xf numFmtId="0" fontId="30" fillId="3" borderId="18" xfId="16" applyFont="1" applyFill="1" applyBorder="1" applyAlignment="1">
      <alignment horizontal="center" vertical="top" wrapText="1"/>
    </xf>
    <xf numFmtId="0" fontId="30" fillId="3" borderId="0" xfId="16" applyFont="1" applyFill="1" applyAlignment="1">
      <alignment horizontal="center" vertical="top" wrapText="1"/>
    </xf>
    <xf numFmtId="49" fontId="30" fillId="0" borderId="59" xfId="16" applyNumberFormat="1" applyFont="1" applyFill="1" applyBorder="1" applyAlignment="1">
      <alignment horizontal="center" vertical="top" wrapText="1"/>
    </xf>
    <xf numFmtId="0" fontId="30" fillId="3" borderId="73" xfId="16" applyFont="1" applyFill="1" applyBorder="1" applyAlignment="1">
      <alignment horizontal="center" vertical="top" wrapText="1"/>
    </xf>
    <xf numFmtId="49" fontId="64" fillId="0" borderId="59" xfId="3" applyNumberFormat="1" applyFont="1" applyFill="1" applyBorder="1" applyAlignment="1">
      <alignment horizontal="center" vertical="top" wrapText="1"/>
    </xf>
    <xf numFmtId="0" fontId="63" fillId="3" borderId="73" xfId="16" applyFont="1" applyFill="1" applyBorder="1" applyAlignment="1">
      <alignment horizontal="center" vertical="top" wrapText="1"/>
    </xf>
    <xf numFmtId="0" fontId="63" fillId="0" borderId="59" xfId="16" applyFont="1" applyFill="1" applyBorder="1" applyAlignment="1">
      <alignment horizontal="center" vertical="top" wrapText="1"/>
    </xf>
    <xf numFmtId="49" fontId="63" fillId="0" borderId="59" xfId="16" applyNumberFormat="1" applyFont="1" applyFill="1" applyBorder="1" applyAlignment="1">
      <alignment horizontal="center" vertical="top" wrapText="1"/>
    </xf>
    <xf numFmtId="14" fontId="63" fillId="0" borderId="59" xfId="16" applyNumberFormat="1" applyFont="1" applyFill="1" applyBorder="1" applyAlignment="1">
      <alignment horizontal="center" vertical="top" wrapText="1"/>
    </xf>
    <xf numFmtId="0" fontId="45" fillId="3" borderId="73" xfId="16" applyFont="1" applyFill="1" applyBorder="1" applyAlignment="1">
      <alignment horizontal="center" vertical="top" wrapText="1"/>
    </xf>
    <xf numFmtId="0" fontId="30" fillId="3" borderId="59" xfId="16" applyFont="1" applyFill="1" applyBorder="1" applyAlignment="1">
      <alignment horizontal="center" vertical="top" wrapText="1"/>
    </xf>
    <xf numFmtId="49" fontId="30" fillId="0" borderId="0" xfId="16" applyNumberFormat="1" applyFont="1" applyFill="1" applyBorder="1" applyAlignment="1">
      <alignment horizontal="center" vertical="top" wrapText="1"/>
    </xf>
    <xf numFmtId="14" fontId="30" fillId="0" borderId="0" xfId="16" applyNumberFormat="1" applyFont="1" applyFill="1" applyBorder="1" applyAlignment="1">
      <alignment horizontal="center" vertical="top" wrapText="1"/>
    </xf>
    <xf numFmtId="0" fontId="30" fillId="0" borderId="59" xfId="16" applyNumberFormat="1" applyFont="1" applyFill="1" applyBorder="1" applyAlignment="1">
      <alignment vertical="top" wrapText="1"/>
    </xf>
    <xf numFmtId="0" fontId="64" fillId="0" borderId="59" xfId="6" applyFont="1" applyFill="1" applyBorder="1" applyAlignment="1">
      <alignment horizontal="center" vertical="top" wrapText="1"/>
    </xf>
    <xf numFmtId="0" fontId="30" fillId="8" borderId="59" xfId="16" applyFont="1" applyFill="1" applyBorder="1" applyAlignment="1">
      <alignment horizontal="center" vertical="top" wrapText="1"/>
    </xf>
    <xf numFmtId="49" fontId="30" fillId="8" borderId="59" xfId="16" applyNumberFormat="1" applyFont="1" applyFill="1" applyBorder="1" applyAlignment="1">
      <alignment horizontal="center" vertical="top" wrapText="1"/>
    </xf>
    <xf numFmtId="14" fontId="30" fillId="8" borderId="59" xfId="16" applyNumberFormat="1" applyFont="1" applyFill="1" applyBorder="1" applyAlignment="1">
      <alignment horizontal="center" vertical="top" wrapText="1"/>
    </xf>
    <xf numFmtId="49" fontId="30" fillId="0" borderId="59" xfId="13" applyNumberFormat="1" applyFont="1" applyFill="1" applyBorder="1" applyAlignment="1">
      <alignment horizontal="center" vertical="top"/>
    </xf>
    <xf numFmtId="49" fontId="30" fillId="0" borderId="59" xfId="13" applyNumberFormat="1" applyFont="1" applyFill="1" applyBorder="1" applyAlignment="1">
      <alignment horizontal="center" vertical="top" wrapText="1"/>
    </xf>
    <xf numFmtId="0" fontId="30" fillId="0" borderId="59" xfId="13" applyFont="1" applyFill="1" applyBorder="1" applyAlignment="1">
      <alignment horizontal="left" wrapText="1"/>
    </xf>
    <xf numFmtId="0" fontId="30" fillId="0" borderId="59" xfId="13" applyFont="1" applyFill="1" applyBorder="1" applyAlignment="1">
      <alignment horizontal="left"/>
    </xf>
    <xf numFmtId="0" fontId="30" fillId="0" borderId="59" xfId="16" applyFont="1" applyFill="1" applyBorder="1" applyAlignment="1">
      <alignment horizontal="center" vertical="center" wrapText="1"/>
    </xf>
    <xf numFmtId="0" fontId="30" fillId="8" borderId="59" xfId="16" applyFont="1" applyFill="1" applyBorder="1" applyAlignment="1">
      <alignment horizontal="center" vertical="center" wrapText="1"/>
    </xf>
    <xf numFmtId="1" fontId="30" fillId="0" borderId="59" xfId="16" applyNumberFormat="1" applyFont="1" applyFill="1" applyBorder="1" applyAlignment="1">
      <alignment horizontal="center" vertical="center" wrapText="1"/>
    </xf>
    <xf numFmtId="14" fontId="30" fillId="0" borderId="59" xfId="16" applyNumberFormat="1" applyFont="1" applyFill="1" applyBorder="1" applyAlignment="1">
      <alignment horizontal="center" vertical="center" wrapText="1"/>
    </xf>
    <xf numFmtId="0" fontId="30" fillId="9" borderId="0" xfId="16" applyFont="1" applyFill="1" applyAlignment="1">
      <alignment horizontal="center" vertical="top" wrapText="1"/>
    </xf>
    <xf numFmtId="0" fontId="30" fillId="0" borderId="18" xfId="16" applyFont="1" applyFill="1" applyBorder="1" applyAlignment="1">
      <alignment horizontal="center" vertical="top"/>
    </xf>
    <xf numFmtId="0" fontId="56" fillId="0" borderId="65" xfId="0" applyFont="1" applyFill="1" applyBorder="1" applyAlignment="1">
      <alignment horizontal="center" vertical="top" wrapText="1"/>
    </xf>
    <xf numFmtId="14" fontId="56" fillId="0" borderId="65" xfId="0" applyNumberFormat="1" applyFont="1" applyFill="1" applyBorder="1" applyAlignment="1">
      <alignment horizontal="center" vertical="top" wrapText="1"/>
    </xf>
    <xf numFmtId="0" fontId="56" fillId="0" borderId="77" xfId="0" applyFont="1" applyFill="1" applyBorder="1" applyAlignment="1">
      <alignment horizontal="center" vertical="top" wrapText="1"/>
    </xf>
    <xf numFmtId="49" fontId="56" fillId="0" borderId="65" xfId="0" applyNumberFormat="1" applyFont="1" applyFill="1" applyBorder="1" applyAlignment="1">
      <alignment horizontal="center" vertical="top" wrapText="1"/>
    </xf>
    <xf numFmtId="0" fontId="12" fillId="0" borderId="65" xfId="0" applyFont="1" applyFill="1" applyBorder="1" applyAlignment="1">
      <alignment horizontal="center" vertical="top" wrapText="1"/>
    </xf>
    <xf numFmtId="14" fontId="12" fillId="0" borderId="65" xfId="0" applyNumberFormat="1" applyFont="1" applyFill="1" applyBorder="1" applyAlignment="1">
      <alignment horizontal="center" vertical="top" wrapText="1"/>
    </xf>
    <xf numFmtId="0" fontId="12" fillId="0" borderId="65" xfId="0" applyNumberFormat="1" applyFont="1" applyFill="1" applyBorder="1" applyAlignment="1">
      <alignment horizontal="center" vertical="top" wrapText="1"/>
    </xf>
    <xf numFmtId="49" fontId="12" fillId="0" borderId="65" xfId="0" applyNumberFormat="1" applyFont="1" applyFill="1" applyBorder="1" applyAlignment="1">
      <alignment horizontal="center" vertical="top" wrapText="1"/>
    </xf>
    <xf numFmtId="0" fontId="56" fillId="0" borderId="0" xfId="0" applyFont="1" applyFill="1" applyAlignment="1">
      <alignment horizontal="center" vertical="top" wrapText="1"/>
    </xf>
    <xf numFmtId="0" fontId="56" fillId="0" borderId="65" xfId="0" applyNumberFormat="1" applyFont="1" applyFill="1" applyBorder="1" applyAlignment="1">
      <alignment horizontal="center" vertical="top" wrapText="1"/>
    </xf>
    <xf numFmtId="0" fontId="12" fillId="0" borderId="77" xfId="0" applyFont="1" applyFill="1" applyBorder="1" applyAlignment="1">
      <alignment horizontal="center" vertical="top" wrapText="1"/>
    </xf>
    <xf numFmtId="14" fontId="12" fillId="0" borderId="65" xfId="4" applyNumberFormat="1" applyFont="1" applyFill="1" applyBorder="1" applyAlignment="1" applyProtection="1">
      <alignment horizontal="center" vertical="top" wrapText="1"/>
    </xf>
    <xf numFmtId="14" fontId="56" fillId="0" borderId="65" xfId="5" applyNumberFormat="1" applyFont="1" applyFill="1" applyBorder="1" applyAlignment="1">
      <alignment horizontal="center" vertical="top" wrapText="1"/>
    </xf>
    <xf numFmtId="0" fontId="88" fillId="0" borderId="65" xfId="3" applyFont="1" applyFill="1" applyBorder="1" applyAlignment="1">
      <alignment horizontal="center" vertical="top" wrapText="1"/>
    </xf>
    <xf numFmtId="0" fontId="56" fillId="0" borderId="0" xfId="0" applyFont="1" applyFill="1" applyBorder="1" applyAlignment="1">
      <alignment horizontal="center" vertical="top" wrapText="1"/>
    </xf>
    <xf numFmtId="49" fontId="56" fillId="0" borderId="0" xfId="0" applyNumberFormat="1" applyFont="1" applyFill="1" applyBorder="1" applyAlignment="1">
      <alignment horizontal="center" vertical="top" wrapText="1"/>
    </xf>
    <xf numFmtId="14" fontId="12" fillId="0" borderId="0" xfId="0" applyNumberFormat="1" applyFont="1" applyFill="1" applyBorder="1" applyAlignment="1">
      <alignment horizontal="center" vertical="top" wrapText="1"/>
    </xf>
    <xf numFmtId="0" fontId="56" fillId="0" borderId="0" xfId="0" applyFont="1" applyAlignment="1">
      <alignment horizontal="center" vertical="top" wrapText="1"/>
    </xf>
    <xf numFmtId="49" fontId="56" fillId="0" borderId="0" xfId="0" applyNumberFormat="1" applyFont="1" applyAlignment="1">
      <alignment horizontal="center" vertical="top" wrapText="1"/>
    </xf>
    <xf numFmtId="14" fontId="56" fillId="0" borderId="0" xfId="0" applyNumberFormat="1" applyFont="1" applyFill="1" applyBorder="1" applyAlignment="1">
      <alignment horizontal="center" vertical="top" wrapText="1"/>
    </xf>
    <xf numFmtId="0" fontId="12" fillId="0" borderId="0" xfId="0" applyFont="1" applyFill="1" applyBorder="1" applyAlignment="1">
      <alignment horizontal="center" vertical="top" wrapText="1"/>
    </xf>
    <xf numFmtId="0" fontId="56" fillId="0" borderId="1" xfId="0" applyFont="1" applyFill="1" applyBorder="1" applyAlignment="1">
      <alignment horizontal="center" vertical="top" wrapText="1"/>
    </xf>
    <xf numFmtId="2" fontId="56" fillId="0" borderId="2" xfId="0" applyNumberFormat="1" applyFont="1" applyFill="1" applyBorder="1" applyAlignment="1">
      <alignment horizontal="center" vertical="top" wrapText="1"/>
    </xf>
    <xf numFmtId="2" fontId="56" fillId="0" borderId="1" xfId="0" applyNumberFormat="1" applyFont="1" applyFill="1" applyBorder="1" applyAlignment="1">
      <alignment horizontal="center" vertical="top" wrapText="1"/>
    </xf>
    <xf numFmtId="49" fontId="12" fillId="0" borderId="1" xfId="0" applyNumberFormat="1" applyFont="1" applyFill="1" applyBorder="1" applyAlignment="1">
      <alignment horizontal="center" vertical="top" wrapText="1"/>
    </xf>
    <xf numFmtId="0" fontId="12" fillId="0" borderId="0" xfId="0" applyFont="1" applyFill="1" applyAlignment="1">
      <alignment horizontal="center" vertical="top" wrapText="1"/>
    </xf>
    <xf numFmtId="0" fontId="36" fillId="0" borderId="0" xfId="0" applyFont="1" applyFill="1" applyAlignment="1">
      <alignment horizontal="center" vertical="top" wrapText="1"/>
    </xf>
    <xf numFmtId="49" fontId="12" fillId="0" borderId="0" xfId="0" applyNumberFormat="1" applyFont="1" applyFill="1" applyAlignment="1">
      <alignment horizontal="center" vertical="top" wrapText="1"/>
    </xf>
    <xf numFmtId="14" fontId="56" fillId="0" borderId="19" xfId="0" applyNumberFormat="1" applyFont="1" applyFill="1" applyBorder="1" applyAlignment="1">
      <alignment horizontal="center" vertical="top" wrapText="1"/>
    </xf>
    <xf numFmtId="0" fontId="86" fillId="0" borderId="65" xfId="0" applyFont="1" applyFill="1" applyBorder="1" applyAlignment="1">
      <alignment wrapText="1"/>
    </xf>
    <xf numFmtId="0" fontId="56" fillId="0" borderId="8" xfId="0" applyFont="1" applyFill="1" applyBorder="1" applyAlignment="1">
      <alignment horizontal="center" vertical="top" wrapText="1"/>
    </xf>
    <xf numFmtId="49" fontId="56" fillId="0" borderId="8" xfId="0" applyNumberFormat="1" applyFont="1" applyFill="1" applyBorder="1" applyAlignment="1">
      <alignment horizontal="center" vertical="top" wrapText="1"/>
    </xf>
    <xf numFmtId="49" fontId="56" fillId="0" borderId="0" xfId="0" applyNumberFormat="1" applyFont="1" applyFill="1" applyAlignment="1">
      <alignment horizontal="center" vertical="top" wrapText="1"/>
    </xf>
    <xf numFmtId="0" fontId="31" fillId="0" borderId="0" xfId="0" applyFont="1" applyFill="1" applyBorder="1" applyAlignment="1">
      <alignment horizontal="center" vertical="top" wrapText="1"/>
    </xf>
    <xf numFmtId="0" fontId="88" fillId="0" borderId="0" xfId="3" applyFont="1" applyFill="1" applyAlignment="1">
      <alignment horizontal="center" vertical="top" wrapText="1"/>
    </xf>
    <xf numFmtId="0" fontId="88" fillId="0" borderId="0" xfId="3" applyFont="1" applyFill="1"/>
    <xf numFmtId="0" fontId="48" fillId="0" borderId="0" xfId="16" applyFont="1" applyFill="1" applyAlignment="1">
      <alignment horizontal="center" vertical="top" wrapText="1"/>
    </xf>
    <xf numFmtId="49" fontId="49" fillId="0" borderId="18" xfId="16" applyNumberFormat="1" applyFont="1" applyFill="1" applyBorder="1" applyAlignment="1">
      <alignment horizontal="center" vertical="top" wrapText="1"/>
    </xf>
    <xf numFmtId="0" fontId="49" fillId="0" borderId="18" xfId="16" applyFont="1" applyFill="1" applyBorder="1" applyAlignment="1">
      <alignment horizontal="center" vertical="top" wrapText="1"/>
    </xf>
    <xf numFmtId="0" fontId="90" fillId="0" borderId="0" xfId="16" applyFont="1" applyFill="1" applyAlignment="1">
      <alignment horizontal="center" vertical="top" wrapText="1"/>
    </xf>
    <xf numFmtId="49" fontId="48" fillId="0" borderId="18" xfId="16" applyNumberFormat="1" applyFont="1" applyFill="1" applyBorder="1" applyAlignment="1">
      <alignment horizontal="center" vertical="top" wrapText="1"/>
    </xf>
    <xf numFmtId="0" fontId="48" fillId="0" borderId="18" xfId="16" applyFont="1" applyFill="1" applyBorder="1" applyAlignment="1">
      <alignment horizontal="center" vertical="top" wrapText="1"/>
    </xf>
    <xf numFmtId="49" fontId="48" fillId="0" borderId="0" xfId="16" applyNumberFormat="1" applyFont="1" applyFill="1" applyAlignment="1">
      <alignment horizontal="center" vertical="top" wrapText="1"/>
    </xf>
    <xf numFmtId="0" fontId="91" fillId="0" borderId="11" xfId="16" applyFont="1" applyFill="1" applyBorder="1" applyAlignment="1">
      <alignment horizontal="center" vertical="center" wrapText="1"/>
    </xf>
    <xf numFmtId="0" fontId="49" fillId="0" borderId="11" xfId="16" applyFont="1" applyFill="1" applyBorder="1" applyAlignment="1">
      <alignment horizontal="center" vertical="center"/>
    </xf>
    <xf numFmtId="0" fontId="48" fillId="0" borderId="0" xfId="16" applyFont="1" applyFill="1" applyAlignment="1">
      <alignment horizontal="center" vertical="top"/>
    </xf>
    <xf numFmtId="0" fontId="48" fillId="0" borderId="0" xfId="16" applyFont="1" applyFill="1"/>
    <xf numFmtId="49" fontId="48" fillId="0" borderId="0" xfId="16" applyNumberFormat="1" applyFont="1" applyFill="1" applyAlignment="1">
      <alignment vertical="top"/>
    </xf>
    <xf numFmtId="0" fontId="48" fillId="0" borderId="18" xfId="16" applyFont="1" applyFill="1" applyBorder="1" applyAlignment="1">
      <alignment horizontal="center" vertical="top"/>
    </xf>
    <xf numFmtId="2" fontId="48" fillId="0" borderId="18" xfId="16" applyNumberFormat="1" applyFont="1" applyFill="1" applyBorder="1" applyAlignment="1">
      <alignment horizontal="center" vertical="top" wrapText="1"/>
    </xf>
    <xf numFmtId="0" fontId="48" fillId="0" borderId="18" xfId="16" applyFont="1" applyFill="1" applyBorder="1" applyAlignment="1">
      <alignment horizontal="center" vertical="top"/>
    </xf>
    <xf numFmtId="49" fontId="48" fillId="0" borderId="18" xfId="16" applyNumberFormat="1" applyFont="1" applyFill="1" applyBorder="1" applyAlignment="1">
      <alignment horizontal="center" vertical="top"/>
    </xf>
    <xf numFmtId="14" fontId="48" fillId="0" borderId="18" xfId="4" applyNumberFormat="1" applyFont="1" applyFill="1" applyBorder="1" applyAlignment="1" applyProtection="1">
      <alignment horizontal="center" vertical="top" wrapText="1"/>
    </xf>
    <xf numFmtId="0" fontId="48" fillId="0" borderId="18" xfId="4" applyFont="1" applyFill="1" applyBorder="1" applyAlignment="1" applyProtection="1">
      <alignment horizontal="center" vertical="center" wrapText="1"/>
    </xf>
    <xf numFmtId="0" fontId="48" fillId="0" borderId="18" xfId="16" applyFont="1" applyFill="1" applyBorder="1" applyAlignment="1">
      <alignment horizontal="center" vertical="center" wrapText="1"/>
    </xf>
    <xf numFmtId="0" fontId="48" fillId="0" borderId="18" xfId="16" applyFont="1" applyFill="1" applyBorder="1" applyAlignment="1">
      <alignment horizontal="center" vertical="justify"/>
    </xf>
    <xf numFmtId="14" fontId="48" fillId="0" borderId="18" xfId="16" applyNumberFormat="1" applyFont="1" applyFill="1" applyBorder="1" applyAlignment="1">
      <alignment horizontal="center" vertical="top" wrapText="1"/>
    </xf>
    <xf numFmtId="0" fontId="48" fillId="0" borderId="18" xfId="16" applyNumberFormat="1" applyFont="1" applyFill="1" applyBorder="1" applyAlignment="1">
      <alignment horizontal="center" vertical="top" wrapText="1"/>
    </xf>
    <xf numFmtId="0" fontId="48" fillId="0" borderId="18" xfId="16" applyFont="1" applyFill="1" applyBorder="1"/>
    <xf numFmtId="14" fontId="48" fillId="0" borderId="18" xfId="16" applyNumberFormat="1" applyFont="1" applyFill="1" applyBorder="1" applyAlignment="1">
      <alignment horizontal="center" vertical="top"/>
    </xf>
    <xf numFmtId="0" fontId="48" fillId="0" borderId="18" xfId="16" applyFont="1" applyFill="1" applyBorder="1" applyAlignment="1">
      <alignment vertical="top"/>
    </xf>
    <xf numFmtId="0" fontId="92" fillId="0" borderId="18" xfId="3" applyFont="1" applyFill="1" applyBorder="1" applyAlignment="1">
      <alignment vertical="top" wrapText="1"/>
    </xf>
    <xf numFmtId="0" fontId="48" fillId="0" borderId="18" xfId="12" applyFont="1" applyFill="1" applyBorder="1" applyAlignment="1">
      <alignment horizontal="center" vertical="center" wrapText="1"/>
    </xf>
    <xf numFmtId="0" fontId="48" fillId="0" borderId="18" xfId="12" applyFont="1" applyFill="1" applyBorder="1" applyAlignment="1">
      <alignment horizontal="center" vertical="top" wrapText="1"/>
    </xf>
    <xf numFmtId="0" fontId="48" fillId="0" borderId="18" xfId="16" applyFont="1" applyFill="1" applyBorder="1" applyAlignment="1">
      <alignment wrapText="1"/>
    </xf>
    <xf numFmtId="0" fontId="48" fillId="0" borderId="0" xfId="16" applyFont="1" applyFill="1" applyAlignment="1">
      <alignment horizontal="center" vertical="center" wrapText="1"/>
    </xf>
    <xf numFmtId="0" fontId="48" fillId="0" borderId="24" xfId="16" applyFont="1" applyFill="1" applyBorder="1" applyAlignment="1">
      <alignment horizontal="center" vertical="center" wrapText="1"/>
    </xf>
    <xf numFmtId="14" fontId="48" fillId="0" borderId="18" xfId="16" applyNumberFormat="1" applyFont="1" applyFill="1" applyBorder="1" applyAlignment="1">
      <alignment horizontal="center" vertical="justify"/>
    </xf>
    <xf numFmtId="0" fontId="48" fillId="0" borderId="24" xfId="16" applyFont="1" applyFill="1" applyBorder="1"/>
    <xf numFmtId="0" fontId="48" fillId="0" borderId="18" xfId="22" applyFont="1" applyFill="1" applyBorder="1" applyAlignment="1">
      <alignment horizontal="center" vertical="top" wrapText="1"/>
    </xf>
    <xf numFmtId="0" fontId="48" fillId="0" borderId="0" xfId="16" applyFont="1" applyFill="1" applyAlignment="1">
      <alignment vertical="top"/>
    </xf>
    <xf numFmtId="0" fontId="48" fillId="0" borderId="0" xfId="16" applyFont="1" applyFill="1" applyBorder="1" applyAlignment="1">
      <alignment vertical="top"/>
    </xf>
    <xf numFmtId="0" fontId="48" fillId="0" borderId="24" xfId="16" applyFont="1" applyFill="1" applyBorder="1" applyAlignment="1">
      <alignment vertical="top"/>
    </xf>
    <xf numFmtId="0" fontId="48" fillId="0" borderId="0" xfId="16" applyFont="1" applyFill="1" applyBorder="1" applyAlignment="1">
      <alignment horizontal="center" vertical="top"/>
    </xf>
    <xf numFmtId="49" fontId="22" fillId="0" borderId="11" xfId="13" applyNumberFormat="1" applyFont="1" applyBorder="1" applyAlignment="1">
      <alignment horizontal="center" vertical="top" wrapText="1"/>
    </xf>
    <xf numFmtId="0" fontId="93" fillId="4" borderId="11" xfId="3" applyFont="1" applyFill="1" applyBorder="1" applyAlignment="1">
      <alignment horizontal="center" vertical="top" wrapText="1"/>
    </xf>
    <xf numFmtId="1" fontId="22" fillId="0" borderId="34" xfId="24" applyNumberFormat="1" applyFont="1" applyBorder="1" applyAlignment="1">
      <alignment horizontal="center" vertical="center" wrapText="1"/>
    </xf>
    <xf numFmtId="1" fontId="22" fillId="0" borderId="11" xfId="24" applyNumberFormat="1" applyFont="1" applyBorder="1" applyAlignment="1">
      <alignment horizontal="center" vertical="center" wrapText="1"/>
    </xf>
    <xf numFmtId="0" fontId="42" fillId="0" borderId="42" xfId="24" applyFont="1" applyBorder="1" applyAlignment="1">
      <alignment horizontal="center" vertical="center" wrapText="1"/>
    </xf>
    <xf numFmtId="17" fontId="42" fillId="0" borderId="78" xfId="24" applyNumberFormat="1" applyFont="1" applyBorder="1" applyAlignment="1">
      <alignment horizontal="center" vertical="center" wrapText="1"/>
    </xf>
    <xf numFmtId="1" fontId="41" fillId="0" borderId="78" xfId="24" applyNumberFormat="1" applyFont="1" applyBorder="1" applyAlignment="1">
      <alignment horizontal="center" vertical="center" wrapText="1"/>
    </xf>
    <xf numFmtId="0" fontId="31" fillId="0" borderId="65" xfId="24" applyFont="1" applyBorder="1" applyAlignment="1">
      <alignment horizontal="center" vertical="center" wrapText="1"/>
    </xf>
    <xf numFmtId="0" fontId="54" fillId="0" borderId="65" xfId="0" applyFont="1" applyBorder="1"/>
    <xf numFmtId="1" fontId="22" fillId="0" borderId="34" xfId="23" applyNumberFormat="1" applyFont="1" applyBorder="1" applyAlignment="1">
      <alignment horizontal="center" vertical="center" wrapText="1"/>
    </xf>
    <xf numFmtId="1" fontId="22" fillId="0" borderId="11" xfId="23" applyNumberFormat="1" applyFont="1" applyBorder="1" applyAlignment="1">
      <alignment horizontal="center" vertical="center" wrapText="1"/>
    </xf>
    <xf numFmtId="0" fontId="12" fillId="0" borderId="65" xfId="16" applyFont="1" applyFill="1" applyBorder="1" applyAlignment="1">
      <alignment horizontal="center" vertical="top" wrapText="1"/>
    </xf>
    <xf numFmtId="0" fontId="12" fillId="0" borderId="65" xfId="16" applyFont="1" applyFill="1" applyBorder="1" applyAlignment="1">
      <alignment horizontal="center" vertical="top"/>
    </xf>
    <xf numFmtId="49" fontId="12" fillId="0" borderId="65" xfId="16" applyNumberFormat="1" applyFont="1" applyFill="1" applyBorder="1" applyAlignment="1">
      <alignment horizontal="center" vertical="top" wrapText="1"/>
    </xf>
    <xf numFmtId="14" fontId="12" fillId="0" borderId="65" xfId="16" applyNumberFormat="1" applyFont="1" applyFill="1" applyBorder="1" applyAlignment="1">
      <alignment horizontal="center" vertical="top"/>
    </xf>
    <xf numFmtId="14" fontId="12" fillId="0" borderId="65" xfId="16" applyNumberFormat="1" applyFont="1" applyFill="1" applyBorder="1" applyAlignment="1">
      <alignment horizontal="center" vertical="top" wrapText="1"/>
    </xf>
    <xf numFmtId="0" fontId="12" fillId="0" borderId="65" xfId="16" applyNumberFormat="1" applyFont="1" applyFill="1" applyBorder="1" applyAlignment="1">
      <alignment horizontal="center" vertical="top" wrapText="1"/>
    </xf>
    <xf numFmtId="1" fontId="12" fillId="0" borderId="65" xfId="16" applyNumberFormat="1" applyFont="1" applyFill="1" applyBorder="1" applyAlignment="1">
      <alignment horizontal="center" vertical="top" wrapText="1"/>
    </xf>
    <xf numFmtId="0" fontId="12" fillId="0" borderId="65" xfId="16" applyFont="1" applyFill="1" applyBorder="1" applyAlignment="1">
      <alignment wrapText="1"/>
    </xf>
    <xf numFmtId="14" fontId="12" fillId="0" borderId="65" xfId="16" applyNumberFormat="1" applyFont="1" applyFill="1" applyBorder="1" applyAlignment="1">
      <alignment horizontal="center" vertical="center"/>
    </xf>
    <xf numFmtId="0" fontId="12" fillId="0" borderId="0" xfId="16" applyFont="1" applyFill="1" applyAlignment="1">
      <alignment horizontal="center" vertical="top"/>
    </xf>
    <xf numFmtId="49" fontId="12" fillId="0" borderId="65" xfId="16" applyNumberFormat="1" applyFont="1" applyFill="1" applyBorder="1" applyAlignment="1">
      <alignment horizontal="center" vertical="top"/>
    </xf>
    <xf numFmtId="0" fontId="12" fillId="0" borderId="65" xfId="16" applyFont="1" applyFill="1" applyBorder="1"/>
    <xf numFmtId="0" fontId="12" fillId="0" borderId="65" xfId="16" applyFont="1" applyFill="1" applyBorder="1" applyAlignment="1">
      <alignment horizontal="center" vertical="center" wrapText="1"/>
    </xf>
    <xf numFmtId="165" fontId="12" fillId="0" borderId="65" xfId="8" applyFont="1" applyFill="1" applyBorder="1" applyAlignment="1">
      <alignment horizontal="center" vertical="top" wrapText="1"/>
    </xf>
    <xf numFmtId="14" fontId="12" fillId="0" borderId="65" xfId="9" applyNumberFormat="1" applyFont="1" applyFill="1" applyBorder="1" applyAlignment="1">
      <alignment horizontal="center" vertical="top" wrapText="1"/>
    </xf>
    <xf numFmtId="165" fontId="12" fillId="0" borderId="65" xfId="16" applyNumberFormat="1" applyFont="1" applyFill="1" applyBorder="1" applyAlignment="1">
      <alignment horizontal="center" vertical="top" wrapText="1"/>
    </xf>
    <xf numFmtId="0" fontId="94" fillId="0" borderId="65" xfId="0" applyFont="1" applyBorder="1"/>
    <xf numFmtId="49" fontId="10" fillId="0" borderId="65" xfId="1" applyNumberFormat="1" applyFont="1" applyFill="1" applyBorder="1" applyAlignment="1">
      <alignment horizontal="center" vertical="top" wrapText="1"/>
    </xf>
    <xf numFmtId="0" fontId="10" fillId="0" borderId="65" xfId="1" applyFont="1" applyFill="1" applyBorder="1" applyAlignment="1">
      <alignment horizontal="center" vertical="center" wrapText="1"/>
    </xf>
    <xf numFmtId="0" fontId="12" fillId="0" borderId="77" xfId="1" applyFont="1" applyFill="1" applyBorder="1" applyAlignment="1">
      <alignment horizontal="center" vertical="center" wrapText="1"/>
    </xf>
    <xf numFmtId="0" fontId="12" fillId="0" borderId="65" xfId="1" applyFont="1" applyFill="1" applyBorder="1" applyAlignment="1">
      <alignment horizontal="center" vertical="center" wrapText="1"/>
    </xf>
    <xf numFmtId="49" fontId="12" fillId="0" borderId="65" xfId="1" applyNumberFormat="1" applyFont="1" applyFill="1" applyBorder="1" applyAlignment="1">
      <alignment horizontal="center" vertical="center" wrapText="1"/>
    </xf>
    <xf numFmtId="14" fontId="12" fillId="0" borderId="65" xfId="1" applyNumberFormat="1" applyFont="1" applyFill="1" applyBorder="1" applyAlignment="1">
      <alignment horizontal="center" vertical="center" wrapText="1"/>
    </xf>
    <xf numFmtId="14" fontId="12" fillId="0" borderId="80" xfId="1" applyNumberFormat="1" applyFont="1" applyFill="1" applyBorder="1" applyAlignment="1">
      <alignment horizontal="center" vertical="center" wrapText="1"/>
    </xf>
    <xf numFmtId="0" fontId="12" fillId="0" borderId="65" xfId="0" applyFont="1" applyFill="1" applyBorder="1" applyAlignment="1">
      <alignment horizontal="center" vertical="center" wrapText="1"/>
    </xf>
    <xf numFmtId="49" fontId="12" fillId="0" borderId="65" xfId="13" applyNumberFormat="1" applyFont="1" applyFill="1" applyBorder="1" applyAlignment="1">
      <alignment horizontal="center" vertical="center" wrapText="1"/>
    </xf>
    <xf numFmtId="0" fontId="12" fillId="0" borderId="65" xfId="1" applyFont="1" applyFill="1" applyBorder="1" applyAlignment="1">
      <alignment vertical="center" wrapText="1"/>
    </xf>
    <xf numFmtId="0" fontId="12" fillId="0" borderId="65" xfId="9" applyFont="1" applyFill="1" applyBorder="1" applyAlignment="1">
      <alignment horizontal="center" vertical="center" wrapText="1"/>
    </xf>
    <xf numFmtId="0" fontId="12" fillId="0" borderId="9" xfId="1" applyFont="1" applyFill="1" applyBorder="1" applyAlignment="1">
      <alignment horizontal="center" vertical="center" wrapText="1"/>
    </xf>
    <xf numFmtId="0" fontId="12" fillId="0" borderId="0" xfId="1" applyFont="1" applyFill="1" applyAlignment="1">
      <alignment horizontal="center" vertical="center" wrapText="1"/>
    </xf>
    <xf numFmtId="0" fontId="12" fillId="0" borderId="81" xfId="1" applyFont="1" applyFill="1" applyBorder="1" applyAlignment="1">
      <alignment horizontal="center" vertical="center" wrapText="1"/>
    </xf>
    <xf numFmtId="49" fontId="12" fillId="0" borderId="65" xfId="0" applyNumberFormat="1" applyFont="1" applyFill="1" applyBorder="1" applyAlignment="1">
      <alignment horizontal="center" vertical="center" wrapText="1"/>
    </xf>
    <xf numFmtId="0" fontId="12" fillId="0" borderId="77" xfId="0" applyFont="1" applyFill="1" applyBorder="1" applyAlignment="1">
      <alignment horizontal="center" vertical="center" wrapText="1"/>
    </xf>
    <xf numFmtId="14" fontId="12" fillId="0" borderId="65" xfId="0" applyNumberFormat="1" applyFont="1" applyFill="1" applyBorder="1" applyAlignment="1">
      <alignment horizontal="center" vertical="center" wrapText="1"/>
    </xf>
    <xf numFmtId="0" fontId="10" fillId="0" borderId="0" xfId="1" applyFont="1" applyFill="1" applyAlignment="1">
      <alignment horizontal="center" vertical="center" wrapText="1"/>
    </xf>
    <xf numFmtId="1" fontId="12" fillId="0" borderId="65" xfId="1" applyNumberFormat="1" applyFont="1" applyFill="1" applyBorder="1" applyAlignment="1">
      <alignment horizontal="center" vertical="center" wrapText="1"/>
    </xf>
    <xf numFmtId="0" fontId="12" fillId="0" borderId="65" xfId="0" applyFont="1" applyFill="1" applyBorder="1" applyAlignment="1">
      <alignment vertical="center" wrapText="1"/>
    </xf>
    <xf numFmtId="0" fontId="12" fillId="0" borderId="65" xfId="3" applyFont="1" applyFill="1" applyBorder="1" applyAlignment="1">
      <alignment vertical="center" wrapText="1"/>
    </xf>
    <xf numFmtId="49" fontId="12" fillId="0" borderId="65" xfId="0" applyNumberFormat="1" applyFont="1" applyFill="1" applyBorder="1" applyAlignment="1">
      <alignment horizontal="center" vertical="center"/>
    </xf>
    <xf numFmtId="0" fontId="12" fillId="0" borderId="65" xfId="0" applyFont="1" applyFill="1" applyBorder="1" applyAlignment="1">
      <alignment horizontal="center" vertical="center"/>
    </xf>
    <xf numFmtId="14" fontId="12" fillId="0" borderId="65" xfId="0" applyNumberFormat="1" applyFont="1" applyFill="1" applyBorder="1" applyAlignment="1">
      <alignment horizontal="center" vertical="center"/>
    </xf>
    <xf numFmtId="49" fontId="12" fillId="0" borderId="0" xfId="0" applyNumberFormat="1" applyFont="1" applyFill="1" applyAlignment="1">
      <alignment horizontal="center" vertical="center"/>
    </xf>
    <xf numFmtId="164" fontId="12" fillId="0" borderId="65" xfId="0" applyNumberFormat="1" applyFont="1" applyFill="1" applyBorder="1" applyAlignment="1">
      <alignment horizontal="center" vertical="center"/>
    </xf>
    <xf numFmtId="0" fontId="12" fillId="0" borderId="0" xfId="0" applyFont="1" applyFill="1" applyAlignment="1">
      <alignment horizontal="center" vertical="center" wrapText="1"/>
    </xf>
    <xf numFmtId="49" fontId="12" fillId="0" borderId="1" xfId="1" applyNumberFormat="1" applyFont="1" applyFill="1" applyBorder="1" applyAlignment="1">
      <alignment horizontal="center" vertical="top" wrapText="1"/>
    </xf>
    <xf numFmtId="0" fontId="12" fillId="0" borderId="1" xfId="1" applyFont="1" applyFill="1" applyBorder="1" applyAlignment="1">
      <alignment horizontal="center" vertical="top" wrapText="1"/>
    </xf>
    <xf numFmtId="49" fontId="12" fillId="0" borderId="1" xfId="9" applyNumberFormat="1" applyFont="1" applyFill="1" applyBorder="1" applyAlignment="1">
      <alignment horizontal="center" vertical="top" wrapText="1"/>
    </xf>
    <xf numFmtId="14" fontId="12" fillId="0" borderId="1" xfId="9" applyNumberFormat="1" applyFont="1" applyFill="1" applyBorder="1" applyAlignment="1">
      <alignment horizontal="center" vertical="top" wrapText="1"/>
    </xf>
    <xf numFmtId="0" fontId="12" fillId="0" borderId="1" xfId="9" applyFont="1" applyFill="1" applyBorder="1" applyAlignment="1">
      <alignment horizontal="center" vertical="top" wrapText="1"/>
    </xf>
    <xf numFmtId="14" fontId="12" fillId="0" borderId="1" xfId="1" applyNumberFormat="1" applyFont="1" applyFill="1" applyBorder="1" applyAlignment="1">
      <alignment horizontal="center" vertical="top" wrapText="1"/>
    </xf>
    <xf numFmtId="0" fontId="12" fillId="0" borderId="1" xfId="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49" fontId="12" fillId="0" borderId="0" xfId="1" applyNumberFormat="1" applyFont="1" applyFill="1" applyAlignment="1">
      <alignment horizontal="center" vertical="top" wrapText="1"/>
    </xf>
    <xf numFmtId="0" fontId="12" fillId="0" borderId="0" xfId="1" applyFont="1" applyFill="1" applyAlignment="1">
      <alignment horizontal="center" vertical="top" wrapText="1"/>
    </xf>
    <xf numFmtId="14" fontId="12" fillId="0" borderId="0" xfId="1" applyNumberFormat="1" applyFont="1" applyFill="1" applyAlignment="1">
      <alignment horizontal="center" vertical="top" wrapText="1"/>
    </xf>
    <xf numFmtId="1" fontId="41" fillId="0" borderId="32" xfId="23" applyNumberFormat="1" applyFont="1" applyBorder="1" applyAlignment="1">
      <alignment horizontal="center" vertical="center" wrapText="1"/>
    </xf>
    <xf numFmtId="1" fontId="41" fillId="0" borderId="31" xfId="23" applyNumberFormat="1" applyFont="1" applyBorder="1" applyAlignment="1">
      <alignment horizontal="center" vertical="center" wrapText="1"/>
    </xf>
    <xf numFmtId="1" fontId="41" fillId="0" borderId="30" xfId="23" applyNumberFormat="1" applyFont="1" applyBorder="1" applyAlignment="1">
      <alignment horizontal="center" vertical="center" wrapText="1"/>
    </xf>
    <xf numFmtId="1" fontId="41" fillId="0" borderId="79" xfId="24" applyNumberFormat="1" applyFont="1" applyBorder="1" applyAlignment="1">
      <alignment horizontal="center" vertical="center" wrapText="1"/>
    </xf>
    <xf numFmtId="1" fontId="42" fillId="0" borderId="34" xfId="24" applyNumberFormat="1" applyFont="1" applyBorder="1" applyAlignment="1">
      <alignment horizontal="center" vertical="center" wrapText="1"/>
    </xf>
    <xf numFmtId="0" fontId="42" fillId="0" borderId="34" xfId="23" applyFont="1" applyBorder="1" applyAlignment="1">
      <alignment horizontal="center" vertical="center" wrapText="1"/>
    </xf>
    <xf numFmtId="0" fontId="42" fillId="0" borderId="34" xfId="24" applyFont="1" applyBorder="1" applyAlignment="1">
      <alignment horizontal="center" vertical="center" wrapText="1"/>
    </xf>
    <xf numFmtId="0" fontId="95" fillId="0" borderId="0" xfId="0" applyFont="1" applyAlignment="1" applyProtection="1"/>
    <xf numFmtId="2" fontId="42" fillId="0" borderId="42" xfId="24" applyNumberFormat="1" applyFont="1" applyBorder="1" applyAlignment="1" applyProtection="1">
      <alignment horizontal="center" vertical="center" wrapText="1"/>
    </xf>
    <xf numFmtId="0" fontId="31" fillId="0" borderId="41" xfId="24" applyFont="1" applyBorder="1" applyAlignment="1" applyProtection="1">
      <alignment horizontal="center" vertical="center" wrapText="1"/>
    </xf>
    <xf numFmtId="0" fontId="31" fillId="0" borderId="40" xfId="24" applyFont="1" applyBorder="1" applyAlignment="1" applyProtection="1">
      <alignment horizontal="center" vertical="center" wrapText="1"/>
    </xf>
    <xf numFmtId="0" fontId="31" fillId="0" borderId="39" xfId="24" applyFont="1" applyBorder="1" applyAlignment="1" applyProtection="1">
      <alignment horizontal="center" vertical="center" wrapText="1"/>
    </xf>
    <xf numFmtId="0" fontId="42" fillId="0" borderId="38" xfId="24" applyFont="1" applyBorder="1" applyAlignment="1" applyProtection="1">
      <alignment horizontal="center" vertical="center" wrapText="1"/>
    </xf>
    <xf numFmtId="17" fontId="42" fillId="0" borderId="34" xfId="24" applyNumberFormat="1" applyFont="1" applyBorder="1" applyAlignment="1" applyProtection="1">
      <alignment horizontal="center" vertical="center" wrapText="1"/>
    </xf>
    <xf numFmtId="10" fontId="42" fillId="0" borderId="59" xfId="24" applyNumberFormat="1" applyFont="1" applyBorder="1" applyAlignment="1" applyProtection="1">
      <alignment horizontal="center" vertical="center" wrapText="1"/>
    </xf>
    <xf numFmtId="2" fontId="42" fillId="0" borderId="34" xfId="24" applyNumberFormat="1" applyFont="1" applyBorder="1" applyAlignment="1" applyProtection="1">
      <alignment horizontal="center" vertical="center" wrapText="1"/>
    </xf>
    <xf numFmtId="17" fontId="42" fillId="0" borderId="36" xfId="24" applyNumberFormat="1" applyFont="1" applyBorder="1" applyAlignment="1" applyProtection="1">
      <alignment horizontal="center" vertical="center" wrapText="1"/>
    </xf>
    <xf numFmtId="17" fontId="42" fillId="0" borderId="59" xfId="24" applyNumberFormat="1" applyFont="1" applyBorder="1" applyAlignment="1" applyProtection="1">
      <alignment horizontal="center" vertical="center" wrapText="1"/>
    </xf>
    <xf numFmtId="17" fontId="42" fillId="0" borderId="74" xfId="24" applyNumberFormat="1" applyFont="1" applyBorder="1" applyAlignment="1" applyProtection="1">
      <alignment horizontal="center" vertical="center" wrapText="1"/>
    </xf>
    <xf numFmtId="0" fontId="31" fillId="0" borderId="80" xfId="23" applyFont="1" applyBorder="1" applyAlignment="1" applyProtection="1">
      <alignment horizontal="center" vertical="center" wrapText="1"/>
    </xf>
    <xf numFmtId="1" fontId="31" fillId="0" borderId="34" xfId="24" applyNumberFormat="1" applyFont="1" applyBorder="1" applyAlignment="1" applyProtection="1">
      <alignment horizontal="center" vertical="center" wrapText="1"/>
    </xf>
    <xf numFmtId="10" fontId="31" fillId="0" borderId="59" xfId="24" applyNumberFormat="1" applyFont="1" applyBorder="1" applyAlignment="1" applyProtection="1">
      <alignment horizontal="center" vertical="center" wrapText="1"/>
    </xf>
    <xf numFmtId="0" fontId="31" fillId="0" borderId="34" xfId="24" applyFont="1" applyBorder="1" applyAlignment="1" applyProtection="1">
      <alignment horizontal="center" vertical="center" wrapText="1"/>
    </xf>
    <xf numFmtId="1" fontId="42" fillId="0" borderId="34" xfId="23" applyNumberFormat="1" applyFont="1" applyBorder="1" applyAlignment="1" applyProtection="1">
      <alignment horizontal="center" vertical="center" wrapText="1"/>
    </xf>
    <xf numFmtId="1" fontId="31" fillId="0" borderId="59" xfId="24" applyNumberFormat="1" applyFont="1" applyBorder="1" applyAlignment="1" applyProtection="1">
      <alignment horizontal="center" vertical="center" wrapText="1"/>
    </xf>
    <xf numFmtId="1" fontId="42" fillId="0" borderId="74" xfId="24" applyNumberFormat="1" applyFont="1" applyBorder="1" applyAlignment="1" applyProtection="1">
      <alignment horizontal="center" vertical="center" wrapText="1"/>
    </xf>
    <xf numFmtId="1" fontId="95" fillId="0" borderId="0" xfId="0" applyNumberFormat="1" applyFont="1" applyAlignment="1" applyProtection="1"/>
    <xf numFmtId="1" fontId="31" fillId="0" borderId="34" xfId="23" applyNumberFormat="1" applyFont="1" applyBorder="1" applyAlignment="1" applyProtection="1">
      <alignment horizontal="center" vertical="center" wrapText="1"/>
    </xf>
    <xf numFmtId="3" fontId="31" fillId="0" borderId="34" xfId="23" applyNumberFormat="1" applyFont="1" applyBorder="1" applyAlignment="1" applyProtection="1">
      <alignment horizontal="center" vertical="center" wrapText="1"/>
    </xf>
    <xf numFmtId="1" fontId="31" fillId="0" borderId="59" xfId="23" applyNumberFormat="1" applyFont="1" applyBorder="1" applyAlignment="1" applyProtection="1">
      <alignment horizontal="center" vertical="center" wrapText="1"/>
    </xf>
    <xf numFmtId="49" fontId="95" fillId="0" borderId="0" xfId="0" applyNumberFormat="1" applyFont="1" applyAlignment="1" applyProtection="1"/>
    <xf numFmtId="0" fontId="31" fillId="0" borderId="34" xfId="23" applyFont="1" applyBorder="1" applyAlignment="1" applyProtection="1">
      <alignment horizontal="center" vertical="center" wrapText="1"/>
    </xf>
    <xf numFmtId="0" fontId="31" fillId="0" borderId="84" xfId="23" applyFont="1" applyBorder="1" applyAlignment="1" applyProtection="1">
      <alignment horizontal="center" vertical="center" wrapText="1"/>
    </xf>
    <xf numFmtId="0" fontId="41" fillId="0" borderId="80" xfId="23" applyFont="1" applyBorder="1" applyAlignment="1" applyProtection="1">
      <alignment horizontal="center" vertical="center" wrapText="1"/>
    </xf>
    <xf numFmtId="1" fontId="41" fillId="0" borderId="33" xfId="23" applyNumberFormat="1" applyFont="1" applyBorder="1" applyAlignment="1" applyProtection="1">
      <alignment horizontal="center" vertical="center" wrapText="1"/>
    </xf>
    <xf numFmtId="10" fontId="22" fillId="0" borderId="59" xfId="24" applyNumberFormat="1" applyFont="1" applyBorder="1" applyAlignment="1" applyProtection="1">
      <alignment horizontal="center" vertical="center" wrapText="1"/>
    </xf>
    <xf numFmtId="10" fontId="22" fillId="0" borderId="32" xfId="24" applyNumberFormat="1" applyFont="1" applyBorder="1" applyAlignment="1" applyProtection="1">
      <alignment horizontal="center" vertical="center" wrapText="1"/>
    </xf>
    <xf numFmtId="1" fontId="42" fillId="0" borderId="33" xfId="23" applyNumberFormat="1" applyFont="1" applyBorder="1" applyAlignment="1" applyProtection="1">
      <alignment horizontal="center" vertical="center" wrapText="1"/>
    </xf>
    <xf numFmtId="1" fontId="42" fillId="0" borderId="32" xfId="23" applyNumberFormat="1" applyFont="1" applyBorder="1" applyAlignment="1" applyProtection="1">
      <alignment horizontal="center" vertical="center" wrapText="1"/>
    </xf>
    <xf numFmtId="1" fontId="42" fillId="0" borderId="31" xfId="23" applyNumberFormat="1" applyFont="1" applyBorder="1" applyAlignment="1" applyProtection="1">
      <alignment horizontal="center" vertical="center" wrapText="1"/>
    </xf>
    <xf numFmtId="1" fontId="42" fillId="0" borderId="30" xfId="23" applyNumberFormat="1" applyFont="1" applyBorder="1" applyAlignment="1" applyProtection="1">
      <alignment horizontal="center" vertical="center" wrapText="1"/>
    </xf>
    <xf numFmtId="1" fontId="41" fillId="0" borderId="29" xfId="24" applyNumberFormat="1" applyFont="1" applyBorder="1" applyAlignment="1" applyProtection="1">
      <alignment horizontal="center" vertical="center" wrapText="1"/>
    </xf>
    <xf numFmtId="0" fontId="43" fillId="0" borderId="0" xfId="16" applyFont="1" applyFill="1" applyAlignment="1">
      <alignment horizontal="center" vertical="top" wrapText="1"/>
    </xf>
    <xf numFmtId="0" fontId="59" fillId="0" borderId="0" xfId="1" applyFont="1" applyFill="1" applyBorder="1" applyAlignment="1">
      <alignment horizontal="center" vertical="top" wrapText="1"/>
    </xf>
    <xf numFmtId="49" fontId="30" fillId="0" borderId="0" xfId="16" applyNumberFormat="1" applyFont="1" applyFill="1" applyAlignment="1">
      <alignment horizontal="center" vertical="top" wrapText="1"/>
    </xf>
    <xf numFmtId="0" fontId="37" fillId="0" borderId="65" xfId="0" applyFont="1" applyBorder="1" applyAlignment="1">
      <alignment horizontal="center" vertical="center" wrapText="1"/>
    </xf>
    <xf numFmtId="0" fontId="12" fillId="0" borderId="65" xfId="0" applyFont="1" applyBorder="1" applyAlignment="1">
      <alignment horizontal="center" vertical="top" wrapText="1"/>
    </xf>
    <xf numFmtId="0" fontId="56" fillId="0" borderId="65" xfId="0" applyFont="1" applyBorder="1" applyAlignment="1">
      <alignment horizontal="center" vertical="top" wrapText="1"/>
    </xf>
    <xf numFmtId="0" fontId="53" fillId="0" borderId="65" xfId="0" applyFont="1" applyBorder="1" applyAlignment="1">
      <alignment horizontal="center" vertical="top" wrapText="1"/>
    </xf>
    <xf numFmtId="0" fontId="56" fillId="4" borderId="65" xfId="0" applyFont="1" applyFill="1" applyBorder="1" applyAlignment="1">
      <alignment horizontal="center" vertical="top" wrapText="1"/>
    </xf>
    <xf numFmtId="0" fontId="56" fillId="0" borderId="0" xfId="0" applyFont="1" applyBorder="1" applyAlignment="1">
      <alignment horizontal="center" vertical="top" wrapText="1"/>
    </xf>
    <xf numFmtId="0" fontId="40" fillId="0" borderId="65" xfId="0" applyFont="1" applyBorder="1" applyAlignment="1">
      <alignment horizontal="center" vertical="top" wrapText="1"/>
    </xf>
    <xf numFmtId="0" fontId="57" fillId="0" borderId="65" xfId="0" applyFont="1" applyBorder="1" applyAlignment="1">
      <alignment horizontal="center" vertical="top" wrapText="1"/>
    </xf>
    <xf numFmtId="0" fontId="46" fillId="0" borderId="65" xfId="0" applyFont="1" applyBorder="1" applyAlignment="1">
      <alignment horizontal="center" vertical="top" wrapText="1"/>
    </xf>
    <xf numFmtId="0" fontId="53" fillId="0" borderId="81" xfId="0" applyFont="1" applyBorder="1" applyAlignment="1">
      <alignment horizontal="center" vertical="top" wrapText="1"/>
    </xf>
    <xf numFmtId="0" fontId="12" fillId="0" borderId="81" xfId="0" applyFont="1" applyBorder="1" applyAlignment="1">
      <alignment horizontal="center" vertical="top" wrapText="1"/>
    </xf>
    <xf numFmtId="0" fontId="35" fillId="0" borderId="65" xfId="15" applyFont="1" applyFill="1" applyBorder="1" applyAlignment="1">
      <alignment horizontal="center" vertical="top" wrapText="1"/>
    </xf>
    <xf numFmtId="0" fontId="12" fillId="0" borderId="65" xfId="0" applyFont="1" applyBorder="1" applyAlignment="1">
      <alignment horizontal="center" vertical="center" wrapText="1"/>
    </xf>
    <xf numFmtId="0" fontId="12" fillId="4" borderId="65" xfId="0" applyFont="1" applyFill="1" applyBorder="1" applyAlignment="1">
      <alignment horizontal="center" vertical="top" wrapText="1"/>
    </xf>
    <xf numFmtId="0" fontId="93" fillId="4" borderId="65" xfId="3" applyFont="1" applyFill="1" applyBorder="1" applyAlignment="1">
      <alignment horizontal="center" vertical="top" wrapText="1"/>
    </xf>
    <xf numFmtId="0" fontId="56" fillId="4" borderId="65" xfId="3" applyFont="1" applyFill="1" applyBorder="1" applyAlignment="1">
      <alignment horizontal="center" vertical="top" wrapText="1"/>
    </xf>
    <xf numFmtId="0" fontId="40" fillId="4" borderId="65" xfId="0" applyFont="1" applyFill="1" applyBorder="1" applyAlignment="1">
      <alignment horizontal="center" vertical="top" wrapText="1"/>
    </xf>
    <xf numFmtId="0" fontId="12" fillId="3" borderId="1" xfId="0" applyFont="1" applyFill="1" applyBorder="1" applyAlignment="1">
      <alignment horizontal="center" vertical="top" wrapText="1"/>
    </xf>
    <xf numFmtId="0" fontId="12" fillId="3" borderId="65" xfId="0" applyFont="1" applyFill="1" applyBorder="1" applyAlignment="1">
      <alignment horizontal="center" vertical="top" wrapText="1"/>
    </xf>
    <xf numFmtId="0" fontId="43" fillId="0" borderId="65" xfId="16" applyFont="1" applyFill="1" applyBorder="1" applyAlignment="1">
      <alignment horizontal="center" vertical="center" wrapText="1"/>
    </xf>
    <xf numFmtId="0" fontId="45" fillId="0" borderId="65" xfId="16" applyFont="1" applyFill="1" applyBorder="1" applyAlignment="1">
      <alignment horizontal="center" vertical="top"/>
    </xf>
    <xf numFmtId="0" fontId="45" fillId="0" borderId="65" xfId="16" applyFont="1" applyFill="1" applyBorder="1" applyAlignment="1">
      <alignment horizontal="center" vertical="top" wrapText="1"/>
    </xf>
    <xf numFmtId="0" fontId="43" fillId="0" borderId="65" xfId="14" applyFont="1" applyFill="1" applyBorder="1" applyAlignment="1">
      <alignment horizontal="center" vertical="top" wrapText="1"/>
    </xf>
    <xf numFmtId="49" fontId="30" fillId="0" borderId="65" xfId="14" applyNumberFormat="1" applyFont="1" applyFill="1" applyBorder="1" applyAlignment="1">
      <alignment horizontal="center" vertical="top" wrapText="1"/>
    </xf>
    <xf numFmtId="2" fontId="30" fillId="0" borderId="65" xfId="14" applyNumberFormat="1" applyFont="1" applyFill="1" applyBorder="1" applyAlignment="1">
      <alignment horizontal="center" vertical="top" wrapText="1"/>
    </xf>
    <xf numFmtId="0" fontId="30" fillId="3" borderId="1" xfId="14" applyFont="1" applyFill="1" applyBorder="1" applyAlignment="1">
      <alignment horizontal="center" vertical="top" wrapText="1"/>
    </xf>
    <xf numFmtId="0" fontId="30" fillId="0" borderId="65" xfId="16" applyFont="1" applyFill="1" applyBorder="1" applyAlignment="1">
      <alignment horizontal="center" vertical="top"/>
    </xf>
    <xf numFmtId="0" fontId="43" fillId="0" borderId="65" xfId="1" applyFont="1" applyFill="1" applyBorder="1" applyAlignment="1">
      <alignment horizontal="center" vertical="center" wrapText="1"/>
    </xf>
    <xf numFmtId="0" fontId="30" fillId="0" borderId="65" xfId="1" applyFont="1" applyBorder="1" applyAlignment="1">
      <alignment horizontal="center" vertical="top" wrapText="1"/>
    </xf>
    <xf numFmtId="0" fontId="30" fillId="0" borderId="81" xfId="1" applyFont="1" applyFill="1" applyBorder="1" applyAlignment="1">
      <alignment horizontal="center" vertical="top" wrapText="1"/>
    </xf>
    <xf numFmtId="0" fontId="30" fillId="0" borderId="65" xfId="1" applyNumberFormat="1" applyFont="1" applyFill="1" applyBorder="1" applyAlignment="1">
      <alignment horizontal="center" vertical="center" wrapText="1"/>
    </xf>
    <xf numFmtId="0" fontId="45" fillId="0" borderId="81" xfId="16" applyFont="1" applyFill="1" applyBorder="1" applyAlignment="1">
      <alignment horizontal="center" vertical="top" wrapText="1"/>
    </xf>
    <xf numFmtId="0" fontId="63" fillId="0" borderId="65" xfId="16" applyFont="1" applyFill="1" applyBorder="1" applyAlignment="1">
      <alignment horizontal="center" vertical="top" wrapText="1"/>
    </xf>
    <xf numFmtId="49" fontId="45" fillId="0" borderId="65" xfId="16" applyNumberFormat="1" applyFont="1" applyFill="1" applyBorder="1" applyAlignment="1">
      <alignment horizontal="center" vertical="top" wrapText="1"/>
    </xf>
    <xf numFmtId="0" fontId="4" fillId="0" borderId="65" xfId="16" applyFont="1" applyFill="1" applyBorder="1" applyAlignment="1">
      <alignment horizontal="center" vertical="top" wrapText="1"/>
    </xf>
    <xf numFmtId="0" fontId="16" fillId="0" borderId="65" xfId="0" applyFont="1" applyFill="1" applyBorder="1" applyAlignment="1">
      <alignment horizontal="center" vertical="center" wrapText="1"/>
    </xf>
    <xf numFmtId="0" fontId="9" fillId="0" borderId="77" xfId="0" applyFont="1" applyFill="1" applyBorder="1" applyAlignment="1">
      <alignment horizontal="center" vertical="top" wrapText="1"/>
    </xf>
    <xf numFmtId="0" fontId="91" fillId="0" borderId="65" xfId="16" applyFont="1" applyFill="1" applyBorder="1" applyAlignment="1">
      <alignment horizontal="center" vertical="center" wrapText="1"/>
    </xf>
    <xf numFmtId="0" fontId="48" fillId="0" borderId="65" xfId="16" applyFont="1" applyFill="1" applyBorder="1" applyAlignment="1">
      <alignment horizontal="center" vertical="top"/>
    </xf>
    <xf numFmtId="49" fontId="48" fillId="0" borderId="65" xfId="16" applyNumberFormat="1" applyFont="1" applyFill="1" applyBorder="1" applyAlignment="1">
      <alignment horizontal="center" vertical="top" wrapText="1"/>
    </xf>
    <xf numFmtId="0" fontId="48" fillId="0" borderId="65" xfId="16" applyFont="1" applyFill="1" applyBorder="1" applyAlignment="1">
      <alignment horizontal="center" vertical="top" wrapText="1"/>
    </xf>
    <xf numFmtId="0" fontId="49" fillId="0" borderId="65" xfId="16" applyFont="1" applyFill="1" applyBorder="1" applyAlignment="1">
      <alignment horizontal="center" vertical="top" wrapText="1"/>
    </xf>
    <xf numFmtId="0" fontId="48" fillId="0" borderId="65" xfId="12" applyFont="1" applyFill="1" applyBorder="1" applyAlignment="1">
      <alignment horizontal="center" vertical="top" wrapText="1"/>
    </xf>
    <xf numFmtId="0" fontId="45" fillId="0" borderId="65" xfId="16" applyFont="1" applyFill="1" applyBorder="1" applyAlignment="1">
      <alignment horizontal="center" vertical="top"/>
    </xf>
    <xf numFmtId="0" fontId="43" fillId="0" borderId="0" xfId="16" applyFont="1" applyFill="1" applyBorder="1" applyAlignment="1">
      <alignment horizontal="center" vertical="center" wrapText="1"/>
    </xf>
    <xf numFmtId="0" fontId="30" fillId="0" borderId="65" xfId="16" applyFont="1" applyFill="1" applyBorder="1" applyAlignment="1">
      <alignment horizontal="center" vertical="center" wrapText="1"/>
    </xf>
    <xf numFmtId="0" fontId="30" fillId="0" borderId="81" xfId="0" applyFont="1" applyFill="1" applyBorder="1" applyAlignment="1">
      <alignment horizontal="center" vertical="top" wrapText="1"/>
    </xf>
    <xf numFmtId="0" fontId="30" fillId="0" borderId="65" xfId="0" applyNumberFormat="1" applyFont="1" applyFill="1" applyBorder="1" applyAlignment="1">
      <alignment horizontal="center" vertical="top" wrapText="1"/>
    </xf>
    <xf numFmtId="0" fontId="45" fillId="0" borderId="86" xfId="16" applyFont="1" applyFill="1" applyBorder="1" applyAlignment="1">
      <alignment horizontal="center" vertical="top" wrapText="1"/>
    </xf>
    <xf numFmtId="0" fontId="43" fillId="0" borderId="0" xfId="1" applyFont="1" applyFill="1" applyBorder="1" applyAlignment="1">
      <alignment horizontal="center" vertical="center" wrapText="1"/>
    </xf>
    <xf numFmtId="0" fontId="45" fillId="0" borderId="65" xfId="1" applyFont="1" applyFill="1" applyBorder="1" applyAlignment="1">
      <alignment horizontal="center" vertical="top" wrapText="1"/>
    </xf>
    <xf numFmtId="0" fontId="74" fillId="0" borderId="88" xfId="0" applyFont="1" applyFill="1" applyBorder="1" applyAlignment="1">
      <alignment horizontal="center" vertical="top" wrapText="1"/>
    </xf>
    <xf numFmtId="0" fontId="45" fillId="0" borderId="88" xfId="0" applyFont="1" applyFill="1" applyBorder="1" applyAlignment="1">
      <alignment horizontal="center" vertical="top" wrapText="1"/>
    </xf>
    <xf numFmtId="0" fontId="43" fillId="0" borderId="0" xfId="7" applyFont="1" applyFill="1" applyBorder="1" applyAlignment="1">
      <alignment horizontal="center" vertical="top" wrapText="1"/>
    </xf>
    <xf numFmtId="0" fontId="30" fillId="0" borderId="65" xfId="7" applyFont="1" applyFill="1" applyBorder="1" applyAlignment="1">
      <alignment horizontal="center" vertical="top" wrapText="1"/>
    </xf>
    <xf numFmtId="0" fontId="30" fillId="0" borderId="88" xfId="18135" applyFont="1" applyFill="1" applyBorder="1" applyAlignment="1">
      <alignment horizontal="center" vertical="top" wrapText="1"/>
    </xf>
    <xf numFmtId="0" fontId="30" fillId="0" borderId="87" xfId="7" applyFont="1" applyFill="1" applyBorder="1" applyAlignment="1">
      <alignment horizontal="center" vertical="top" wrapText="1"/>
    </xf>
    <xf numFmtId="0" fontId="30" fillId="0" borderId="65" xfId="7" applyFont="1" applyFill="1" applyBorder="1" applyAlignment="1">
      <alignment horizontal="center" vertical="top"/>
    </xf>
    <xf numFmtId="0" fontId="43" fillId="0" borderId="65" xfId="7" applyFont="1" applyFill="1" applyBorder="1" applyAlignment="1">
      <alignment horizontal="center" vertical="top"/>
    </xf>
    <xf numFmtId="0" fontId="65" fillId="0" borderId="65" xfId="1" applyFont="1" applyFill="1" applyBorder="1" applyAlignment="1">
      <alignment horizontal="center" vertical="center" wrapText="1"/>
    </xf>
    <xf numFmtId="0" fontId="30" fillId="0" borderId="0" xfId="1" applyFont="1" applyFill="1" applyBorder="1" applyAlignment="1" applyProtection="1">
      <alignment horizontal="center" vertical="center" wrapText="1"/>
    </xf>
    <xf numFmtId="0" fontId="30" fillId="0" borderId="0" xfId="1" applyFont="1" applyFill="1" applyBorder="1" applyAlignment="1" applyProtection="1">
      <alignment horizontal="center" vertical="top" wrapText="1"/>
    </xf>
    <xf numFmtId="0" fontId="13" fillId="0" borderId="0" xfId="1" applyFont="1" applyBorder="1" applyAlignment="1" applyProtection="1">
      <alignment horizontal="center" vertical="top" wrapText="1"/>
    </xf>
    <xf numFmtId="0" fontId="16" fillId="0" borderId="65" xfId="1" applyFont="1" applyFill="1" applyBorder="1" applyAlignment="1">
      <alignment horizontal="center" vertical="center" wrapText="1"/>
    </xf>
    <xf numFmtId="0" fontId="10" fillId="0" borderId="86" xfId="1" applyFont="1" applyFill="1" applyBorder="1" applyAlignment="1">
      <alignment horizontal="center" vertical="top" wrapText="1"/>
    </xf>
    <xf numFmtId="0" fontId="12" fillId="0" borderId="0" xfId="1" applyFont="1" applyFill="1" applyBorder="1" applyAlignment="1">
      <alignment horizontal="center" vertical="center" wrapText="1"/>
    </xf>
    <xf numFmtId="0" fontId="12" fillId="0" borderId="65" xfId="1" applyFont="1" applyFill="1" applyBorder="1" applyAlignment="1">
      <alignment horizontal="center" vertical="top" wrapText="1"/>
    </xf>
    <xf numFmtId="0" fontId="10" fillId="0" borderId="65" xfId="1" applyNumberFormat="1" applyFont="1" applyFill="1" applyBorder="1" applyAlignment="1">
      <alignment horizontal="center" vertical="center" wrapText="1"/>
    </xf>
    <xf numFmtId="0" fontId="10" fillId="0" borderId="65" xfId="1" applyFont="1" applyFill="1" applyBorder="1" applyAlignment="1">
      <alignment horizontal="center" vertical="top" wrapText="1"/>
    </xf>
    <xf numFmtId="0" fontId="10" fillId="0" borderId="88" xfId="1" applyFont="1" applyFill="1" applyBorder="1" applyAlignment="1">
      <alignment horizontal="center" vertical="center" wrapText="1"/>
    </xf>
    <xf numFmtId="0" fontId="43" fillId="0" borderId="65" xfId="0" applyFont="1" applyFill="1" applyBorder="1" applyAlignment="1">
      <alignment horizontal="center" vertical="center" wrapText="1"/>
    </xf>
    <xf numFmtId="0" fontId="65" fillId="0" borderId="65" xfId="0" applyFont="1" applyFill="1" applyBorder="1" applyAlignment="1">
      <alignment horizontal="center" vertical="center" wrapText="1"/>
    </xf>
    <xf numFmtId="0" fontId="30" fillId="0" borderId="86" xfId="1" applyFont="1" applyFill="1" applyBorder="1" applyAlignment="1">
      <alignment horizontal="center" vertical="top" wrapText="1"/>
    </xf>
    <xf numFmtId="0" fontId="30" fillId="0" borderId="88" xfId="1" applyFont="1" applyFill="1" applyBorder="1" applyAlignment="1">
      <alignment horizontal="center" vertical="top" wrapText="1"/>
    </xf>
    <xf numFmtId="0" fontId="30" fillId="0" borderId="86" xfId="16" applyFont="1" applyFill="1" applyBorder="1" applyAlignment="1">
      <alignment horizontal="center" vertical="top" wrapText="1"/>
    </xf>
    <xf numFmtId="0" fontId="30" fillId="8" borderId="8" xfId="16" applyFont="1" applyFill="1" applyBorder="1" applyAlignment="1">
      <alignment horizontal="center" vertical="top" wrapText="1"/>
    </xf>
    <xf numFmtId="0" fontId="30" fillId="4" borderId="19" xfId="16" applyFont="1" applyFill="1" applyBorder="1" applyAlignment="1">
      <alignment horizontal="center" vertical="top" wrapText="1"/>
    </xf>
    <xf numFmtId="0" fontId="30" fillId="8" borderId="65" xfId="16" applyFont="1" applyFill="1" applyBorder="1" applyAlignment="1">
      <alignment horizontal="center" vertical="center" wrapText="1"/>
    </xf>
    <xf numFmtId="0" fontId="30" fillId="0" borderId="65" xfId="16" applyFont="1" applyFill="1" applyBorder="1" applyAlignment="1">
      <alignment horizontal="center" vertical="top" wrapText="1"/>
    </xf>
    <xf numFmtId="0" fontId="42" fillId="0" borderId="0" xfId="23" applyFont="1" applyBorder="1" applyAlignment="1" applyProtection="1">
      <alignment horizontal="center" vertical="center" wrapText="1"/>
    </xf>
    <xf numFmtId="0" fontId="31" fillId="0" borderId="83" xfId="23" applyFont="1" applyBorder="1" applyAlignment="1" applyProtection="1">
      <alignment horizontal="center" vertical="center" wrapText="1"/>
    </xf>
    <xf numFmtId="0" fontId="31" fillId="0" borderId="42" xfId="24" applyFont="1" applyBorder="1" applyAlignment="1" applyProtection="1">
      <alignment horizontal="center" vertical="center" wrapText="1"/>
    </xf>
    <xf numFmtId="0" fontId="42" fillId="0" borderId="0" xfId="23" applyFont="1" applyAlignment="1">
      <alignment horizontal="center" vertical="center" wrapText="1"/>
    </xf>
    <xf numFmtId="0" fontId="31" fillId="0" borderId="0" xfId="23" applyFont="1" applyAlignment="1">
      <alignment horizontal="center" vertical="center" wrapText="1"/>
    </xf>
    <xf numFmtId="0" fontId="31" fillId="0" borderId="44" xfId="23" applyFont="1" applyBorder="1" applyAlignment="1">
      <alignment horizontal="center" vertical="center" wrapText="1"/>
    </xf>
    <xf numFmtId="0" fontId="31" fillId="0" borderId="37" xfId="23" applyFont="1" applyBorder="1" applyAlignment="1">
      <alignment horizontal="center" vertical="center" wrapText="1"/>
    </xf>
    <xf numFmtId="0" fontId="31" fillId="0" borderId="42" xfId="24" applyFont="1" applyBorder="1" applyAlignment="1">
      <alignment horizontal="center" vertical="center" wrapText="1"/>
    </xf>
    <xf numFmtId="0" fontId="31" fillId="0" borderId="43" xfId="24" applyFont="1" applyBorder="1" applyAlignment="1">
      <alignment horizontal="center" vertical="center" wrapText="1"/>
    </xf>
    <xf numFmtId="0" fontId="54" fillId="0" borderId="82" xfId="0" applyFont="1" applyBorder="1" applyAlignment="1">
      <alignment horizontal="center"/>
    </xf>
    <xf numFmtId="0" fontId="0" fillId="0" borderId="82" xfId="0" applyBorder="1" applyAlignment="1">
      <alignment horizontal="center"/>
    </xf>
    <xf numFmtId="0" fontId="31" fillId="0" borderId="11" xfId="23" applyFont="1" applyBorder="1" applyAlignment="1">
      <alignment horizontal="center" vertical="center" wrapText="1"/>
    </xf>
    <xf numFmtId="0" fontId="2" fillId="0" borderId="11" xfId="23" applyFont="1" applyBorder="1" applyAlignment="1">
      <alignment horizontal="center" vertical="center" wrapText="1"/>
    </xf>
    <xf numFmtId="0" fontId="12" fillId="0" borderId="19" xfId="0" applyFont="1" applyBorder="1" applyAlignment="1">
      <alignment horizontal="center" vertical="top" wrapText="1"/>
    </xf>
    <xf numFmtId="0" fontId="12" fillId="0" borderId="52" xfId="0" applyFont="1" applyBorder="1" applyAlignment="1">
      <alignment horizontal="center" vertical="top" wrapText="1"/>
    </xf>
    <xf numFmtId="0" fontId="12" fillId="0" borderId="78" xfId="0" applyFont="1" applyBorder="1" applyAlignment="1">
      <alignment horizontal="center" vertical="top" wrapText="1"/>
    </xf>
    <xf numFmtId="0" fontId="12" fillId="0" borderId="53" xfId="0" applyFont="1" applyBorder="1" applyAlignment="1">
      <alignment horizontal="center" vertical="top" wrapText="1"/>
    </xf>
    <xf numFmtId="0" fontId="37" fillId="0" borderId="0" xfId="0" applyFont="1" applyAlignment="1">
      <alignment horizontal="center" vertical="top" wrapText="1"/>
    </xf>
    <xf numFmtId="0" fontId="12" fillId="0" borderId="1" xfId="0" applyFont="1" applyBorder="1" applyAlignment="1">
      <alignment horizontal="center" vertical="top" wrapText="1"/>
    </xf>
    <xf numFmtId="0" fontId="12" fillId="0" borderId="65" xfId="0" applyFont="1" applyBorder="1" applyAlignment="1">
      <alignment horizontal="center" vertical="top" wrapText="1"/>
    </xf>
    <xf numFmtId="0" fontId="45" fillId="0" borderId="19" xfId="16" applyFont="1" applyFill="1" applyBorder="1" applyAlignment="1">
      <alignment horizontal="center" vertical="top"/>
    </xf>
    <xf numFmtId="0" fontId="45" fillId="0" borderId="26" xfId="16" applyFont="1" applyFill="1" applyBorder="1" applyAlignment="1">
      <alignment horizontal="center" vertical="top"/>
    </xf>
    <xf numFmtId="0" fontId="45" fillId="0" borderId="78" xfId="16" applyFont="1" applyFill="1" applyBorder="1" applyAlignment="1">
      <alignment horizontal="center" vertical="top"/>
    </xf>
    <xf numFmtId="0" fontId="45" fillId="0" borderId="24" xfId="16" applyFont="1" applyFill="1" applyBorder="1" applyAlignment="1">
      <alignment horizontal="center" vertical="top"/>
    </xf>
    <xf numFmtId="0" fontId="43" fillId="0" borderId="0" xfId="16" applyFont="1" applyFill="1" applyAlignment="1">
      <alignment horizontal="center" vertical="top" wrapText="1"/>
    </xf>
    <xf numFmtId="0" fontId="59" fillId="0" borderId="25" xfId="16" applyFont="1" applyFill="1" applyBorder="1" applyAlignment="1">
      <alignment horizontal="center" vertical="top" wrapText="1"/>
    </xf>
    <xf numFmtId="0" fontId="59" fillId="0" borderId="21" xfId="16" applyFont="1" applyFill="1" applyBorder="1" applyAlignment="1">
      <alignment horizontal="center" vertical="top" wrapText="1"/>
    </xf>
    <xf numFmtId="0" fontId="45" fillId="0" borderId="18" xfId="16" applyFont="1" applyFill="1" applyBorder="1" applyAlignment="1">
      <alignment horizontal="center" vertical="top" wrapText="1"/>
    </xf>
    <xf numFmtId="0" fontId="45" fillId="0" borderId="18" xfId="16" applyFont="1" applyFill="1" applyBorder="1" applyAlignment="1">
      <alignment horizontal="center" vertical="top"/>
    </xf>
    <xf numFmtId="0" fontId="45" fillId="0" borderId="65" xfId="16" applyFont="1" applyFill="1" applyBorder="1" applyAlignment="1">
      <alignment horizontal="center" vertical="top"/>
    </xf>
    <xf numFmtId="0" fontId="59" fillId="0" borderId="7" xfId="14" applyFont="1" applyFill="1" applyBorder="1" applyAlignment="1">
      <alignment horizontal="center" vertical="top" wrapText="1"/>
    </xf>
    <xf numFmtId="0" fontId="59" fillId="0" borderId="6" xfId="14" applyFont="1" applyFill="1" applyBorder="1" applyAlignment="1">
      <alignment horizontal="center" vertical="top" wrapText="1"/>
    </xf>
    <xf numFmtId="2" fontId="43" fillId="0" borderId="0" xfId="14" applyNumberFormat="1" applyFont="1" applyFill="1" applyAlignment="1">
      <alignment horizontal="center" vertical="top" wrapText="1"/>
    </xf>
    <xf numFmtId="2" fontId="43" fillId="0" borderId="2" xfId="14" applyNumberFormat="1" applyFont="1" applyFill="1" applyBorder="1" applyAlignment="1">
      <alignment horizontal="center" vertical="top" wrapText="1"/>
    </xf>
    <xf numFmtId="2" fontId="43" fillId="0" borderId="1" xfId="14" applyNumberFormat="1" applyFont="1" applyFill="1" applyBorder="1" applyAlignment="1">
      <alignment horizontal="center" vertical="top" wrapText="1"/>
    </xf>
    <xf numFmtId="2" fontId="43" fillId="0" borderId="65" xfId="14" applyNumberFormat="1" applyFont="1" applyFill="1" applyBorder="1" applyAlignment="1">
      <alignment horizontal="center" vertical="top" wrapText="1"/>
    </xf>
    <xf numFmtId="2" fontId="30" fillId="0" borderId="1" xfId="14" applyNumberFormat="1" applyFont="1" applyFill="1" applyBorder="1" applyAlignment="1">
      <alignment horizontal="center" vertical="top" wrapText="1"/>
    </xf>
    <xf numFmtId="2" fontId="30" fillId="0" borderId="65" xfId="14" applyNumberFormat="1" applyFont="1" applyFill="1" applyBorder="1" applyAlignment="1">
      <alignment horizontal="center" vertical="top" wrapText="1"/>
    </xf>
    <xf numFmtId="0" fontId="30" fillId="0" borderId="19" xfId="16" applyFont="1" applyFill="1" applyBorder="1" applyAlignment="1">
      <alignment horizontal="center"/>
    </xf>
    <xf numFmtId="0" fontId="30" fillId="0" borderId="52" xfId="16" applyFont="1" applyFill="1" applyBorder="1" applyAlignment="1">
      <alignment horizontal="center"/>
    </xf>
    <xf numFmtId="0" fontId="30" fillId="0" borderId="78" xfId="16" applyFont="1" applyFill="1" applyBorder="1" applyAlignment="1">
      <alignment horizontal="center"/>
    </xf>
    <xf numFmtId="0" fontId="30" fillId="0" borderId="53" xfId="16" applyFont="1" applyFill="1" applyBorder="1" applyAlignment="1">
      <alignment horizontal="center"/>
    </xf>
    <xf numFmtId="0" fontId="30" fillId="0" borderId="18" xfId="16" applyFont="1" applyFill="1" applyBorder="1" applyAlignment="1">
      <alignment horizontal="center" wrapText="1"/>
    </xf>
    <xf numFmtId="0" fontId="30" fillId="0" borderId="18" xfId="16" applyFont="1" applyFill="1" applyBorder="1" applyAlignment="1">
      <alignment horizontal="center"/>
    </xf>
    <xf numFmtId="0" fontId="30" fillId="0" borderId="65" xfId="16" applyFont="1" applyFill="1" applyBorder="1" applyAlignment="1">
      <alignment horizontal="center"/>
    </xf>
    <xf numFmtId="0" fontId="30" fillId="0" borderId="18" xfId="16" applyFont="1" applyFill="1" applyBorder="1" applyAlignment="1">
      <alignment horizontal="center" vertical="top"/>
    </xf>
    <xf numFmtId="0" fontId="43" fillId="0" borderId="0" xfId="1" applyFont="1" applyAlignment="1">
      <alignment horizontal="center" vertical="top" wrapText="1"/>
    </xf>
    <xf numFmtId="0" fontId="30" fillId="0" borderId="5" xfId="1" applyFont="1" applyBorder="1" applyAlignment="1">
      <alignment horizontal="center" vertical="top" wrapText="1"/>
    </xf>
    <xf numFmtId="0" fontId="30" fillId="0" borderId="3" xfId="1" applyFont="1" applyBorder="1" applyAlignment="1">
      <alignment horizontal="center" vertical="top" wrapText="1"/>
    </xf>
    <xf numFmtId="0" fontId="30" fillId="0" borderId="78" xfId="1" applyFont="1" applyBorder="1" applyAlignment="1">
      <alignment horizontal="center" vertical="top" wrapText="1"/>
    </xf>
    <xf numFmtId="0" fontId="30" fillId="0" borderId="2" xfId="1" applyFont="1" applyBorder="1" applyAlignment="1">
      <alignment horizontal="center" vertical="top" wrapText="1"/>
    </xf>
    <xf numFmtId="0" fontId="30" fillId="0" borderId="19" xfId="1" applyFont="1" applyBorder="1" applyAlignment="1">
      <alignment horizontal="center" vertical="top" wrapText="1"/>
    </xf>
    <xf numFmtId="0" fontId="30" fillId="0" borderId="52" xfId="1" applyFont="1" applyBorder="1" applyAlignment="1">
      <alignment horizontal="center" vertical="top" wrapText="1"/>
    </xf>
    <xf numFmtId="0" fontId="30" fillId="0" borderId="53" xfId="1" applyFont="1" applyBorder="1" applyAlignment="1">
      <alignment horizontal="center" vertical="top" wrapText="1"/>
    </xf>
    <xf numFmtId="0" fontId="59" fillId="0" borderId="27" xfId="1" applyFont="1" applyFill="1" applyBorder="1" applyAlignment="1">
      <alignment horizontal="center" vertical="top" wrapText="1"/>
    </xf>
    <xf numFmtId="0" fontId="59" fillId="0" borderId="28" xfId="1" applyFont="1" applyFill="1" applyBorder="1" applyAlignment="1">
      <alignment horizontal="center" vertical="top" wrapText="1"/>
    </xf>
    <xf numFmtId="0" fontId="44" fillId="0" borderId="11" xfId="16" applyFont="1" applyFill="1" applyBorder="1" applyAlignment="1">
      <alignment horizontal="center" vertical="top" wrapText="1"/>
    </xf>
    <xf numFmtId="0" fontId="44" fillId="0" borderId="65" xfId="16" applyFont="1" applyFill="1" applyBorder="1" applyAlignment="1">
      <alignment horizontal="center" vertical="top" wrapText="1"/>
    </xf>
    <xf numFmtId="0" fontId="44" fillId="0" borderId="12" xfId="16" applyFont="1" applyFill="1" applyBorder="1" applyAlignment="1">
      <alignment horizontal="center" vertical="top" wrapText="1"/>
    </xf>
    <xf numFmtId="0" fontId="44" fillId="0" borderId="8" xfId="16" applyFont="1" applyFill="1" applyBorder="1" applyAlignment="1">
      <alignment horizontal="center" vertical="top" wrapText="1"/>
    </xf>
    <xf numFmtId="0" fontId="59" fillId="0" borderId="14" xfId="16" applyFont="1" applyFill="1" applyBorder="1" applyAlignment="1">
      <alignment horizontal="center" vertical="top" wrapText="1"/>
    </xf>
    <xf numFmtId="0" fontId="59" fillId="0" borderId="6" xfId="16" applyFont="1" applyFill="1" applyBorder="1" applyAlignment="1">
      <alignment horizontal="center" vertical="top" wrapText="1"/>
    </xf>
    <xf numFmtId="0" fontId="89" fillId="0" borderId="19" xfId="0" applyFont="1" applyFill="1" applyBorder="1" applyAlignment="1">
      <alignment horizontal="center" vertical="top" wrapText="1"/>
    </xf>
    <xf numFmtId="0" fontId="89" fillId="0" borderId="78" xfId="0" applyFont="1" applyFill="1" applyBorder="1" applyAlignment="1">
      <alignment horizontal="center" vertical="top" wrapText="1"/>
    </xf>
    <xf numFmtId="0" fontId="89" fillId="0" borderId="77" xfId="0" applyFont="1" applyFill="1" applyBorder="1" applyAlignment="1">
      <alignment horizontal="center" vertical="top" wrapText="1"/>
    </xf>
    <xf numFmtId="0" fontId="12" fillId="0" borderId="0" xfId="0" applyFont="1" applyFill="1" applyAlignment="1">
      <alignment horizontal="center" vertical="top" wrapText="1"/>
    </xf>
    <xf numFmtId="0" fontId="17" fillId="0" borderId="7" xfId="0" applyFont="1" applyFill="1" applyBorder="1" applyAlignment="1">
      <alignment horizontal="center" vertical="top" wrapText="1"/>
    </xf>
    <xf numFmtId="0" fontId="17" fillId="0" borderId="6" xfId="0" applyFont="1" applyFill="1" applyBorder="1" applyAlignment="1">
      <alignment horizontal="center" vertical="top" wrapText="1"/>
    </xf>
    <xf numFmtId="0" fontId="56" fillId="0" borderId="1" xfId="0" applyFont="1" applyFill="1" applyBorder="1" applyAlignment="1">
      <alignment horizontal="center" vertical="top" wrapText="1"/>
    </xf>
    <xf numFmtId="0" fontId="56" fillId="0" borderId="65" xfId="0" applyFont="1" applyFill="1" applyBorder="1" applyAlignment="1">
      <alignment horizontal="center" vertical="top" wrapText="1"/>
    </xf>
    <xf numFmtId="0" fontId="56" fillId="0" borderId="19" xfId="0" applyFont="1" applyFill="1" applyBorder="1" applyAlignment="1">
      <alignment horizontal="center" vertical="top" wrapText="1"/>
    </xf>
    <xf numFmtId="0" fontId="56" fillId="0" borderId="78" xfId="0" applyFont="1" applyFill="1" applyBorder="1" applyAlignment="1">
      <alignment horizontal="center" vertical="top" wrapText="1"/>
    </xf>
    <xf numFmtId="0" fontId="56" fillId="0" borderId="77" xfId="0" applyFont="1" applyFill="1" applyBorder="1" applyAlignment="1">
      <alignment horizontal="center" vertical="top" wrapText="1"/>
    </xf>
    <xf numFmtId="0" fontId="48" fillId="0" borderId="18" xfId="16" applyFont="1" applyFill="1" applyBorder="1" applyAlignment="1">
      <alignment horizontal="center" vertical="top"/>
    </xf>
    <xf numFmtId="0" fontId="48" fillId="0" borderId="65" xfId="16" applyFont="1" applyFill="1" applyBorder="1" applyAlignment="1">
      <alignment horizontal="center" vertical="top"/>
    </xf>
    <xf numFmtId="0" fontId="49" fillId="0" borderId="0" xfId="16" applyFont="1" applyFill="1" applyAlignment="1">
      <alignment horizontal="center" vertical="top" wrapText="1"/>
    </xf>
    <xf numFmtId="0" fontId="90" fillId="0" borderId="25" xfId="16" applyFont="1" applyFill="1" applyBorder="1" applyAlignment="1">
      <alignment horizontal="center" vertical="top" wrapText="1"/>
    </xf>
    <xf numFmtId="0" fontId="90" fillId="0" borderId="21" xfId="16" applyFont="1" applyFill="1" applyBorder="1" applyAlignment="1">
      <alignment horizontal="center" vertical="top" wrapText="1"/>
    </xf>
    <xf numFmtId="0" fontId="48" fillId="0" borderId="18" xfId="16" applyFont="1" applyFill="1" applyBorder="1" applyAlignment="1">
      <alignment horizontal="center" wrapText="1"/>
    </xf>
    <xf numFmtId="0" fontId="48" fillId="0" borderId="18" xfId="16" applyFont="1" applyFill="1" applyBorder="1" applyAlignment="1">
      <alignment horizontal="center"/>
    </xf>
    <xf numFmtId="0" fontId="48" fillId="0" borderId="65" xfId="16" applyFont="1" applyFill="1" applyBorder="1" applyAlignment="1">
      <alignment horizontal="center"/>
    </xf>
    <xf numFmtId="0" fontId="30" fillId="0" borderId="23" xfId="16" applyFont="1" applyFill="1" applyBorder="1" applyAlignment="1">
      <alignment horizontal="center" vertical="center" wrapText="1"/>
    </xf>
    <xf numFmtId="0" fontId="30" fillId="0" borderId="8" xfId="16" applyFont="1" applyFill="1" applyBorder="1" applyAlignment="1">
      <alignment horizontal="center" vertical="center" wrapText="1"/>
    </xf>
    <xf numFmtId="0" fontId="30" fillId="0" borderId="22" xfId="16" applyFont="1" applyFill="1" applyBorder="1" applyAlignment="1">
      <alignment horizontal="center" wrapText="1"/>
    </xf>
    <xf numFmtId="0" fontId="30" fillId="0" borderId="21" xfId="16" applyFont="1" applyFill="1" applyBorder="1" applyAlignment="1">
      <alignment horizontal="center" wrapText="1"/>
    </xf>
    <xf numFmtId="0" fontId="30" fillId="0" borderId="85" xfId="16" applyFont="1" applyFill="1" applyBorder="1" applyAlignment="1">
      <alignment horizontal="center" wrapText="1"/>
    </xf>
    <xf numFmtId="0" fontId="30" fillId="0" borderId="18" xfId="16" applyFont="1" applyFill="1" applyBorder="1" applyAlignment="1">
      <alignment horizontal="center" vertical="top" wrapText="1"/>
    </xf>
    <xf numFmtId="0" fontId="30" fillId="0" borderId="65" xfId="16" applyFont="1" applyFill="1" applyBorder="1" applyAlignment="1">
      <alignment horizontal="center" wrapText="1"/>
    </xf>
    <xf numFmtId="0" fontId="30" fillId="0" borderId="19" xfId="16" applyFont="1" applyFill="1" applyBorder="1" applyAlignment="1">
      <alignment horizontal="center" wrapText="1"/>
    </xf>
    <xf numFmtId="0" fontId="45" fillId="0" borderId="48" xfId="16" applyFont="1" applyFill="1" applyBorder="1" applyAlignment="1">
      <alignment horizontal="center" vertical="top"/>
    </xf>
    <xf numFmtId="0" fontId="45" fillId="0" borderId="49" xfId="16" applyFont="1" applyFill="1" applyBorder="1" applyAlignment="1">
      <alignment horizontal="center" vertical="top"/>
    </xf>
    <xf numFmtId="0" fontId="45" fillId="0" borderId="85" xfId="16" applyFont="1" applyFill="1" applyBorder="1" applyAlignment="1">
      <alignment horizontal="center" vertical="top"/>
    </xf>
    <xf numFmtId="0" fontId="45" fillId="0" borderId="50" xfId="16" applyFont="1" applyFill="1" applyBorder="1" applyAlignment="1">
      <alignment horizontal="center" vertical="top"/>
    </xf>
    <xf numFmtId="2" fontId="43" fillId="0" borderId="0" xfId="16" applyNumberFormat="1" applyFont="1" applyFill="1" applyAlignment="1">
      <alignment horizontal="center" vertical="top" wrapText="1"/>
    </xf>
    <xf numFmtId="0" fontId="45" fillId="0" borderId="13" xfId="16" applyFont="1" applyFill="1" applyBorder="1" applyAlignment="1">
      <alignment horizontal="center" vertical="top"/>
    </xf>
    <xf numFmtId="0" fontId="45" fillId="0" borderId="12" xfId="16" applyFont="1" applyFill="1" applyBorder="1" applyAlignment="1">
      <alignment horizontal="center" vertical="top"/>
    </xf>
    <xf numFmtId="0" fontId="45" fillId="0" borderId="13" xfId="16" applyFont="1" applyFill="1" applyBorder="1" applyAlignment="1">
      <alignment horizontal="center" vertical="top" wrapText="1"/>
    </xf>
    <xf numFmtId="0" fontId="45" fillId="0" borderId="12" xfId="16" applyFont="1" applyFill="1" applyBorder="1" applyAlignment="1">
      <alignment horizontal="center" vertical="top" wrapText="1"/>
    </xf>
    <xf numFmtId="0" fontId="45" fillId="0" borderId="19" xfId="2" applyFont="1" applyFill="1" applyBorder="1" applyAlignment="1">
      <alignment horizontal="center" vertical="top" wrapText="1"/>
    </xf>
    <xf numFmtId="0" fontId="45" fillId="0" borderId="69" xfId="0" applyFont="1" applyFill="1" applyBorder="1" applyAlignment="1">
      <alignment vertical="top" wrapText="1"/>
    </xf>
    <xf numFmtId="0" fontId="45" fillId="0" borderId="87" xfId="0" applyFont="1" applyFill="1" applyBorder="1" applyAlignment="1">
      <alignment vertical="top" wrapText="1"/>
    </xf>
    <xf numFmtId="0" fontId="45" fillId="0" borderId="70" xfId="0" applyFont="1" applyFill="1" applyBorder="1" applyAlignment="1">
      <alignment vertical="top" wrapText="1"/>
    </xf>
    <xf numFmtId="0" fontId="44" fillId="0" borderId="5" xfId="1" applyFont="1" applyFill="1" applyBorder="1" applyAlignment="1">
      <alignment horizontal="center" vertical="top" wrapText="1"/>
    </xf>
    <xf numFmtId="0" fontId="44" fillId="0" borderId="3" xfId="1" applyFont="1" applyFill="1" applyBorder="1" applyAlignment="1">
      <alignment vertical="top" wrapText="1"/>
    </xf>
    <xf numFmtId="0" fontId="44" fillId="0" borderId="87" xfId="1" applyFont="1" applyFill="1" applyBorder="1" applyAlignment="1">
      <alignment vertical="top" wrapText="1"/>
    </xf>
    <xf numFmtId="0" fontId="45" fillId="0" borderId="1" xfId="1" applyFont="1" applyFill="1" applyBorder="1" applyAlignment="1">
      <alignment horizontal="center" vertical="top" wrapText="1"/>
    </xf>
    <xf numFmtId="0" fontId="45" fillId="0" borderId="65" xfId="1" applyFont="1" applyFill="1" applyBorder="1" applyAlignment="1">
      <alignment horizontal="center" vertical="top" wrapText="1"/>
    </xf>
    <xf numFmtId="0" fontId="59" fillId="0" borderId="7" xfId="1" applyFont="1" applyFill="1" applyBorder="1" applyAlignment="1">
      <alignment horizontal="center" vertical="top" wrapText="1"/>
    </xf>
    <xf numFmtId="0" fontId="59" fillId="0" borderId="6" xfId="1" applyFont="1" applyFill="1" applyBorder="1" applyAlignment="1">
      <alignment horizontal="center" vertical="top" wrapText="1"/>
    </xf>
    <xf numFmtId="49" fontId="43" fillId="0" borderId="72" xfId="7" applyNumberFormat="1" applyFont="1" applyFill="1" applyBorder="1" applyAlignment="1">
      <alignment horizontal="center" vertical="top"/>
    </xf>
    <xf numFmtId="49" fontId="43" fillId="0" borderId="87" xfId="7" applyNumberFormat="1" applyFont="1" applyFill="1" applyBorder="1" applyAlignment="1">
      <alignment horizontal="center" vertical="top"/>
    </xf>
    <xf numFmtId="0" fontId="43" fillId="0" borderId="5" xfId="7" applyFont="1" applyFill="1" applyBorder="1" applyAlignment="1">
      <alignment horizontal="center" vertical="top" wrapText="1"/>
    </xf>
    <xf numFmtId="0" fontId="43" fillId="0" borderId="3" xfId="7" applyFont="1" applyFill="1" applyBorder="1" applyAlignment="1">
      <alignment horizontal="center" vertical="top" wrapText="1"/>
    </xf>
    <xf numFmtId="0" fontId="43" fillId="0" borderId="87" xfId="7" applyFont="1" applyFill="1" applyBorder="1" applyAlignment="1">
      <alignment horizontal="center" vertical="top" wrapText="1"/>
    </xf>
    <xf numFmtId="0" fontId="43" fillId="0" borderId="2" xfId="7" applyFont="1" applyFill="1" applyBorder="1" applyAlignment="1">
      <alignment horizontal="center" vertical="top" wrapText="1"/>
    </xf>
    <xf numFmtId="0" fontId="30" fillId="0" borderId="0" xfId="7" applyFont="1" applyFill="1" applyAlignment="1">
      <alignment horizontal="center" vertical="top" wrapText="1"/>
    </xf>
    <xf numFmtId="0" fontId="59" fillId="0" borderId="7" xfId="7" applyFont="1" applyFill="1" applyBorder="1" applyAlignment="1">
      <alignment horizontal="center" vertical="top" wrapText="1"/>
    </xf>
    <xf numFmtId="0" fontId="30" fillId="0" borderId="6" xfId="7" applyFont="1" applyFill="1" applyBorder="1" applyAlignment="1">
      <alignment horizontal="center" vertical="top" wrapText="1"/>
    </xf>
    <xf numFmtId="0" fontId="30" fillId="0" borderId="5" xfId="7" applyFont="1" applyFill="1" applyBorder="1" applyAlignment="1">
      <alignment horizontal="center" vertical="top" wrapText="1"/>
    </xf>
    <xf numFmtId="0" fontId="30" fillId="0" borderId="3" xfId="7" applyFont="1" applyFill="1" applyBorder="1" applyAlignment="1">
      <alignment horizontal="center" vertical="top" wrapText="1"/>
    </xf>
    <xf numFmtId="0" fontId="30" fillId="0" borderId="87" xfId="7" applyFont="1" applyFill="1" applyBorder="1" applyAlignment="1">
      <alignment horizontal="center" vertical="top" wrapText="1"/>
    </xf>
    <xf numFmtId="0" fontId="30" fillId="0" borderId="2" xfId="7" applyFont="1" applyFill="1" applyBorder="1" applyAlignment="1">
      <alignment horizontal="center" vertical="top" wrapText="1"/>
    </xf>
    <xf numFmtId="0" fontId="43" fillId="0" borderId="1" xfId="7" applyFont="1" applyFill="1" applyBorder="1" applyAlignment="1">
      <alignment horizontal="center" vertical="top" wrapText="1"/>
    </xf>
    <xf numFmtId="0" fontId="43" fillId="0" borderId="65" xfId="7" applyFont="1" applyFill="1" applyBorder="1" applyAlignment="1">
      <alignment horizontal="center" vertical="top" wrapText="1"/>
    </xf>
    <xf numFmtId="0" fontId="43" fillId="0" borderId="3" xfId="7" applyFont="1" applyFill="1" applyBorder="1" applyAlignment="1">
      <alignment horizontal="center" vertical="top"/>
    </xf>
    <xf numFmtId="0" fontId="43" fillId="0" borderId="87" xfId="7" applyFont="1" applyFill="1" applyBorder="1" applyAlignment="1">
      <alignment horizontal="center" vertical="top"/>
    </xf>
    <xf numFmtId="0" fontId="43" fillId="0" borderId="2" xfId="7" applyFont="1" applyFill="1" applyBorder="1" applyAlignment="1">
      <alignment horizontal="center" vertical="top"/>
    </xf>
    <xf numFmtId="0" fontId="30" fillId="0" borderId="19" xfId="1" applyFont="1" applyFill="1" applyBorder="1" applyAlignment="1" applyProtection="1">
      <alignment horizontal="center" vertical="top" wrapText="1"/>
    </xf>
    <xf numFmtId="0" fontId="0" fillId="0" borderId="72" xfId="0" applyBorder="1" applyAlignment="1">
      <alignment horizontal="center" vertical="top" wrapText="1"/>
    </xf>
    <xf numFmtId="0" fontId="0" fillId="0" borderId="87" xfId="0" applyBorder="1" applyAlignment="1">
      <alignment horizontal="center" vertical="top" wrapText="1"/>
    </xf>
    <xf numFmtId="0" fontId="0" fillId="0" borderId="73" xfId="0" applyBorder="1" applyAlignment="1">
      <alignment horizontal="center" vertical="top" wrapText="1"/>
    </xf>
    <xf numFmtId="0" fontId="43" fillId="0" borderId="1" xfId="1" applyFont="1" applyFill="1" applyBorder="1" applyAlignment="1">
      <alignment horizontal="center" vertical="top" wrapText="1"/>
    </xf>
    <xf numFmtId="0" fontId="43" fillId="0" borderId="1" xfId="1" applyFont="1" applyFill="1" applyBorder="1" applyAlignment="1">
      <alignment vertical="top" wrapText="1"/>
    </xf>
    <xf numFmtId="0" fontId="43" fillId="0" borderId="65" xfId="1" applyFont="1" applyFill="1" applyBorder="1" applyAlignment="1">
      <alignment vertical="top" wrapText="1"/>
    </xf>
    <xf numFmtId="0" fontId="30" fillId="0" borderId="1" xfId="1" applyFont="1" applyFill="1" applyBorder="1" applyAlignment="1">
      <alignment horizontal="center" vertical="top" wrapText="1"/>
    </xf>
    <xf numFmtId="0" fontId="30" fillId="0" borderId="65" xfId="1" applyFont="1" applyFill="1" applyBorder="1" applyAlignment="1">
      <alignment horizontal="center" vertical="top" wrapText="1"/>
    </xf>
    <xf numFmtId="0" fontId="59" fillId="0" borderId="0" xfId="1" applyFont="1" applyFill="1" applyBorder="1" applyAlignment="1">
      <alignment horizontal="center" vertical="top" wrapText="1"/>
    </xf>
    <xf numFmtId="0" fontId="30" fillId="0" borderId="2" xfId="1" applyFont="1" applyFill="1" applyBorder="1" applyAlignment="1">
      <alignment horizontal="center" vertical="top" wrapText="1"/>
    </xf>
    <xf numFmtId="0" fontId="16" fillId="0" borderId="0" xfId="1" applyFont="1" applyFill="1" applyAlignment="1">
      <alignment horizontal="center" vertical="top" wrapText="1"/>
    </xf>
    <xf numFmtId="0" fontId="17" fillId="0" borderId="7" xfId="1" applyFont="1" applyFill="1" applyBorder="1" applyAlignment="1">
      <alignment horizontal="center" vertical="top" wrapText="1"/>
    </xf>
    <xf numFmtId="0" fontId="17" fillId="0" borderId="6" xfId="1" applyFont="1" applyFill="1" applyBorder="1" applyAlignment="1">
      <alignment horizontal="center" vertical="top" wrapText="1"/>
    </xf>
    <xf numFmtId="0" fontId="10" fillId="0" borderId="2" xfId="1" applyFont="1" applyFill="1" applyBorder="1" applyAlignment="1">
      <alignment horizontal="center" vertical="top" wrapText="1"/>
    </xf>
    <xf numFmtId="0" fontId="10" fillId="0" borderId="1" xfId="1" applyFont="1" applyFill="1" applyBorder="1" applyAlignment="1">
      <alignment horizontal="center" vertical="top" wrapText="1"/>
    </xf>
    <xf numFmtId="0" fontId="10" fillId="0" borderId="65" xfId="1" applyFont="1" applyFill="1" applyBorder="1" applyAlignment="1">
      <alignment horizontal="center" vertical="top" wrapText="1"/>
    </xf>
    <xf numFmtId="0" fontId="30" fillId="0" borderId="19" xfId="0" applyFont="1" applyFill="1" applyBorder="1" applyAlignment="1">
      <alignment horizontal="center" vertical="top" wrapText="1"/>
    </xf>
    <xf numFmtId="0" fontId="30" fillId="0" borderId="72" xfId="0" applyFont="1" applyFill="1" applyBorder="1" applyAlignment="1">
      <alignment horizontal="center" vertical="top" wrapText="1"/>
    </xf>
    <xf numFmtId="0" fontId="30" fillId="0" borderId="87" xfId="0" applyFont="1" applyFill="1" applyBorder="1" applyAlignment="1">
      <alignment horizontal="center" vertical="top" wrapText="1"/>
    </xf>
    <xf numFmtId="0" fontId="30" fillId="0" borderId="73" xfId="0" applyFont="1" applyFill="1" applyBorder="1" applyAlignment="1">
      <alignment horizontal="center" vertical="top" wrapText="1"/>
    </xf>
    <xf numFmtId="0" fontId="43" fillId="0" borderId="0" xfId="0" applyFont="1" applyFill="1" applyAlignment="1">
      <alignment horizontal="center" vertical="top" wrapText="1"/>
    </xf>
    <xf numFmtId="0" fontId="59" fillId="0" borderId="25" xfId="0" applyFont="1" applyFill="1" applyBorder="1" applyAlignment="1">
      <alignment horizontal="center" vertical="top" wrapText="1"/>
    </xf>
    <xf numFmtId="0" fontId="59" fillId="0" borderId="21" xfId="0" applyFont="1" applyFill="1" applyBorder="1" applyAlignment="1">
      <alignment horizontal="center" vertical="top" wrapText="1"/>
    </xf>
    <xf numFmtId="0" fontId="30" fillId="0" borderId="18" xfId="0" applyFont="1" applyFill="1" applyBorder="1" applyAlignment="1">
      <alignment horizontal="center" vertical="top" wrapText="1"/>
    </xf>
    <xf numFmtId="0" fontId="30" fillId="0" borderId="65" xfId="0" applyFont="1" applyFill="1" applyBorder="1" applyAlignment="1">
      <alignment horizontal="center" vertical="top" wrapText="1"/>
    </xf>
    <xf numFmtId="0" fontId="30" fillId="0" borderId="1" xfId="0" applyFont="1" applyFill="1" applyBorder="1" applyAlignment="1">
      <alignment horizontal="center" vertical="top" wrapText="1"/>
    </xf>
    <xf numFmtId="0" fontId="59" fillId="0" borderId="7" xfId="0" applyFont="1" applyFill="1" applyBorder="1" applyAlignment="1">
      <alignment horizontal="center" vertical="top" wrapText="1"/>
    </xf>
    <xf numFmtId="0" fontId="59" fillId="0" borderId="6" xfId="0" applyFont="1" applyFill="1" applyBorder="1" applyAlignment="1">
      <alignment horizontal="center" vertical="top" wrapText="1"/>
    </xf>
    <xf numFmtId="0" fontId="30" fillId="0" borderId="19" xfId="1" applyFont="1" applyFill="1" applyBorder="1" applyAlignment="1">
      <alignment horizontal="center" vertical="top" wrapText="1"/>
    </xf>
    <xf numFmtId="0" fontId="30" fillId="0" borderId="46" xfId="1" applyFont="1" applyFill="1" applyBorder="1" applyAlignment="1">
      <alignment horizontal="center" vertical="top" wrapText="1"/>
    </xf>
    <xf numFmtId="0" fontId="30" fillId="0" borderId="87" xfId="1" applyFont="1" applyFill="1" applyBorder="1" applyAlignment="1">
      <alignment horizontal="center" vertical="top" wrapText="1"/>
    </xf>
    <xf numFmtId="0" fontId="30" fillId="0" borderId="47" xfId="1" applyFont="1" applyFill="1" applyBorder="1" applyAlignment="1">
      <alignment horizontal="center" vertical="top" wrapText="1"/>
    </xf>
    <xf numFmtId="0" fontId="43" fillId="0" borderId="0" xfId="1" applyFont="1" applyFill="1" applyAlignment="1">
      <alignment horizontal="center" vertical="top" wrapText="1"/>
    </xf>
    <xf numFmtId="0" fontId="30" fillId="0" borderId="72" xfId="16" applyFont="1" applyFill="1" applyBorder="1" applyAlignment="1">
      <alignment horizontal="center" vertical="top" wrapText="1"/>
    </xf>
    <xf numFmtId="0" fontId="30" fillId="0" borderId="87" xfId="16" applyFont="1" applyFill="1" applyBorder="1" applyAlignment="1">
      <alignment horizontal="center" vertical="top" wrapText="1"/>
    </xf>
    <xf numFmtId="0" fontId="30" fillId="0" borderId="73" xfId="16" applyFont="1" applyFill="1" applyBorder="1" applyAlignment="1">
      <alignment horizontal="center" vertical="top" wrapText="1"/>
    </xf>
    <xf numFmtId="0" fontId="30" fillId="8" borderId="76" xfId="16" applyFont="1" applyFill="1" applyBorder="1" applyAlignment="1">
      <alignment horizontal="center" vertical="top" wrapText="1"/>
    </xf>
    <xf numFmtId="0" fontId="45" fillId="0" borderId="0" xfId="0" applyFont="1" applyAlignment="1">
      <alignment horizontal="center" vertical="top" wrapText="1"/>
    </xf>
    <xf numFmtId="49" fontId="30" fillId="0" borderId="0" xfId="16" applyNumberFormat="1" applyFont="1" applyFill="1" applyAlignment="1">
      <alignment horizontal="center" vertical="top" wrapText="1"/>
    </xf>
    <xf numFmtId="0" fontId="43" fillId="0" borderId="19" xfId="16" applyFont="1" applyFill="1" applyBorder="1" applyAlignment="1">
      <alignment horizontal="center" vertical="top" wrapText="1"/>
    </xf>
    <xf numFmtId="0" fontId="43" fillId="0" borderId="26" xfId="16" applyFont="1" applyFill="1" applyBorder="1" applyAlignment="1">
      <alignment horizontal="center" vertical="top" wrapText="1"/>
    </xf>
    <xf numFmtId="0" fontId="43" fillId="0" borderId="87" xfId="16" applyFont="1" applyFill="1" applyBorder="1" applyAlignment="1">
      <alignment horizontal="center" vertical="top" wrapText="1"/>
    </xf>
    <xf numFmtId="0" fontId="30" fillId="0" borderId="24" xfId="16" applyFont="1" applyFill="1" applyBorder="1" applyAlignment="1">
      <alignment horizontal="center" vertical="top" wrapText="1"/>
    </xf>
    <xf numFmtId="0" fontId="30" fillId="0" borderId="65" xfId="16" applyFont="1" applyFill="1" applyBorder="1" applyAlignment="1">
      <alignment horizontal="center" vertical="top" wrapText="1"/>
    </xf>
    <xf numFmtId="0" fontId="30" fillId="3" borderId="61" xfId="17" applyFont="1" applyFill="1" applyBorder="1" applyAlignment="1">
      <alignment horizontal="center" vertical="top" wrapText="1"/>
    </xf>
    <xf numFmtId="0" fontId="30" fillId="3" borderId="59" xfId="17" applyFont="1" applyFill="1" applyBorder="1" applyAlignment="1">
      <alignment horizontal="center" vertical="top" wrapText="1"/>
    </xf>
    <xf numFmtId="0" fontId="44" fillId="0" borderId="13" xfId="16" applyFont="1" applyFill="1" applyBorder="1" applyAlignment="1">
      <alignment horizontal="center" vertical="top"/>
    </xf>
    <xf numFmtId="0" fontId="44" fillId="0" borderId="12" xfId="16" applyFont="1" applyFill="1" applyBorder="1" applyAlignment="1">
      <alignment horizontal="center" vertical="top"/>
    </xf>
    <xf numFmtId="0" fontId="44" fillId="0" borderId="65" xfId="16" applyFont="1" applyFill="1" applyBorder="1" applyAlignment="1">
      <alignment horizontal="center" vertical="top"/>
    </xf>
  </cellXfs>
  <cellStyles count="33947">
    <cellStyle name="Excel Built-in Comma" xfId="35"/>
    <cellStyle name="Excel Built-in Hyperlink" xfId="27"/>
    <cellStyle name="Excel Built-in Hyperlink 1" xfId="33"/>
    <cellStyle name="Excel Built-in Hyperlink 1 2" xfId="37"/>
    <cellStyle name="Excel Built-in Hyperlink 2" xfId="36"/>
    <cellStyle name="Excel Built-in Normal" xfId="8"/>
    <cellStyle name="Excel Built-in Normal 1" xfId="12"/>
    <cellStyle name="Excel Built-in Normal 1 2" xfId="40"/>
    <cellStyle name="Excel Built-in Normal 1 2 2" xfId="17"/>
    <cellStyle name="Excel Built-in Normal 1 2 3" xfId="41"/>
    <cellStyle name="Excel Built-in Normal 2" xfId="34"/>
    <cellStyle name="Excel Built-in Normal 2 2" xfId="18"/>
    <cellStyle name="Excel Built-in Normal 2 3" xfId="42"/>
    <cellStyle name="Heading" xfId="28"/>
    <cellStyle name="Heading1" xfId="29"/>
    <cellStyle name="Result" xfId="30"/>
    <cellStyle name="Result2" xfId="31"/>
    <cellStyle name="Вывод" xfId="33946" builtinId="21"/>
    <cellStyle name="Гиперссылка" xfId="3" builtinId="8"/>
    <cellStyle name="Гиперссылка 2" xfId="10"/>
    <cellStyle name="Гиперссылка 2 2" xfId="4"/>
    <cellStyle name="Гиперссылка 2 2 2" xfId="43"/>
    <cellStyle name="Гиперссылка 2 3" xfId="22"/>
    <cellStyle name="Гиперссылка 2 3 2" xfId="44"/>
    <cellStyle name="Гиперссылка 3" xfId="11"/>
    <cellStyle name="Гиперссылка 3 2" xfId="9"/>
    <cellStyle name="Гиперссылка 3 3" xfId="19"/>
    <cellStyle name="Гиперссылка 4" xfId="6"/>
    <cellStyle name="Гиперссылка 4 2" xfId="45"/>
    <cellStyle name="Гиперссылка 5" xfId="20"/>
    <cellStyle name="Гиперссылка 5 2" xfId="46"/>
    <cellStyle name="Гиперссылка 6" xfId="15"/>
    <cellStyle name="Обычный" xfId="0" builtinId="0"/>
    <cellStyle name="Обычный 10" xfId="21"/>
    <cellStyle name="Обычный 11" xfId="13"/>
    <cellStyle name="Обычный 12" xfId="26"/>
    <cellStyle name="Обычный 2" xfId="1"/>
    <cellStyle name="Обычный 2 10" xfId="47"/>
    <cellStyle name="Обычный 2 10 2" xfId="48"/>
    <cellStyle name="Обычный 2 10 2 2" xfId="49"/>
    <cellStyle name="Обычный 2 10 2 3" xfId="50"/>
    <cellStyle name="Обычный 2 10 3" xfId="51"/>
    <cellStyle name="Обычный 2 10 4" xfId="52"/>
    <cellStyle name="Обычный 2 10 5" xfId="53"/>
    <cellStyle name="Обычный 2 11" xfId="54"/>
    <cellStyle name="Обычный 2 11 2" xfId="55"/>
    <cellStyle name="Обычный 2 11 2 2" xfId="56"/>
    <cellStyle name="Обычный 2 11 2 3" xfId="57"/>
    <cellStyle name="Обычный 2 11 3" xfId="58"/>
    <cellStyle name="Обычный 2 11 4" xfId="59"/>
    <cellStyle name="Обычный 2 11 5" xfId="60"/>
    <cellStyle name="Обычный 2 12" xfId="61"/>
    <cellStyle name="Обычный 2 12 2" xfId="62"/>
    <cellStyle name="Обычный 2 12 3" xfId="63"/>
    <cellStyle name="Обычный 2 13" xfId="64"/>
    <cellStyle name="Обычный 2 14" xfId="65"/>
    <cellStyle name="Обычный 2 15" xfId="2"/>
    <cellStyle name="Обычный 2 2" xfId="24"/>
    <cellStyle name="Обычный 2 2 10" xfId="66"/>
    <cellStyle name="Обычный 2 2 10 2" xfId="67"/>
    <cellStyle name="Обычный 2 2 10 3" xfId="68"/>
    <cellStyle name="Обычный 2 2 11" xfId="69"/>
    <cellStyle name="Обычный 2 2 11 10" xfId="70"/>
    <cellStyle name="Обычный 2 2 11 10 2" xfId="71"/>
    <cellStyle name="Обычный 2 2 11 11" xfId="72"/>
    <cellStyle name="Обычный 2 2 11 12" xfId="73"/>
    <cellStyle name="Обычный 2 2 11 2" xfId="74"/>
    <cellStyle name="Обычный 2 2 11 2 10" xfId="75"/>
    <cellStyle name="Обычный 2 2 11 2 11" xfId="76"/>
    <cellStyle name="Обычный 2 2 11 2 2" xfId="77"/>
    <cellStyle name="Обычный 2 2 11 2 2 2" xfId="78"/>
    <cellStyle name="Обычный 2 2 11 2 2 2 2" xfId="79"/>
    <cellStyle name="Обычный 2 2 11 2 2 2 2 2" xfId="80"/>
    <cellStyle name="Обычный 2 2 11 2 2 2 2 3" xfId="81"/>
    <cellStyle name="Обычный 2 2 11 2 2 2 3" xfId="82"/>
    <cellStyle name="Обычный 2 2 11 2 2 2 4" xfId="83"/>
    <cellStyle name="Обычный 2 2 11 2 2 2 5" xfId="84"/>
    <cellStyle name="Обычный 2 2 11 2 2 3" xfId="85"/>
    <cellStyle name="Обычный 2 2 11 2 2 3 2" xfId="86"/>
    <cellStyle name="Обычный 2 2 11 2 2 3 2 2" xfId="87"/>
    <cellStyle name="Обычный 2 2 11 2 2 3 2 3" xfId="88"/>
    <cellStyle name="Обычный 2 2 11 2 2 3 3" xfId="89"/>
    <cellStyle name="Обычный 2 2 11 2 2 3 4" xfId="90"/>
    <cellStyle name="Обычный 2 2 11 2 2 3 5" xfId="91"/>
    <cellStyle name="Обычный 2 2 11 2 2 4" xfId="92"/>
    <cellStyle name="Обычный 2 2 11 2 2 4 2" xfId="93"/>
    <cellStyle name="Обычный 2 2 11 2 2 4 2 2" xfId="94"/>
    <cellStyle name="Обычный 2 2 11 2 2 4 2 3" xfId="95"/>
    <cellStyle name="Обычный 2 2 11 2 2 4 3" xfId="96"/>
    <cellStyle name="Обычный 2 2 11 2 2 4 4" xfId="97"/>
    <cellStyle name="Обычный 2 2 11 2 2 4 5" xfId="98"/>
    <cellStyle name="Обычный 2 2 11 2 2 5" xfId="99"/>
    <cellStyle name="Обычный 2 2 11 2 2 5 2" xfId="100"/>
    <cellStyle name="Обычный 2 2 11 2 2 5 2 2" xfId="101"/>
    <cellStyle name="Обычный 2 2 11 2 2 5 2 3" xfId="102"/>
    <cellStyle name="Обычный 2 2 11 2 2 5 3" xfId="103"/>
    <cellStyle name="Обычный 2 2 11 2 2 5 4" xfId="104"/>
    <cellStyle name="Обычный 2 2 11 2 2 5 5" xfId="105"/>
    <cellStyle name="Обычный 2 2 11 2 2 6" xfId="106"/>
    <cellStyle name="Обычный 2 2 11 2 2 6 2" xfId="107"/>
    <cellStyle name="Обычный 2 2 11 2 2 6 3" xfId="108"/>
    <cellStyle name="Обычный 2 2 11 2 2 7" xfId="109"/>
    <cellStyle name="Обычный 2 2 11 2 2 8" xfId="110"/>
    <cellStyle name="Обычный 2 2 11 2 2 9" xfId="111"/>
    <cellStyle name="Обычный 2 2 11 2 3" xfId="112"/>
    <cellStyle name="Обычный 2 2 11 2 3 2" xfId="113"/>
    <cellStyle name="Обычный 2 2 11 2 3 2 2" xfId="114"/>
    <cellStyle name="Обычный 2 2 11 2 3 2 2 2" xfId="115"/>
    <cellStyle name="Обычный 2 2 11 2 3 2 2 3" xfId="116"/>
    <cellStyle name="Обычный 2 2 11 2 3 2 3" xfId="117"/>
    <cellStyle name="Обычный 2 2 11 2 3 2 4" xfId="118"/>
    <cellStyle name="Обычный 2 2 11 2 3 2 5" xfId="119"/>
    <cellStyle name="Обычный 2 2 11 2 3 3" xfId="120"/>
    <cellStyle name="Обычный 2 2 11 2 3 3 2" xfId="121"/>
    <cellStyle name="Обычный 2 2 11 2 3 3 2 2" xfId="122"/>
    <cellStyle name="Обычный 2 2 11 2 3 3 2 3" xfId="123"/>
    <cellStyle name="Обычный 2 2 11 2 3 3 3" xfId="124"/>
    <cellStyle name="Обычный 2 2 11 2 3 3 4" xfId="125"/>
    <cellStyle name="Обычный 2 2 11 2 3 3 5" xfId="126"/>
    <cellStyle name="Обычный 2 2 11 2 3 4" xfId="127"/>
    <cellStyle name="Обычный 2 2 11 2 3 4 2" xfId="128"/>
    <cellStyle name="Обычный 2 2 11 2 3 4 2 2" xfId="129"/>
    <cellStyle name="Обычный 2 2 11 2 3 4 2 3" xfId="130"/>
    <cellStyle name="Обычный 2 2 11 2 3 4 3" xfId="131"/>
    <cellStyle name="Обычный 2 2 11 2 3 4 4" xfId="132"/>
    <cellStyle name="Обычный 2 2 11 2 3 4 5" xfId="133"/>
    <cellStyle name="Обычный 2 2 11 2 3 5" xfId="134"/>
    <cellStyle name="Обычный 2 2 11 2 3 5 2" xfId="135"/>
    <cellStyle name="Обычный 2 2 11 2 3 5 3" xfId="136"/>
    <cellStyle name="Обычный 2 2 11 2 3 6" xfId="137"/>
    <cellStyle name="Обычный 2 2 11 2 3 7" xfId="138"/>
    <cellStyle name="Обычный 2 2 11 2 3 8" xfId="139"/>
    <cellStyle name="Обычный 2 2 11 2 4" xfId="140"/>
    <cellStyle name="Обычный 2 2 11 2 4 2" xfId="141"/>
    <cellStyle name="Обычный 2 2 11 2 4 2 2" xfId="142"/>
    <cellStyle name="Обычный 2 2 11 2 4 2 3" xfId="143"/>
    <cellStyle name="Обычный 2 2 11 2 4 3" xfId="144"/>
    <cellStyle name="Обычный 2 2 11 2 4 4" xfId="145"/>
    <cellStyle name="Обычный 2 2 11 2 4 5" xfId="146"/>
    <cellStyle name="Обычный 2 2 11 2 5" xfId="147"/>
    <cellStyle name="Обычный 2 2 11 2 5 2" xfId="148"/>
    <cellStyle name="Обычный 2 2 11 2 5 2 2" xfId="149"/>
    <cellStyle name="Обычный 2 2 11 2 5 2 3" xfId="150"/>
    <cellStyle name="Обычный 2 2 11 2 5 3" xfId="151"/>
    <cellStyle name="Обычный 2 2 11 2 5 4" xfId="152"/>
    <cellStyle name="Обычный 2 2 11 2 5 5" xfId="153"/>
    <cellStyle name="Обычный 2 2 11 2 6" xfId="154"/>
    <cellStyle name="Обычный 2 2 11 2 6 2" xfId="155"/>
    <cellStyle name="Обычный 2 2 11 2 6 2 2" xfId="156"/>
    <cellStyle name="Обычный 2 2 11 2 6 2 3" xfId="157"/>
    <cellStyle name="Обычный 2 2 11 2 6 3" xfId="158"/>
    <cellStyle name="Обычный 2 2 11 2 6 4" xfId="159"/>
    <cellStyle name="Обычный 2 2 11 2 6 5" xfId="160"/>
    <cellStyle name="Обычный 2 2 11 2 7" xfId="161"/>
    <cellStyle name="Обычный 2 2 11 2 7 2" xfId="162"/>
    <cellStyle name="Обычный 2 2 11 2 7 2 2" xfId="163"/>
    <cellStyle name="Обычный 2 2 11 2 7 2 3" xfId="164"/>
    <cellStyle name="Обычный 2 2 11 2 7 3" xfId="165"/>
    <cellStyle name="Обычный 2 2 11 2 7 4" xfId="166"/>
    <cellStyle name="Обычный 2 2 11 2 7 5" xfId="167"/>
    <cellStyle name="Обычный 2 2 11 2 8" xfId="168"/>
    <cellStyle name="Обычный 2 2 11 2 8 2" xfId="169"/>
    <cellStyle name="Обычный 2 2 11 2 8 3" xfId="170"/>
    <cellStyle name="Обычный 2 2 11 2 9" xfId="171"/>
    <cellStyle name="Обычный 2 2 11 2 9 2" xfId="172"/>
    <cellStyle name="Обычный 2 2 11 3" xfId="173"/>
    <cellStyle name="Обычный 2 2 11 3 2" xfId="174"/>
    <cellStyle name="Обычный 2 2 11 3 2 2" xfId="175"/>
    <cellStyle name="Обычный 2 2 11 3 2 2 2" xfId="176"/>
    <cellStyle name="Обычный 2 2 11 3 2 2 3" xfId="177"/>
    <cellStyle name="Обычный 2 2 11 3 2 3" xfId="178"/>
    <cellStyle name="Обычный 2 2 11 3 2 4" xfId="179"/>
    <cellStyle name="Обычный 2 2 11 3 2 5" xfId="180"/>
    <cellStyle name="Обычный 2 2 11 3 3" xfId="181"/>
    <cellStyle name="Обычный 2 2 11 3 3 2" xfId="182"/>
    <cellStyle name="Обычный 2 2 11 3 3 2 2" xfId="183"/>
    <cellStyle name="Обычный 2 2 11 3 3 2 3" xfId="184"/>
    <cellStyle name="Обычный 2 2 11 3 3 3" xfId="185"/>
    <cellStyle name="Обычный 2 2 11 3 3 4" xfId="186"/>
    <cellStyle name="Обычный 2 2 11 3 3 5" xfId="187"/>
    <cellStyle name="Обычный 2 2 11 3 4" xfId="188"/>
    <cellStyle name="Обычный 2 2 11 3 4 2" xfId="189"/>
    <cellStyle name="Обычный 2 2 11 3 4 2 2" xfId="190"/>
    <cellStyle name="Обычный 2 2 11 3 4 2 3" xfId="191"/>
    <cellStyle name="Обычный 2 2 11 3 4 3" xfId="192"/>
    <cellStyle name="Обычный 2 2 11 3 4 4" xfId="193"/>
    <cellStyle name="Обычный 2 2 11 3 4 5" xfId="194"/>
    <cellStyle name="Обычный 2 2 11 3 5" xfId="195"/>
    <cellStyle name="Обычный 2 2 11 3 5 2" xfId="196"/>
    <cellStyle name="Обычный 2 2 11 3 5 2 2" xfId="197"/>
    <cellStyle name="Обычный 2 2 11 3 5 2 3" xfId="198"/>
    <cellStyle name="Обычный 2 2 11 3 5 3" xfId="199"/>
    <cellStyle name="Обычный 2 2 11 3 5 4" xfId="200"/>
    <cellStyle name="Обычный 2 2 11 3 5 5" xfId="201"/>
    <cellStyle name="Обычный 2 2 11 3 6" xfId="202"/>
    <cellStyle name="Обычный 2 2 11 3 6 2" xfId="203"/>
    <cellStyle name="Обычный 2 2 11 3 6 3" xfId="204"/>
    <cellStyle name="Обычный 2 2 11 3 7" xfId="205"/>
    <cellStyle name="Обычный 2 2 11 3 8" xfId="206"/>
    <cellStyle name="Обычный 2 2 11 3 9" xfId="207"/>
    <cellStyle name="Обычный 2 2 11 4" xfId="208"/>
    <cellStyle name="Обычный 2 2 11 4 2" xfId="209"/>
    <cellStyle name="Обычный 2 2 11 4 2 2" xfId="210"/>
    <cellStyle name="Обычный 2 2 11 4 2 2 2" xfId="211"/>
    <cellStyle name="Обычный 2 2 11 4 2 2 3" xfId="212"/>
    <cellStyle name="Обычный 2 2 11 4 2 3" xfId="213"/>
    <cellStyle name="Обычный 2 2 11 4 2 4" xfId="214"/>
    <cellStyle name="Обычный 2 2 11 4 2 5" xfId="215"/>
    <cellStyle name="Обычный 2 2 11 4 3" xfId="216"/>
    <cellStyle name="Обычный 2 2 11 4 3 2" xfId="217"/>
    <cellStyle name="Обычный 2 2 11 4 3 2 2" xfId="218"/>
    <cellStyle name="Обычный 2 2 11 4 3 2 3" xfId="219"/>
    <cellStyle name="Обычный 2 2 11 4 3 3" xfId="220"/>
    <cellStyle name="Обычный 2 2 11 4 3 4" xfId="221"/>
    <cellStyle name="Обычный 2 2 11 4 3 5" xfId="222"/>
    <cellStyle name="Обычный 2 2 11 4 4" xfId="223"/>
    <cellStyle name="Обычный 2 2 11 4 4 2" xfId="224"/>
    <cellStyle name="Обычный 2 2 11 4 4 2 2" xfId="225"/>
    <cellStyle name="Обычный 2 2 11 4 4 2 3" xfId="226"/>
    <cellStyle name="Обычный 2 2 11 4 4 3" xfId="227"/>
    <cellStyle name="Обычный 2 2 11 4 4 4" xfId="228"/>
    <cellStyle name="Обычный 2 2 11 4 4 5" xfId="229"/>
    <cellStyle name="Обычный 2 2 11 4 5" xfId="230"/>
    <cellStyle name="Обычный 2 2 11 4 5 2" xfId="231"/>
    <cellStyle name="Обычный 2 2 11 4 5 3" xfId="232"/>
    <cellStyle name="Обычный 2 2 11 4 6" xfId="233"/>
    <cellStyle name="Обычный 2 2 11 4 7" xfId="234"/>
    <cellStyle name="Обычный 2 2 11 4 8" xfId="235"/>
    <cellStyle name="Обычный 2 2 11 5" xfId="236"/>
    <cellStyle name="Обычный 2 2 11 5 2" xfId="237"/>
    <cellStyle name="Обычный 2 2 11 5 2 2" xfId="238"/>
    <cellStyle name="Обычный 2 2 11 5 2 3" xfId="239"/>
    <cellStyle name="Обычный 2 2 11 5 3" xfId="240"/>
    <cellStyle name="Обычный 2 2 11 5 4" xfId="241"/>
    <cellStyle name="Обычный 2 2 11 5 5" xfId="242"/>
    <cellStyle name="Обычный 2 2 11 6" xfId="243"/>
    <cellStyle name="Обычный 2 2 11 6 2" xfId="244"/>
    <cellStyle name="Обычный 2 2 11 6 2 2" xfId="245"/>
    <cellStyle name="Обычный 2 2 11 6 2 3" xfId="246"/>
    <cellStyle name="Обычный 2 2 11 6 3" xfId="247"/>
    <cellStyle name="Обычный 2 2 11 6 4" xfId="248"/>
    <cellStyle name="Обычный 2 2 11 6 5" xfId="249"/>
    <cellStyle name="Обычный 2 2 11 7" xfId="250"/>
    <cellStyle name="Обычный 2 2 11 7 2" xfId="251"/>
    <cellStyle name="Обычный 2 2 11 7 2 2" xfId="252"/>
    <cellStyle name="Обычный 2 2 11 7 2 3" xfId="253"/>
    <cellStyle name="Обычный 2 2 11 7 3" xfId="254"/>
    <cellStyle name="Обычный 2 2 11 7 4" xfId="255"/>
    <cellStyle name="Обычный 2 2 11 7 5" xfId="256"/>
    <cellStyle name="Обычный 2 2 11 8" xfId="257"/>
    <cellStyle name="Обычный 2 2 11 8 2" xfId="258"/>
    <cellStyle name="Обычный 2 2 11 8 2 2" xfId="259"/>
    <cellStyle name="Обычный 2 2 11 8 2 3" xfId="260"/>
    <cellStyle name="Обычный 2 2 11 8 3" xfId="261"/>
    <cellStyle name="Обычный 2 2 11 8 4" xfId="262"/>
    <cellStyle name="Обычный 2 2 11 8 5" xfId="263"/>
    <cellStyle name="Обычный 2 2 11 9" xfId="264"/>
    <cellStyle name="Обычный 2 2 11 9 2" xfId="265"/>
    <cellStyle name="Обычный 2 2 11 9 3" xfId="266"/>
    <cellStyle name="Обычный 2 2 12" xfId="267"/>
    <cellStyle name="Обычный 2 2 12 10" xfId="268"/>
    <cellStyle name="Обычный 2 2 12 10 2" xfId="269"/>
    <cellStyle name="Обычный 2 2 12 11" xfId="270"/>
    <cellStyle name="Обычный 2 2 12 12" xfId="271"/>
    <cellStyle name="Обычный 2 2 12 2" xfId="272"/>
    <cellStyle name="Обычный 2 2 12 2 10" xfId="273"/>
    <cellStyle name="Обычный 2 2 12 2 11" xfId="274"/>
    <cellStyle name="Обычный 2 2 12 2 2" xfId="275"/>
    <cellStyle name="Обычный 2 2 12 2 2 2" xfId="276"/>
    <cellStyle name="Обычный 2 2 12 2 2 2 2" xfId="277"/>
    <cellStyle name="Обычный 2 2 12 2 2 2 2 2" xfId="278"/>
    <cellStyle name="Обычный 2 2 12 2 2 2 2 3" xfId="279"/>
    <cellStyle name="Обычный 2 2 12 2 2 2 3" xfId="280"/>
    <cellStyle name="Обычный 2 2 12 2 2 2 4" xfId="281"/>
    <cellStyle name="Обычный 2 2 12 2 2 2 5" xfId="282"/>
    <cellStyle name="Обычный 2 2 12 2 2 3" xfId="283"/>
    <cellStyle name="Обычный 2 2 12 2 2 3 2" xfId="284"/>
    <cellStyle name="Обычный 2 2 12 2 2 3 2 2" xfId="285"/>
    <cellStyle name="Обычный 2 2 12 2 2 3 2 3" xfId="286"/>
    <cellStyle name="Обычный 2 2 12 2 2 3 3" xfId="287"/>
    <cellStyle name="Обычный 2 2 12 2 2 3 4" xfId="288"/>
    <cellStyle name="Обычный 2 2 12 2 2 3 5" xfId="289"/>
    <cellStyle name="Обычный 2 2 12 2 2 4" xfId="290"/>
    <cellStyle name="Обычный 2 2 12 2 2 4 2" xfId="291"/>
    <cellStyle name="Обычный 2 2 12 2 2 4 2 2" xfId="292"/>
    <cellStyle name="Обычный 2 2 12 2 2 4 2 3" xfId="293"/>
    <cellStyle name="Обычный 2 2 12 2 2 4 3" xfId="294"/>
    <cellStyle name="Обычный 2 2 12 2 2 4 4" xfId="295"/>
    <cellStyle name="Обычный 2 2 12 2 2 4 5" xfId="296"/>
    <cellStyle name="Обычный 2 2 12 2 2 5" xfId="297"/>
    <cellStyle name="Обычный 2 2 12 2 2 5 2" xfId="298"/>
    <cellStyle name="Обычный 2 2 12 2 2 5 2 2" xfId="299"/>
    <cellStyle name="Обычный 2 2 12 2 2 5 2 3" xfId="300"/>
    <cellStyle name="Обычный 2 2 12 2 2 5 3" xfId="301"/>
    <cellStyle name="Обычный 2 2 12 2 2 5 4" xfId="302"/>
    <cellStyle name="Обычный 2 2 12 2 2 5 5" xfId="303"/>
    <cellStyle name="Обычный 2 2 12 2 2 6" xfId="304"/>
    <cellStyle name="Обычный 2 2 12 2 2 6 2" xfId="305"/>
    <cellStyle name="Обычный 2 2 12 2 2 6 3" xfId="306"/>
    <cellStyle name="Обычный 2 2 12 2 2 7" xfId="307"/>
    <cellStyle name="Обычный 2 2 12 2 2 8" xfId="308"/>
    <cellStyle name="Обычный 2 2 12 2 2 9" xfId="309"/>
    <cellStyle name="Обычный 2 2 12 2 3" xfId="310"/>
    <cellStyle name="Обычный 2 2 12 2 3 2" xfId="311"/>
    <cellStyle name="Обычный 2 2 12 2 3 2 2" xfId="312"/>
    <cellStyle name="Обычный 2 2 12 2 3 2 2 2" xfId="313"/>
    <cellStyle name="Обычный 2 2 12 2 3 2 2 3" xfId="314"/>
    <cellStyle name="Обычный 2 2 12 2 3 2 3" xfId="315"/>
    <cellStyle name="Обычный 2 2 12 2 3 2 4" xfId="316"/>
    <cellStyle name="Обычный 2 2 12 2 3 2 5" xfId="317"/>
    <cellStyle name="Обычный 2 2 12 2 3 3" xfId="318"/>
    <cellStyle name="Обычный 2 2 12 2 3 3 2" xfId="319"/>
    <cellStyle name="Обычный 2 2 12 2 3 3 2 2" xfId="320"/>
    <cellStyle name="Обычный 2 2 12 2 3 3 2 3" xfId="321"/>
    <cellStyle name="Обычный 2 2 12 2 3 3 3" xfId="322"/>
    <cellStyle name="Обычный 2 2 12 2 3 3 4" xfId="323"/>
    <cellStyle name="Обычный 2 2 12 2 3 3 5" xfId="324"/>
    <cellStyle name="Обычный 2 2 12 2 3 4" xfId="325"/>
    <cellStyle name="Обычный 2 2 12 2 3 4 2" xfId="326"/>
    <cellStyle name="Обычный 2 2 12 2 3 4 2 2" xfId="327"/>
    <cellStyle name="Обычный 2 2 12 2 3 4 2 3" xfId="328"/>
    <cellStyle name="Обычный 2 2 12 2 3 4 3" xfId="329"/>
    <cellStyle name="Обычный 2 2 12 2 3 4 4" xfId="330"/>
    <cellStyle name="Обычный 2 2 12 2 3 4 5" xfId="331"/>
    <cellStyle name="Обычный 2 2 12 2 3 5" xfId="332"/>
    <cellStyle name="Обычный 2 2 12 2 3 5 2" xfId="333"/>
    <cellStyle name="Обычный 2 2 12 2 3 5 3" xfId="334"/>
    <cellStyle name="Обычный 2 2 12 2 3 6" xfId="335"/>
    <cellStyle name="Обычный 2 2 12 2 3 7" xfId="336"/>
    <cellStyle name="Обычный 2 2 12 2 3 8" xfId="337"/>
    <cellStyle name="Обычный 2 2 12 2 4" xfId="338"/>
    <cellStyle name="Обычный 2 2 12 2 4 2" xfId="339"/>
    <cellStyle name="Обычный 2 2 12 2 4 2 2" xfId="340"/>
    <cellStyle name="Обычный 2 2 12 2 4 2 3" xfId="341"/>
    <cellStyle name="Обычный 2 2 12 2 4 3" xfId="342"/>
    <cellStyle name="Обычный 2 2 12 2 4 4" xfId="343"/>
    <cellStyle name="Обычный 2 2 12 2 4 5" xfId="344"/>
    <cellStyle name="Обычный 2 2 12 2 5" xfId="345"/>
    <cellStyle name="Обычный 2 2 12 2 5 2" xfId="346"/>
    <cellStyle name="Обычный 2 2 12 2 5 2 2" xfId="347"/>
    <cellStyle name="Обычный 2 2 12 2 5 2 3" xfId="348"/>
    <cellStyle name="Обычный 2 2 12 2 5 3" xfId="349"/>
    <cellStyle name="Обычный 2 2 12 2 5 4" xfId="350"/>
    <cellStyle name="Обычный 2 2 12 2 5 5" xfId="351"/>
    <cellStyle name="Обычный 2 2 12 2 6" xfId="352"/>
    <cellStyle name="Обычный 2 2 12 2 6 2" xfId="353"/>
    <cellStyle name="Обычный 2 2 12 2 6 2 2" xfId="354"/>
    <cellStyle name="Обычный 2 2 12 2 6 2 3" xfId="355"/>
    <cellStyle name="Обычный 2 2 12 2 6 3" xfId="356"/>
    <cellStyle name="Обычный 2 2 12 2 6 4" xfId="357"/>
    <cellStyle name="Обычный 2 2 12 2 6 5" xfId="358"/>
    <cellStyle name="Обычный 2 2 12 2 7" xfId="359"/>
    <cellStyle name="Обычный 2 2 12 2 7 2" xfId="360"/>
    <cellStyle name="Обычный 2 2 12 2 7 2 2" xfId="361"/>
    <cellStyle name="Обычный 2 2 12 2 7 2 3" xfId="362"/>
    <cellStyle name="Обычный 2 2 12 2 7 3" xfId="363"/>
    <cellStyle name="Обычный 2 2 12 2 7 4" xfId="364"/>
    <cellStyle name="Обычный 2 2 12 2 7 5" xfId="365"/>
    <cellStyle name="Обычный 2 2 12 2 8" xfId="366"/>
    <cellStyle name="Обычный 2 2 12 2 8 2" xfId="367"/>
    <cellStyle name="Обычный 2 2 12 2 8 3" xfId="368"/>
    <cellStyle name="Обычный 2 2 12 2 9" xfId="369"/>
    <cellStyle name="Обычный 2 2 12 2 9 2" xfId="370"/>
    <cellStyle name="Обычный 2 2 12 3" xfId="371"/>
    <cellStyle name="Обычный 2 2 12 3 2" xfId="372"/>
    <cellStyle name="Обычный 2 2 12 3 2 2" xfId="373"/>
    <cellStyle name="Обычный 2 2 12 3 2 2 2" xfId="374"/>
    <cellStyle name="Обычный 2 2 12 3 2 2 3" xfId="375"/>
    <cellStyle name="Обычный 2 2 12 3 2 3" xfId="376"/>
    <cellStyle name="Обычный 2 2 12 3 2 4" xfId="377"/>
    <cellStyle name="Обычный 2 2 12 3 2 5" xfId="378"/>
    <cellStyle name="Обычный 2 2 12 3 3" xfId="379"/>
    <cellStyle name="Обычный 2 2 12 3 3 2" xfId="380"/>
    <cellStyle name="Обычный 2 2 12 3 3 2 2" xfId="381"/>
    <cellStyle name="Обычный 2 2 12 3 3 2 3" xfId="382"/>
    <cellStyle name="Обычный 2 2 12 3 3 3" xfId="383"/>
    <cellStyle name="Обычный 2 2 12 3 3 4" xfId="384"/>
    <cellStyle name="Обычный 2 2 12 3 3 5" xfId="385"/>
    <cellStyle name="Обычный 2 2 12 3 4" xfId="386"/>
    <cellStyle name="Обычный 2 2 12 3 4 2" xfId="387"/>
    <cellStyle name="Обычный 2 2 12 3 4 2 2" xfId="388"/>
    <cellStyle name="Обычный 2 2 12 3 4 2 3" xfId="389"/>
    <cellStyle name="Обычный 2 2 12 3 4 3" xfId="390"/>
    <cellStyle name="Обычный 2 2 12 3 4 4" xfId="391"/>
    <cellStyle name="Обычный 2 2 12 3 4 5" xfId="392"/>
    <cellStyle name="Обычный 2 2 12 3 5" xfId="393"/>
    <cellStyle name="Обычный 2 2 12 3 5 2" xfId="394"/>
    <cellStyle name="Обычный 2 2 12 3 5 2 2" xfId="395"/>
    <cellStyle name="Обычный 2 2 12 3 5 2 3" xfId="396"/>
    <cellStyle name="Обычный 2 2 12 3 5 3" xfId="397"/>
    <cellStyle name="Обычный 2 2 12 3 5 4" xfId="398"/>
    <cellStyle name="Обычный 2 2 12 3 5 5" xfId="399"/>
    <cellStyle name="Обычный 2 2 12 3 6" xfId="400"/>
    <cellStyle name="Обычный 2 2 12 3 6 2" xfId="401"/>
    <cellStyle name="Обычный 2 2 12 3 6 3" xfId="402"/>
    <cellStyle name="Обычный 2 2 12 3 7" xfId="403"/>
    <cellStyle name="Обычный 2 2 12 3 8" xfId="404"/>
    <cellStyle name="Обычный 2 2 12 3 9" xfId="405"/>
    <cellStyle name="Обычный 2 2 12 4" xfId="406"/>
    <cellStyle name="Обычный 2 2 12 4 2" xfId="407"/>
    <cellStyle name="Обычный 2 2 12 4 2 2" xfId="408"/>
    <cellStyle name="Обычный 2 2 12 4 2 2 2" xfId="409"/>
    <cellStyle name="Обычный 2 2 12 4 2 2 3" xfId="410"/>
    <cellStyle name="Обычный 2 2 12 4 2 3" xfId="411"/>
    <cellStyle name="Обычный 2 2 12 4 2 4" xfId="412"/>
    <cellStyle name="Обычный 2 2 12 4 2 5" xfId="413"/>
    <cellStyle name="Обычный 2 2 12 4 3" xfId="414"/>
    <cellStyle name="Обычный 2 2 12 4 3 2" xfId="415"/>
    <cellStyle name="Обычный 2 2 12 4 3 2 2" xfId="416"/>
    <cellStyle name="Обычный 2 2 12 4 3 2 3" xfId="417"/>
    <cellStyle name="Обычный 2 2 12 4 3 3" xfId="418"/>
    <cellStyle name="Обычный 2 2 12 4 3 4" xfId="419"/>
    <cellStyle name="Обычный 2 2 12 4 3 5" xfId="420"/>
    <cellStyle name="Обычный 2 2 12 4 4" xfId="421"/>
    <cellStyle name="Обычный 2 2 12 4 4 2" xfId="422"/>
    <cellStyle name="Обычный 2 2 12 4 4 2 2" xfId="423"/>
    <cellStyle name="Обычный 2 2 12 4 4 2 3" xfId="424"/>
    <cellStyle name="Обычный 2 2 12 4 4 3" xfId="425"/>
    <cellStyle name="Обычный 2 2 12 4 4 4" xfId="426"/>
    <cellStyle name="Обычный 2 2 12 4 4 5" xfId="427"/>
    <cellStyle name="Обычный 2 2 12 4 5" xfId="428"/>
    <cellStyle name="Обычный 2 2 12 4 5 2" xfId="429"/>
    <cellStyle name="Обычный 2 2 12 4 5 3" xfId="430"/>
    <cellStyle name="Обычный 2 2 12 4 6" xfId="431"/>
    <cellStyle name="Обычный 2 2 12 4 7" xfId="432"/>
    <cellStyle name="Обычный 2 2 12 4 8" xfId="433"/>
    <cellStyle name="Обычный 2 2 12 5" xfId="434"/>
    <cellStyle name="Обычный 2 2 12 5 2" xfId="435"/>
    <cellStyle name="Обычный 2 2 12 5 2 2" xfId="436"/>
    <cellStyle name="Обычный 2 2 12 5 2 3" xfId="437"/>
    <cellStyle name="Обычный 2 2 12 5 3" xfId="438"/>
    <cellStyle name="Обычный 2 2 12 5 4" xfId="439"/>
    <cellStyle name="Обычный 2 2 12 5 5" xfId="440"/>
    <cellStyle name="Обычный 2 2 12 6" xfId="441"/>
    <cellStyle name="Обычный 2 2 12 6 2" xfId="442"/>
    <cellStyle name="Обычный 2 2 12 6 2 2" xfId="443"/>
    <cellStyle name="Обычный 2 2 12 6 2 3" xfId="444"/>
    <cellStyle name="Обычный 2 2 12 6 3" xfId="445"/>
    <cellStyle name="Обычный 2 2 12 6 4" xfId="446"/>
    <cellStyle name="Обычный 2 2 12 6 5" xfId="447"/>
    <cellStyle name="Обычный 2 2 12 7" xfId="448"/>
    <cellStyle name="Обычный 2 2 12 7 2" xfId="449"/>
    <cellStyle name="Обычный 2 2 12 7 2 2" xfId="450"/>
    <cellStyle name="Обычный 2 2 12 7 2 3" xfId="451"/>
    <cellStyle name="Обычный 2 2 12 7 3" xfId="452"/>
    <cellStyle name="Обычный 2 2 12 7 4" xfId="453"/>
    <cellStyle name="Обычный 2 2 12 7 5" xfId="454"/>
    <cellStyle name="Обычный 2 2 12 8" xfId="455"/>
    <cellStyle name="Обычный 2 2 12 8 2" xfId="456"/>
    <cellStyle name="Обычный 2 2 12 8 2 2" xfId="457"/>
    <cellStyle name="Обычный 2 2 12 8 2 3" xfId="458"/>
    <cellStyle name="Обычный 2 2 12 8 3" xfId="459"/>
    <cellStyle name="Обычный 2 2 12 8 4" xfId="460"/>
    <cellStyle name="Обычный 2 2 12 8 5" xfId="461"/>
    <cellStyle name="Обычный 2 2 12 9" xfId="462"/>
    <cellStyle name="Обычный 2 2 12 9 2" xfId="463"/>
    <cellStyle name="Обычный 2 2 12 9 3" xfId="464"/>
    <cellStyle name="Обычный 2 2 13" xfId="465"/>
    <cellStyle name="Обычный 2 2 13 10" xfId="466"/>
    <cellStyle name="Обычный 2 2 13 10 2" xfId="467"/>
    <cellStyle name="Обычный 2 2 13 11" xfId="468"/>
    <cellStyle name="Обычный 2 2 13 12" xfId="469"/>
    <cellStyle name="Обычный 2 2 13 2" xfId="470"/>
    <cellStyle name="Обычный 2 2 13 2 10" xfId="471"/>
    <cellStyle name="Обычный 2 2 13 2 11" xfId="472"/>
    <cellStyle name="Обычный 2 2 13 2 2" xfId="473"/>
    <cellStyle name="Обычный 2 2 13 2 2 2" xfId="474"/>
    <cellStyle name="Обычный 2 2 13 2 2 2 2" xfId="475"/>
    <cellStyle name="Обычный 2 2 13 2 2 2 2 2" xfId="476"/>
    <cellStyle name="Обычный 2 2 13 2 2 2 2 3" xfId="477"/>
    <cellStyle name="Обычный 2 2 13 2 2 2 3" xfId="478"/>
    <cellStyle name="Обычный 2 2 13 2 2 2 4" xfId="479"/>
    <cellStyle name="Обычный 2 2 13 2 2 2 5" xfId="480"/>
    <cellStyle name="Обычный 2 2 13 2 2 3" xfId="481"/>
    <cellStyle name="Обычный 2 2 13 2 2 3 2" xfId="482"/>
    <cellStyle name="Обычный 2 2 13 2 2 3 2 2" xfId="483"/>
    <cellStyle name="Обычный 2 2 13 2 2 3 2 3" xfId="484"/>
    <cellStyle name="Обычный 2 2 13 2 2 3 3" xfId="485"/>
    <cellStyle name="Обычный 2 2 13 2 2 3 4" xfId="486"/>
    <cellStyle name="Обычный 2 2 13 2 2 3 5" xfId="487"/>
    <cellStyle name="Обычный 2 2 13 2 2 4" xfId="488"/>
    <cellStyle name="Обычный 2 2 13 2 2 4 2" xfId="489"/>
    <cellStyle name="Обычный 2 2 13 2 2 4 2 2" xfId="490"/>
    <cellStyle name="Обычный 2 2 13 2 2 4 2 3" xfId="491"/>
    <cellStyle name="Обычный 2 2 13 2 2 4 3" xfId="492"/>
    <cellStyle name="Обычный 2 2 13 2 2 4 4" xfId="493"/>
    <cellStyle name="Обычный 2 2 13 2 2 4 5" xfId="494"/>
    <cellStyle name="Обычный 2 2 13 2 2 5" xfId="495"/>
    <cellStyle name="Обычный 2 2 13 2 2 5 2" xfId="496"/>
    <cellStyle name="Обычный 2 2 13 2 2 5 2 2" xfId="497"/>
    <cellStyle name="Обычный 2 2 13 2 2 5 2 3" xfId="498"/>
    <cellStyle name="Обычный 2 2 13 2 2 5 3" xfId="499"/>
    <cellStyle name="Обычный 2 2 13 2 2 5 4" xfId="500"/>
    <cellStyle name="Обычный 2 2 13 2 2 5 5" xfId="501"/>
    <cellStyle name="Обычный 2 2 13 2 2 6" xfId="502"/>
    <cellStyle name="Обычный 2 2 13 2 2 6 2" xfId="503"/>
    <cellStyle name="Обычный 2 2 13 2 2 6 3" xfId="504"/>
    <cellStyle name="Обычный 2 2 13 2 2 7" xfId="505"/>
    <cellStyle name="Обычный 2 2 13 2 2 8" xfId="506"/>
    <cellStyle name="Обычный 2 2 13 2 2 9" xfId="507"/>
    <cellStyle name="Обычный 2 2 13 2 3" xfId="508"/>
    <cellStyle name="Обычный 2 2 13 2 3 2" xfId="509"/>
    <cellStyle name="Обычный 2 2 13 2 3 2 2" xfId="510"/>
    <cellStyle name="Обычный 2 2 13 2 3 2 2 2" xfId="511"/>
    <cellStyle name="Обычный 2 2 13 2 3 2 2 3" xfId="512"/>
    <cellStyle name="Обычный 2 2 13 2 3 2 3" xfId="513"/>
    <cellStyle name="Обычный 2 2 13 2 3 2 4" xfId="514"/>
    <cellStyle name="Обычный 2 2 13 2 3 2 5" xfId="515"/>
    <cellStyle name="Обычный 2 2 13 2 3 3" xfId="516"/>
    <cellStyle name="Обычный 2 2 13 2 3 3 2" xfId="517"/>
    <cellStyle name="Обычный 2 2 13 2 3 3 2 2" xfId="518"/>
    <cellStyle name="Обычный 2 2 13 2 3 3 2 3" xfId="519"/>
    <cellStyle name="Обычный 2 2 13 2 3 3 3" xfId="520"/>
    <cellStyle name="Обычный 2 2 13 2 3 3 4" xfId="521"/>
    <cellStyle name="Обычный 2 2 13 2 3 3 5" xfId="522"/>
    <cellStyle name="Обычный 2 2 13 2 3 4" xfId="523"/>
    <cellStyle name="Обычный 2 2 13 2 3 4 2" xfId="524"/>
    <cellStyle name="Обычный 2 2 13 2 3 4 2 2" xfId="525"/>
    <cellStyle name="Обычный 2 2 13 2 3 4 2 3" xfId="526"/>
    <cellStyle name="Обычный 2 2 13 2 3 4 3" xfId="527"/>
    <cellStyle name="Обычный 2 2 13 2 3 4 4" xfId="528"/>
    <cellStyle name="Обычный 2 2 13 2 3 4 5" xfId="529"/>
    <cellStyle name="Обычный 2 2 13 2 3 5" xfId="530"/>
    <cellStyle name="Обычный 2 2 13 2 3 5 2" xfId="531"/>
    <cellStyle name="Обычный 2 2 13 2 3 5 3" xfId="532"/>
    <cellStyle name="Обычный 2 2 13 2 3 6" xfId="533"/>
    <cellStyle name="Обычный 2 2 13 2 3 7" xfId="534"/>
    <cellStyle name="Обычный 2 2 13 2 3 8" xfId="535"/>
    <cellStyle name="Обычный 2 2 13 2 4" xfId="536"/>
    <cellStyle name="Обычный 2 2 13 2 4 2" xfId="537"/>
    <cellStyle name="Обычный 2 2 13 2 4 2 2" xfId="538"/>
    <cellStyle name="Обычный 2 2 13 2 4 2 3" xfId="539"/>
    <cellStyle name="Обычный 2 2 13 2 4 3" xfId="540"/>
    <cellStyle name="Обычный 2 2 13 2 4 4" xfId="541"/>
    <cellStyle name="Обычный 2 2 13 2 4 5" xfId="542"/>
    <cellStyle name="Обычный 2 2 13 2 5" xfId="543"/>
    <cellStyle name="Обычный 2 2 13 2 5 2" xfId="544"/>
    <cellStyle name="Обычный 2 2 13 2 5 2 2" xfId="545"/>
    <cellStyle name="Обычный 2 2 13 2 5 2 3" xfId="546"/>
    <cellStyle name="Обычный 2 2 13 2 5 3" xfId="547"/>
    <cellStyle name="Обычный 2 2 13 2 5 4" xfId="548"/>
    <cellStyle name="Обычный 2 2 13 2 5 5" xfId="549"/>
    <cellStyle name="Обычный 2 2 13 2 6" xfId="550"/>
    <cellStyle name="Обычный 2 2 13 2 6 2" xfId="551"/>
    <cellStyle name="Обычный 2 2 13 2 6 2 2" xfId="552"/>
    <cellStyle name="Обычный 2 2 13 2 6 2 3" xfId="553"/>
    <cellStyle name="Обычный 2 2 13 2 6 3" xfId="554"/>
    <cellStyle name="Обычный 2 2 13 2 6 4" xfId="555"/>
    <cellStyle name="Обычный 2 2 13 2 6 5" xfId="556"/>
    <cellStyle name="Обычный 2 2 13 2 7" xfId="557"/>
    <cellStyle name="Обычный 2 2 13 2 7 2" xfId="558"/>
    <cellStyle name="Обычный 2 2 13 2 7 2 2" xfId="559"/>
    <cellStyle name="Обычный 2 2 13 2 7 2 3" xfId="560"/>
    <cellStyle name="Обычный 2 2 13 2 7 3" xfId="561"/>
    <cellStyle name="Обычный 2 2 13 2 7 4" xfId="562"/>
    <cellStyle name="Обычный 2 2 13 2 7 5" xfId="563"/>
    <cellStyle name="Обычный 2 2 13 2 8" xfId="564"/>
    <cellStyle name="Обычный 2 2 13 2 8 2" xfId="565"/>
    <cellStyle name="Обычный 2 2 13 2 8 3" xfId="566"/>
    <cellStyle name="Обычный 2 2 13 2 9" xfId="567"/>
    <cellStyle name="Обычный 2 2 13 2 9 2" xfId="568"/>
    <cellStyle name="Обычный 2 2 13 3" xfId="569"/>
    <cellStyle name="Обычный 2 2 13 3 2" xfId="570"/>
    <cellStyle name="Обычный 2 2 13 3 2 2" xfId="571"/>
    <cellStyle name="Обычный 2 2 13 3 2 2 2" xfId="572"/>
    <cellStyle name="Обычный 2 2 13 3 2 2 3" xfId="573"/>
    <cellStyle name="Обычный 2 2 13 3 2 3" xfId="574"/>
    <cellStyle name="Обычный 2 2 13 3 2 4" xfId="575"/>
    <cellStyle name="Обычный 2 2 13 3 2 5" xfId="576"/>
    <cellStyle name="Обычный 2 2 13 3 3" xfId="577"/>
    <cellStyle name="Обычный 2 2 13 3 3 2" xfId="578"/>
    <cellStyle name="Обычный 2 2 13 3 3 2 2" xfId="579"/>
    <cellStyle name="Обычный 2 2 13 3 3 2 3" xfId="580"/>
    <cellStyle name="Обычный 2 2 13 3 3 3" xfId="581"/>
    <cellStyle name="Обычный 2 2 13 3 3 4" xfId="582"/>
    <cellStyle name="Обычный 2 2 13 3 3 5" xfId="583"/>
    <cellStyle name="Обычный 2 2 13 3 4" xfId="584"/>
    <cellStyle name="Обычный 2 2 13 3 4 2" xfId="585"/>
    <cellStyle name="Обычный 2 2 13 3 4 2 2" xfId="586"/>
    <cellStyle name="Обычный 2 2 13 3 4 2 3" xfId="587"/>
    <cellStyle name="Обычный 2 2 13 3 4 3" xfId="588"/>
    <cellStyle name="Обычный 2 2 13 3 4 4" xfId="589"/>
    <cellStyle name="Обычный 2 2 13 3 4 5" xfId="590"/>
    <cellStyle name="Обычный 2 2 13 3 5" xfId="591"/>
    <cellStyle name="Обычный 2 2 13 3 5 2" xfId="592"/>
    <cellStyle name="Обычный 2 2 13 3 5 2 2" xfId="593"/>
    <cellStyle name="Обычный 2 2 13 3 5 2 3" xfId="594"/>
    <cellStyle name="Обычный 2 2 13 3 5 3" xfId="595"/>
    <cellStyle name="Обычный 2 2 13 3 5 4" xfId="596"/>
    <cellStyle name="Обычный 2 2 13 3 5 5" xfId="597"/>
    <cellStyle name="Обычный 2 2 13 3 6" xfId="598"/>
    <cellStyle name="Обычный 2 2 13 3 6 2" xfId="599"/>
    <cellStyle name="Обычный 2 2 13 3 6 3" xfId="600"/>
    <cellStyle name="Обычный 2 2 13 3 7" xfId="601"/>
    <cellStyle name="Обычный 2 2 13 3 8" xfId="602"/>
    <cellStyle name="Обычный 2 2 13 3 9" xfId="603"/>
    <cellStyle name="Обычный 2 2 13 4" xfId="604"/>
    <cellStyle name="Обычный 2 2 13 4 2" xfId="605"/>
    <cellStyle name="Обычный 2 2 13 4 2 2" xfId="606"/>
    <cellStyle name="Обычный 2 2 13 4 2 2 2" xfId="607"/>
    <cellStyle name="Обычный 2 2 13 4 2 2 3" xfId="608"/>
    <cellStyle name="Обычный 2 2 13 4 2 3" xfId="609"/>
    <cellStyle name="Обычный 2 2 13 4 2 4" xfId="610"/>
    <cellStyle name="Обычный 2 2 13 4 2 5" xfId="611"/>
    <cellStyle name="Обычный 2 2 13 4 3" xfId="612"/>
    <cellStyle name="Обычный 2 2 13 4 3 2" xfId="613"/>
    <cellStyle name="Обычный 2 2 13 4 3 2 2" xfId="614"/>
    <cellStyle name="Обычный 2 2 13 4 3 2 3" xfId="615"/>
    <cellStyle name="Обычный 2 2 13 4 3 3" xfId="616"/>
    <cellStyle name="Обычный 2 2 13 4 3 4" xfId="617"/>
    <cellStyle name="Обычный 2 2 13 4 3 5" xfId="618"/>
    <cellStyle name="Обычный 2 2 13 4 4" xfId="619"/>
    <cellStyle name="Обычный 2 2 13 4 4 2" xfId="620"/>
    <cellStyle name="Обычный 2 2 13 4 4 2 2" xfId="621"/>
    <cellStyle name="Обычный 2 2 13 4 4 2 3" xfId="622"/>
    <cellStyle name="Обычный 2 2 13 4 4 3" xfId="623"/>
    <cellStyle name="Обычный 2 2 13 4 4 4" xfId="624"/>
    <cellStyle name="Обычный 2 2 13 4 4 5" xfId="625"/>
    <cellStyle name="Обычный 2 2 13 4 5" xfId="626"/>
    <cellStyle name="Обычный 2 2 13 4 5 2" xfId="627"/>
    <cellStyle name="Обычный 2 2 13 4 5 3" xfId="628"/>
    <cellStyle name="Обычный 2 2 13 4 6" xfId="629"/>
    <cellStyle name="Обычный 2 2 13 4 7" xfId="630"/>
    <cellStyle name="Обычный 2 2 13 4 8" xfId="631"/>
    <cellStyle name="Обычный 2 2 13 5" xfId="632"/>
    <cellStyle name="Обычный 2 2 13 5 2" xfId="633"/>
    <cellStyle name="Обычный 2 2 13 5 2 2" xfId="634"/>
    <cellStyle name="Обычный 2 2 13 5 2 3" xfId="635"/>
    <cellStyle name="Обычный 2 2 13 5 3" xfId="636"/>
    <cellStyle name="Обычный 2 2 13 5 4" xfId="637"/>
    <cellStyle name="Обычный 2 2 13 5 5" xfId="638"/>
    <cellStyle name="Обычный 2 2 13 6" xfId="639"/>
    <cellStyle name="Обычный 2 2 13 6 2" xfId="640"/>
    <cellStyle name="Обычный 2 2 13 6 2 2" xfId="641"/>
    <cellStyle name="Обычный 2 2 13 6 2 3" xfId="642"/>
    <cellStyle name="Обычный 2 2 13 6 3" xfId="643"/>
    <cellStyle name="Обычный 2 2 13 6 4" xfId="644"/>
    <cellStyle name="Обычный 2 2 13 6 5" xfId="645"/>
    <cellStyle name="Обычный 2 2 13 7" xfId="646"/>
    <cellStyle name="Обычный 2 2 13 7 2" xfId="647"/>
    <cellStyle name="Обычный 2 2 13 7 2 2" xfId="648"/>
    <cellStyle name="Обычный 2 2 13 7 2 3" xfId="649"/>
    <cellStyle name="Обычный 2 2 13 7 3" xfId="650"/>
    <cellStyle name="Обычный 2 2 13 7 4" xfId="651"/>
    <cellStyle name="Обычный 2 2 13 7 5" xfId="652"/>
    <cellStyle name="Обычный 2 2 13 8" xfId="653"/>
    <cellStyle name="Обычный 2 2 13 8 2" xfId="654"/>
    <cellStyle name="Обычный 2 2 13 8 2 2" xfId="655"/>
    <cellStyle name="Обычный 2 2 13 8 2 3" xfId="656"/>
    <cellStyle name="Обычный 2 2 13 8 3" xfId="657"/>
    <cellStyle name="Обычный 2 2 13 8 4" xfId="658"/>
    <cellStyle name="Обычный 2 2 13 8 5" xfId="659"/>
    <cellStyle name="Обычный 2 2 13 9" xfId="660"/>
    <cellStyle name="Обычный 2 2 13 9 2" xfId="661"/>
    <cellStyle name="Обычный 2 2 13 9 3" xfId="662"/>
    <cellStyle name="Обычный 2 2 14" xfId="663"/>
    <cellStyle name="Обычный 2 2 14 10" xfId="664"/>
    <cellStyle name="Обычный 2 2 14 10 2" xfId="665"/>
    <cellStyle name="Обычный 2 2 14 11" xfId="666"/>
    <cellStyle name="Обычный 2 2 14 12" xfId="667"/>
    <cellStyle name="Обычный 2 2 14 2" xfId="668"/>
    <cellStyle name="Обычный 2 2 14 2 10" xfId="669"/>
    <cellStyle name="Обычный 2 2 14 2 11" xfId="670"/>
    <cellStyle name="Обычный 2 2 14 2 2" xfId="671"/>
    <cellStyle name="Обычный 2 2 14 2 2 2" xfId="672"/>
    <cellStyle name="Обычный 2 2 14 2 2 2 2" xfId="673"/>
    <cellStyle name="Обычный 2 2 14 2 2 2 2 2" xfId="674"/>
    <cellStyle name="Обычный 2 2 14 2 2 2 2 3" xfId="675"/>
    <cellStyle name="Обычный 2 2 14 2 2 2 3" xfId="676"/>
    <cellStyle name="Обычный 2 2 14 2 2 2 4" xfId="677"/>
    <cellStyle name="Обычный 2 2 14 2 2 2 5" xfId="678"/>
    <cellStyle name="Обычный 2 2 14 2 2 3" xfId="679"/>
    <cellStyle name="Обычный 2 2 14 2 2 3 2" xfId="680"/>
    <cellStyle name="Обычный 2 2 14 2 2 3 2 2" xfId="681"/>
    <cellStyle name="Обычный 2 2 14 2 2 3 2 3" xfId="682"/>
    <cellStyle name="Обычный 2 2 14 2 2 3 3" xfId="683"/>
    <cellStyle name="Обычный 2 2 14 2 2 3 4" xfId="684"/>
    <cellStyle name="Обычный 2 2 14 2 2 3 5" xfId="685"/>
    <cellStyle name="Обычный 2 2 14 2 2 4" xfId="686"/>
    <cellStyle name="Обычный 2 2 14 2 2 4 2" xfId="687"/>
    <cellStyle name="Обычный 2 2 14 2 2 4 2 2" xfId="688"/>
    <cellStyle name="Обычный 2 2 14 2 2 4 2 3" xfId="689"/>
    <cellStyle name="Обычный 2 2 14 2 2 4 3" xfId="690"/>
    <cellStyle name="Обычный 2 2 14 2 2 4 4" xfId="691"/>
    <cellStyle name="Обычный 2 2 14 2 2 4 5" xfId="692"/>
    <cellStyle name="Обычный 2 2 14 2 2 5" xfId="693"/>
    <cellStyle name="Обычный 2 2 14 2 2 5 2" xfId="694"/>
    <cellStyle name="Обычный 2 2 14 2 2 5 2 2" xfId="695"/>
    <cellStyle name="Обычный 2 2 14 2 2 5 2 3" xfId="696"/>
    <cellStyle name="Обычный 2 2 14 2 2 5 3" xfId="697"/>
    <cellStyle name="Обычный 2 2 14 2 2 5 4" xfId="698"/>
    <cellStyle name="Обычный 2 2 14 2 2 5 5" xfId="699"/>
    <cellStyle name="Обычный 2 2 14 2 2 6" xfId="700"/>
    <cellStyle name="Обычный 2 2 14 2 2 6 2" xfId="701"/>
    <cellStyle name="Обычный 2 2 14 2 2 6 3" xfId="702"/>
    <cellStyle name="Обычный 2 2 14 2 2 7" xfId="703"/>
    <cellStyle name="Обычный 2 2 14 2 2 8" xfId="704"/>
    <cellStyle name="Обычный 2 2 14 2 2 9" xfId="705"/>
    <cellStyle name="Обычный 2 2 14 2 3" xfId="706"/>
    <cellStyle name="Обычный 2 2 14 2 3 2" xfId="707"/>
    <cellStyle name="Обычный 2 2 14 2 3 2 2" xfId="708"/>
    <cellStyle name="Обычный 2 2 14 2 3 2 2 2" xfId="709"/>
    <cellStyle name="Обычный 2 2 14 2 3 2 2 3" xfId="710"/>
    <cellStyle name="Обычный 2 2 14 2 3 2 3" xfId="711"/>
    <cellStyle name="Обычный 2 2 14 2 3 2 4" xfId="712"/>
    <cellStyle name="Обычный 2 2 14 2 3 2 5" xfId="713"/>
    <cellStyle name="Обычный 2 2 14 2 3 3" xfId="714"/>
    <cellStyle name="Обычный 2 2 14 2 3 3 2" xfId="715"/>
    <cellStyle name="Обычный 2 2 14 2 3 3 2 2" xfId="716"/>
    <cellStyle name="Обычный 2 2 14 2 3 3 2 3" xfId="717"/>
    <cellStyle name="Обычный 2 2 14 2 3 3 3" xfId="718"/>
    <cellStyle name="Обычный 2 2 14 2 3 3 4" xfId="719"/>
    <cellStyle name="Обычный 2 2 14 2 3 3 5" xfId="720"/>
    <cellStyle name="Обычный 2 2 14 2 3 4" xfId="721"/>
    <cellStyle name="Обычный 2 2 14 2 3 4 2" xfId="722"/>
    <cellStyle name="Обычный 2 2 14 2 3 4 2 2" xfId="723"/>
    <cellStyle name="Обычный 2 2 14 2 3 4 2 3" xfId="724"/>
    <cellStyle name="Обычный 2 2 14 2 3 4 3" xfId="725"/>
    <cellStyle name="Обычный 2 2 14 2 3 4 4" xfId="726"/>
    <cellStyle name="Обычный 2 2 14 2 3 4 5" xfId="727"/>
    <cellStyle name="Обычный 2 2 14 2 3 5" xfId="728"/>
    <cellStyle name="Обычный 2 2 14 2 3 5 2" xfId="729"/>
    <cellStyle name="Обычный 2 2 14 2 3 5 3" xfId="730"/>
    <cellStyle name="Обычный 2 2 14 2 3 6" xfId="731"/>
    <cellStyle name="Обычный 2 2 14 2 3 7" xfId="732"/>
    <cellStyle name="Обычный 2 2 14 2 3 8" xfId="733"/>
    <cellStyle name="Обычный 2 2 14 2 4" xfId="734"/>
    <cellStyle name="Обычный 2 2 14 2 4 2" xfId="735"/>
    <cellStyle name="Обычный 2 2 14 2 4 2 2" xfId="736"/>
    <cellStyle name="Обычный 2 2 14 2 4 2 3" xfId="737"/>
    <cellStyle name="Обычный 2 2 14 2 4 3" xfId="738"/>
    <cellStyle name="Обычный 2 2 14 2 4 4" xfId="739"/>
    <cellStyle name="Обычный 2 2 14 2 4 5" xfId="740"/>
    <cellStyle name="Обычный 2 2 14 2 5" xfId="741"/>
    <cellStyle name="Обычный 2 2 14 2 5 2" xfId="742"/>
    <cellStyle name="Обычный 2 2 14 2 5 2 2" xfId="743"/>
    <cellStyle name="Обычный 2 2 14 2 5 2 3" xfId="744"/>
    <cellStyle name="Обычный 2 2 14 2 5 3" xfId="745"/>
    <cellStyle name="Обычный 2 2 14 2 5 4" xfId="746"/>
    <cellStyle name="Обычный 2 2 14 2 5 5" xfId="747"/>
    <cellStyle name="Обычный 2 2 14 2 6" xfId="748"/>
    <cellStyle name="Обычный 2 2 14 2 6 2" xfId="749"/>
    <cellStyle name="Обычный 2 2 14 2 6 2 2" xfId="750"/>
    <cellStyle name="Обычный 2 2 14 2 6 2 3" xfId="751"/>
    <cellStyle name="Обычный 2 2 14 2 6 3" xfId="752"/>
    <cellStyle name="Обычный 2 2 14 2 6 4" xfId="753"/>
    <cellStyle name="Обычный 2 2 14 2 6 5" xfId="754"/>
    <cellStyle name="Обычный 2 2 14 2 7" xfId="755"/>
    <cellStyle name="Обычный 2 2 14 2 7 2" xfId="756"/>
    <cellStyle name="Обычный 2 2 14 2 7 2 2" xfId="757"/>
    <cellStyle name="Обычный 2 2 14 2 7 2 3" xfId="758"/>
    <cellStyle name="Обычный 2 2 14 2 7 3" xfId="759"/>
    <cellStyle name="Обычный 2 2 14 2 7 4" xfId="760"/>
    <cellStyle name="Обычный 2 2 14 2 7 5" xfId="761"/>
    <cellStyle name="Обычный 2 2 14 2 8" xfId="762"/>
    <cellStyle name="Обычный 2 2 14 2 8 2" xfId="763"/>
    <cellStyle name="Обычный 2 2 14 2 8 3" xfId="764"/>
    <cellStyle name="Обычный 2 2 14 2 9" xfId="765"/>
    <cellStyle name="Обычный 2 2 14 2 9 2" xfId="766"/>
    <cellStyle name="Обычный 2 2 14 3" xfId="767"/>
    <cellStyle name="Обычный 2 2 14 3 2" xfId="768"/>
    <cellStyle name="Обычный 2 2 14 3 2 2" xfId="769"/>
    <cellStyle name="Обычный 2 2 14 3 2 2 2" xfId="770"/>
    <cellStyle name="Обычный 2 2 14 3 2 2 3" xfId="771"/>
    <cellStyle name="Обычный 2 2 14 3 2 3" xfId="772"/>
    <cellStyle name="Обычный 2 2 14 3 2 4" xfId="773"/>
    <cellStyle name="Обычный 2 2 14 3 2 5" xfId="774"/>
    <cellStyle name="Обычный 2 2 14 3 3" xfId="775"/>
    <cellStyle name="Обычный 2 2 14 3 3 2" xfId="776"/>
    <cellStyle name="Обычный 2 2 14 3 3 2 2" xfId="777"/>
    <cellStyle name="Обычный 2 2 14 3 3 2 3" xfId="778"/>
    <cellStyle name="Обычный 2 2 14 3 3 3" xfId="779"/>
    <cellStyle name="Обычный 2 2 14 3 3 4" xfId="780"/>
    <cellStyle name="Обычный 2 2 14 3 3 5" xfId="781"/>
    <cellStyle name="Обычный 2 2 14 3 4" xfId="782"/>
    <cellStyle name="Обычный 2 2 14 3 4 2" xfId="783"/>
    <cellStyle name="Обычный 2 2 14 3 4 2 2" xfId="784"/>
    <cellStyle name="Обычный 2 2 14 3 4 2 3" xfId="785"/>
    <cellStyle name="Обычный 2 2 14 3 4 3" xfId="786"/>
    <cellStyle name="Обычный 2 2 14 3 4 4" xfId="787"/>
    <cellStyle name="Обычный 2 2 14 3 4 5" xfId="788"/>
    <cellStyle name="Обычный 2 2 14 3 5" xfId="789"/>
    <cellStyle name="Обычный 2 2 14 3 5 2" xfId="790"/>
    <cellStyle name="Обычный 2 2 14 3 5 2 2" xfId="791"/>
    <cellStyle name="Обычный 2 2 14 3 5 2 3" xfId="792"/>
    <cellStyle name="Обычный 2 2 14 3 5 3" xfId="793"/>
    <cellStyle name="Обычный 2 2 14 3 5 4" xfId="794"/>
    <cellStyle name="Обычный 2 2 14 3 5 5" xfId="795"/>
    <cellStyle name="Обычный 2 2 14 3 6" xfId="796"/>
    <cellStyle name="Обычный 2 2 14 3 6 2" xfId="797"/>
    <cellStyle name="Обычный 2 2 14 3 6 3" xfId="798"/>
    <cellStyle name="Обычный 2 2 14 3 7" xfId="799"/>
    <cellStyle name="Обычный 2 2 14 3 8" xfId="800"/>
    <cellStyle name="Обычный 2 2 14 3 9" xfId="801"/>
    <cellStyle name="Обычный 2 2 14 4" xfId="802"/>
    <cellStyle name="Обычный 2 2 14 4 2" xfId="803"/>
    <cellStyle name="Обычный 2 2 14 4 2 2" xfId="804"/>
    <cellStyle name="Обычный 2 2 14 4 2 2 2" xfId="805"/>
    <cellStyle name="Обычный 2 2 14 4 2 2 3" xfId="806"/>
    <cellStyle name="Обычный 2 2 14 4 2 3" xfId="807"/>
    <cellStyle name="Обычный 2 2 14 4 2 4" xfId="808"/>
    <cellStyle name="Обычный 2 2 14 4 2 5" xfId="809"/>
    <cellStyle name="Обычный 2 2 14 4 3" xfId="810"/>
    <cellStyle name="Обычный 2 2 14 4 3 2" xfId="811"/>
    <cellStyle name="Обычный 2 2 14 4 3 2 2" xfId="812"/>
    <cellStyle name="Обычный 2 2 14 4 3 2 3" xfId="813"/>
    <cellStyle name="Обычный 2 2 14 4 3 3" xfId="814"/>
    <cellStyle name="Обычный 2 2 14 4 3 4" xfId="815"/>
    <cellStyle name="Обычный 2 2 14 4 3 5" xfId="816"/>
    <cellStyle name="Обычный 2 2 14 4 4" xfId="817"/>
    <cellStyle name="Обычный 2 2 14 4 4 2" xfId="818"/>
    <cellStyle name="Обычный 2 2 14 4 4 2 2" xfId="819"/>
    <cellStyle name="Обычный 2 2 14 4 4 2 3" xfId="820"/>
    <cellStyle name="Обычный 2 2 14 4 4 3" xfId="821"/>
    <cellStyle name="Обычный 2 2 14 4 4 4" xfId="822"/>
    <cellStyle name="Обычный 2 2 14 4 4 5" xfId="823"/>
    <cellStyle name="Обычный 2 2 14 4 5" xfId="824"/>
    <cellStyle name="Обычный 2 2 14 4 5 2" xfId="825"/>
    <cellStyle name="Обычный 2 2 14 4 5 3" xfId="826"/>
    <cellStyle name="Обычный 2 2 14 4 6" xfId="827"/>
    <cellStyle name="Обычный 2 2 14 4 7" xfId="828"/>
    <cellStyle name="Обычный 2 2 14 4 8" xfId="829"/>
    <cellStyle name="Обычный 2 2 14 5" xfId="830"/>
    <cellStyle name="Обычный 2 2 14 5 2" xfId="831"/>
    <cellStyle name="Обычный 2 2 14 5 2 2" xfId="832"/>
    <cellStyle name="Обычный 2 2 14 5 2 3" xfId="833"/>
    <cellStyle name="Обычный 2 2 14 5 3" xfId="834"/>
    <cellStyle name="Обычный 2 2 14 5 4" xfId="835"/>
    <cellStyle name="Обычный 2 2 14 5 5" xfId="836"/>
    <cellStyle name="Обычный 2 2 14 6" xfId="837"/>
    <cellStyle name="Обычный 2 2 14 6 2" xfId="838"/>
    <cellStyle name="Обычный 2 2 14 6 2 2" xfId="839"/>
    <cellStyle name="Обычный 2 2 14 6 2 3" xfId="840"/>
    <cellStyle name="Обычный 2 2 14 6 3" xfId="841"/>
    <cellStyle name="Обычный 2 2 14 6 4" xfId="842"/>
    <cellStyle name="Обычный 2 2 14 6 5" xfId="843"/>
    <cellStyle name="Обычный 2 2 14 7" xfId="844"/>
    <cellStyle name="Обычный 2 2 14 7 2" xfId="845"/>
    <cellStyle name="Обычный 2 2 14 7 2 2" xfId="846"/>
    <cellStyle name="Обычный 2 2 14 7 2 3" xfId="847"/>
    <cellStyle name="Обычный 2 2 14 7 3" xfId="848"/>
    <cellStyle name="Обычный 2 2 14 7 4" xfId="849"/>
    <cellStyle name="Обычный 2 2 14 7 5" xfId="850"/>
    <cellStyle name="Обычный 2 2 14 8" xfId="851"/>
    <cellStyle name="Обычный 2 2 14 8 2" xfId="852"/>
    <cellStyle name="Обычный 2 2 14 8 2 2" xfId="853"/>
    <cellStyle name="Обычный 2 2 14 8 2 3" xfId="854"/>
    <cellStyle name="Обычный 2 2 14 8 3" xfId="855"/>
    <cellStyle name="Обычный 2 2 14 8 4" xfId="856"/>
    <cellStyle name="Обычный 2 2 14 8 5" xfId="857"/>
    <cellStyle name="Обычный 2 2 14 9" xfId="858"/>
    <cellStyle name="Обычный 2 2 14 9 2" xfId="859"/>
    <cellStyle name="Обычный 2 2 14 9 3" xfId="860"/>
    <cellStyle name="Обычный 2 2 15" xfId="861"/>
    <cellStyle name="Обычный 2 2 15 10" xfId="862"/>
    <cellStyle name="Обычный 2 2 15 10 2" xfId="863"/>
    <cellStyle name="Обычный 2 2 15 11" xfId="864"/>
    <cellStyle name="Обычный 2 2 15 12" xfId="865"/>
    <cellStyle name="Обычный 2 2 15 2" xfId="866"/>
    <cellStyle name="Обычный 2 2 15 2 10" xfId="867"/>
    <cellStyle name="Обычный 2 2 15 2 11" xfId="868"/>
    <cellStyle name="Обычный 2 2 15 2 2" xfId="869"/>
    <cellStyle name="Обычный 2 2 15 2 2 2" xfId="870"/>
    <cellStyle name="Обычный 2 2 15 2 2 2 2" xfId="871"/>
    <cellStyle name="Обычный 2 2 15 2 2 2 2 2" xfId="872"/>
    <cellStyle name="Обычный 2 2 15 2 2 2 2 3" xfId="873"/>
    <cellStyle name="Обычный 2 2 15 2 2 2 3" xfId="874"/>
    <cellStyle name="Обычный 2 2 15 2 2 2 4" xfId="875"/>
    <cellStyle name="Обычный 2 2 15 2 2 2 5" xfId="876"/>
    <cellStyle name="Обычный 2 2 15 2 2 3" xfId="877"/>
    <cellStyle name="Обычный 2 2 15 2 2 3 2" xfId="878"/>
    <cellStyle name="Обычный 2 2 15 2 2 3 2 2" xfId="879"/>
    <cellStyle name="Обычный 2 2 15 2 2 3 2 3" xfId="880"/>
    <cellStyle name="Обычный 2 2 15 2 2 3 3" xfId="881"/>
    <cellStyle name="Обычный 2 2 15 2 2 3 4" xfId="882"/>
    <cellStyle name="Обычный 2 2 15 2 2 3 5" xfId="883"/>
    <cellStyle name="Обычный 2 2 15 2 2 4" xfId="884"/>
    <cellStyle name="Обычный 2 2 15 2 2 4 2" xfId="885"/>
    <cellStyle name="Обычный 2 2 15 2 2 4 2 2" xfId="886"/>
    <cellStyle name="Обычный 2 2 15 2 2 4 2 3" xfId="887"/>
    <cellStyle name="Обычный 2 2 15 2 2 4 3" xfId="888"/>
    <cellStyle name="Обычный 2 2 15 2 2 4 4" xfId="889"/>
    <cellStyle name="Обычный 2 2 15 2 2 4 5" xfId="890"/>
    <cellStyle name="Обычный 2 2 15 2 2 5" xfId="891"/>
    <cellStyle name="Обычный 2 2 15 2 2 5 2" xfId="892"/>
    <cellStyle name="Обычный 2 2 15 2 2 5 2 2" xfId="893"/>
    <cellStyle name="Обычный 2 2 15 2 2 5 2 3" xfId="894"/>
    <cellStyle name="Обычный 2 2 15 2 2 5 3" xfId="895"/>
    <cellStyle name="Обычный 2 2 15 2 2 5 4" xfId="896"/>
    <cellStyle name="Обычный 2 2 15 2 2 5 5" xfId="897"/>
    <cellStyle name="Обычный 2 2 15 2 2 6" xfId="898"/>
    <cellStyle name="Обычный 2 2 15 2 2 6 2" xfId="899"/>
    <cellStyle name="Обычный 2 2 15 2 2 6 3" xfId="900"/>
    <cellStyle name="Обычный 2 2 15 2 2 7" xfId="901"/>
    <cellStyle name="Обычный 2 2 15 2 2 8" xfId="902"/>
    <cellStyle name="Обычный 2 2 15 2 2 9" xfId="903"/>
    <cellStyle name="Обычный 2 2 15 2 3" xfId="904"/>
    <cellStyle name="Обычный 2 2 15 2 3 2" xfId="905"/>
    <cellStyle name="Обычный 2 2 15 2 3 2 2" xfId="906"/>
    <cellStyle name="Обычный 2 2 15 2 3 2 2 2" xfId="907"/>
    <cellStyle name="Обычный 2 2 15 2 3 2 2 3" xfId="908"/>
    <cellStyle name="Обычный 2 2 15 2 3 2 3" xfId="909"/>
    <cellStyle name="Обычный 2 2 15 2 3 2 4" xfId="910"/>
    <cellStyle name="Обычный 2 2 15 2 3 2 5" xfId="911"/>
    <cellStyle name="Обычный 2 2 15 2 3 3" xfId="912"/>
    <cellStyle name="Обычный 2 2 15 2 3 3 2" xfId="913"/>
    <cellStyle name="Обычный 2 2 15 2 3 3 2 2" xfId="914"/>
    <cellStyle name="Обычный 2 2 15 2 3 3 2 3" xfId="915"/>
    <cellStyle name="Обычный 2 2 15 2 3 3 3" xfId="916"/>
    <cellStyle name="Обычный 2 2 15 2 3 3 4" xfId="917"/>
    <cellStyle name="Обычный 2 2 15 2 3 3 5" xfId="918"/>
    <cellStyle name="Обычный 2 2 15 2 3 4" xfId="919"/>
    <cellStyle name="Обычный 2 2 15 2 3 4 2" xfId="920"/>
    <cellStyle name="Обычный 2 2 15 2 3 4 2 2" xfId="921"/>
    <cellStyle name="Обычный 2 2 15 2 3 4 2 3" xfId="922"/>
    <cellStyle name="Обычный 2 2 15 2 3 4 3" xfId="923"/>
    <cellStyle name="Обычный 2 2 15 2 3 4 4" xfId="924"/>
    <cellStyle name="Обычный 2 2 15 2 3 4 5" xfId="925"/>
    <cellStyle name="Обычный 2 2 15 2 3 5" xfId="926"/>
    <cellStyle name="Обычный 2 2 15 2 3 5 2" xfId="927"/>
    <cellStyle name="Обычный 2 2 15 2 3 5 3" xfId="928"/>
    <cellStyle name="Обычный 2 2 15 2 3 6" xfId="929"/>
    <cellStyle name="Обычный 2 2 15 2 3 7" xfId="930"/>
    <cellStyle name="Обычный 2 2 15 2 3 8" xfId="931"/>
    <cellStyle name="Обычный 2 2 15 2 4" xfId="932"/>
    <cellStyle name="Обычный 2 2 15 2 4 2" xfId="933"/>
    <cellStyle name="Обычный 2 2 15 2 4 2 2" xfId="934"/>
    <cellStyle name="Обычный 2 2 15 2 4 2 3" xfId="935"/>
    <cellStyle name="Обычный 2 2 15 2 4 3" xfId="936"/>
    <cellStyle name="Обычный 2 2 15 2 4 4" xfId="937"/>
    <cellStyle name="Обычный 2 2 15 2 4 5" xfId="938"/>
    <cellStyle name="Обычный 2 2 15 2 5" xfId="939"/>
    <cellStyle name="Обычный 2 2 15 2 5 2" xfId="940"/>
    <cellStyle name="Обычный 2 2 15 2 5 2 2" xfId="941"/>
    <cellStyle name="Обычный 2 2 15 2 5 2 3" xfId="942"/>
    <cellStyle name="Обычный 2 2 15 2 5 3" xfId="943"/>
    <cellStyle name="Обычный 2 2 15 2 5 4" xfId="944"/>
    <cellStyle name="Обычный 2 2 15 2 5 5" xfId="945"/>
    <cellStyle name="Обычный 2 2 15 2 6" xfId="946"/>
    <cellStyle name="Обычный 2 2 15 2 6 2" xfId="947"/>
    <cellStyle name="Обычный 2 2 15 2 6 2 2" xfId="948"/>
    <cellStyle name="Обычный 2 2 15 2 6 2 3" xfId="949"/>
    <cellStyle name="Обычный 2 2 15 2 6 3" xfId="950"/>
    <cellStyle name="Обычный 2 2 15 2 6 4" xfId="951"/>
    <cellStyle name="Обычный 2 2 15 2 6 5" xfId="952"/>
    <cellStyle name="Обычный 2 2 15 2 7" xfId="953"/>
    <cellStyle name="Обычный 2 2 15 2 7 2" xfId="954"/>
    <cellStyle name="Обычный 2 2 15 2 7 2 2" xfId="955"/>
    <cellStyle name="Обычный 2 2 15 2 7 2 3" xfId="956"/>
    <cellStyle name="Обычный 2 2 15 2 7 3" xfId="957"/>
    <cellStyle name="Обычный 2 2 15 2 7 4" xfId="958"/>
    <cellStyle name="Обычный 2 2 15 2 7 5" xfId="959"/>
    <cellStyle name="Обычный 2 2 15 2 8" xfId="960"/>
    <cellStyle name="Обычный 2 2 15 2 8 2" xfId="961"/>
    <cellStyle name="Обычный 2 2 15 2 8 3" xfId="962"/>
    <cellStyle name="Обычный 2 2 15 2 9" xfId="963"/>
    <cellStyle name="Обычный 2 2 15 2 9 2" xfId="964"/>
    <cellStyle name="Обычный 2 2 15 3" xfId="965"/>
    <cellStyle name="Обычный 2 2 15 3 2" xfId="966"/>
    <cellStyle name="Обычный 2 2 15 3 2 2" xfId="967"/>
    <cellStyle name="Обычный 2 2 15 3 2 2 2" xfId="968"/>
    <cellStyle name="Обычный 2 2 15 3 2 2 3" xfId="969"/>
    <cellStyle name="Обычный 2 2 15 3 2 3" xfId="970"/>
    <cellStyle name="Обычный 2 2 15 3 2 4" xfId="971"/>
    <cellStyle name="Обычный 2 2 15 3 2 5" xfId="972"/>
    <cellStyle name="Обычный 2 2 15 3 3" xfId="973"/>
    <cellStyle name="Обычный 2 2 15 3 3 2" xfId="974"/>
    <cellStyle name="Обычный 2 2 15 3 3 2 2" xfId="975"/>
    <cellStyle name="Обычный 2 2 15 3 3 2 3" xfId="976"/>
    <cellStyle name="Обычный 2 2 15 3 3 3" xfId="977"/>
    <cellStyle name="Обычный 2 2 15 3 3 4" xfId="978"/>
    <cellStyle name="Обычный 2 2 15 3 3 5" xfId="979"/>
    <cellStyle name="Обычный 2 2 15 3 4" xfId="980"/>
    <cellStyle name="Обычный 2 2 15 3 4 2" xfId="981"/>
    <cellStyle name="Обычный 2 2 15 3 4 2 2" xfId="982"/>
    <cellStyle name="Обычный 2 2 15 3 4 2 3" xfId="983"/>
    <cellStyle name="Обычный 2 2 15 3 4 3" xfId="984"/>
    <cellStyle name="Обычный 2 2 15 3 4 4" xfId="985"/>
    <cellStyle name="Обычный 2 2 15 3 4 5" xfId="986"/>
    <cellStyle name="Обычный 2 2 15 3 5" xfId="987"/>
    <cellStyle name="Обычный 2 2 15 3 5 2" xfId="988"/>
    <cellStyle name="Обычный 2 2 15 3 5 2 2" xfId="989"/>
    <cellStyle name="Обычный 2 2 15 3 5 2 3" xfId="990"/>
    <cellStyle name="Обычный 2 2 15 3 5 3" xfId="991"/>
    <cellStyle name="Обычный 2 2 15 3 5 4" xfId="992"/>
    <cellStyle name="Обычный 2 2 15 3 5 5" xfId="993"/>
    <cellStyle name="Обычный 2 2 15 3 6" xfId="994"/>
    <cellStyle name="Обычный 2 2 15 3 6 2" xfId="995"/>
    <cellStyle name="Обычный 2 2 15 3 6 3" xfId="996"/>
    <cellStyle name="Обычный 2 2 15 3 7" xfId="997"/>
    <cellStyle name="Обычный 2 2 15 3 8" xfId="998"/>
    <cellStyle name="Обычный 2 2 15 3 9" xfId="999"/>
    <cellStyle name="Обычный 2 2 15 4" xfId="1000"/>
    <cellStyle name="Обычный 2 2 15 4 2" xfId="1001"/>
    <cellStyle name="Обычный 2 2 15 4 2 2" xfId="1002"/>
    <cellStyle name="Обычный 2 2 15 4 2 2 2" xfId="1003"/>
    <cellStyle name="Обычный 2 2 15 4 2 2 3" xfId="1004"/>
    <cellStyle name="Обычный 2 2 15 4 2 3" xfId="1005"/>
    <cellStyle name="Обычный 2 2 15 4 2 4" xfId="1006"/>
    <cellStyle name="Обычный 2 2 15 4 2 5" xfId="1007"/>
    <cellStyle name="Обычный 2 2 15 4 3" xfId="1008"/>
    <cellStyle name="Обычный 2 2 15 4 3 2" xfId="1009"/>
    <cellStyle name="Обычный 2 2 15 4 3 2 2" xfId="1010"/>
    <cellStyle name="Обычный 2 2 15 4 3 2 3" xfId="1011"/>
    <cellStyle name="Обычный 2 2 15 4 3 3" xfId="1012"/>
    <cellStyle name="Обычный 2 2 15 4 3 4" xfId="1013"/>
    <cellStyle name="Обычный 2 2 15 4 3 5" xfId="1014"/>
    <cellStyle name="Обычный 2 2 15 4 4" xfId="1015"/>
    <cellStyle name="Обычный 2 2 15 4 4 2" xfId="1016"/>
    <cellStyle name="Обычный 2 2 15 4 4 2 2" xfId="1017"/>
    <cellStyle name="Обычный 2 2 15 4 4 2 3" xfId="1018"/>
    <cellStyle name="Обычный 2 2 15 4 4 3" xfId="1019"/>
    <cellStyle name="Обычный 2 2 15 4 4 4" xfId="1020"/>
    <cellStyle name="Обычный 2 2 15 4 4 5" xfId="1021"/>
    <cellStyle name="Обычный 2 2 15 4 5" xfId="1022"/>
    <cellStyle name="Обычный 2 2 15 4 5 2" xfId="1023"/>
    <cellStyle name="Обычный 2 2 15 4 5 3" xfId="1024"/>
    <cellStyle name="Обычный 2 2 15 4 6" xfId="1025"/>
    <cellStyle name="Обычный 2 2 15 4 7" xfId="1026"/>
    <cellStyle name="Обычный 2 2 15 4 8" xfId="1027"/>
    <cellStyle name="Обычный 2 2 15 5" xfId="1028"/>
    <cellStyle name="Обычный 2 2 15 5 2" xfId="1029"/>
    <cellStyle name="Обычный 2 2 15 5 2 2" xfId="1030"/>
    <cellStyle name="Обычный 2 2 15 5 2 3" xfId="1031"/>
    <cellStyle name="Обычный 2 2 15 5 3" xfId="1032"/>
    <cellStyle name="Обычный 2 2 15 5 4" xfId="1033"/>
    <cellStyle name="Обычный 2 2 15 5 5" xfId="1034"/>
    <cellStyle name="Обычный 2 2 15 6" xfId="1035"/>
    <cellStyle name="Обычный 2 2 15 6 2" xfId="1036"/>
    <cellStyle name="Обычный 2 2 15 6 2 2" xfId="1037"/>
    <cellStyle name="Обычный 2 2 15 6 2 3" xfId="1038"/>
    <cellStyle name="Обычный 2 2 15 6 3" xfId="1039"/>
    <cellStyle name="Обычный 2 2 15 6 4" xfId="1040"/>
    <cellStyle name="Обычный 2 2 15 6 5" xfId="1041"/>
    <cellStyle name="Обычный 2 2 15 7" xfId="1042"/>
    <cellStyle name="Обычный 2 2 15 7 2" xfId="1043"/>
    <cellStyle name="Обычный 2 2 15 7 2 2" xfId="1044"/>
    <cellStyle name="Обычный 2 2 15 7 2 3" xfId="1045"/>
    <cellStyle name="Обычный 2 2 15 7 3" xfId="1046"/>
    <cellStyle name="Обычный 2 2 15 7 4" xfId="1047"/>
    <cellStyle name="Обычный 2 2 15 7 5" xfId="1048"/>
    <cellStyle name="Обычный 2 2 15 8" xfId="1049"/>
    <cellStyle name="Обычный 2 2 15 8 2" xfId="1050"/>
    <cellStyle name="Обычный 2 2 15 8 2 2" xfId="1051"/>
    <cellStyle name="Обычный 2 2 15 8 2 3" xfId="1052"/>
    <cellStyle name="Обычный 2 2 15 8 3" xfId="1053"/>
    <cellStyle name="Обычный 2 2 15 8 4" xfId="1054"/>
    <cellStyle name="Обычный 2 2 15 8 5" xfId="1055"/>
    <cellStyle name="Обычный 2 2 15 9" xfId="1056"/>
    <cellStyle name="Обычный 2 2 15 9 2" xfId="1057"/>
    <cellStyle name="Обычный 2 2 15 9 3" xfId="1058"/>
    <cellStyle name="Обычный 2 2 16" xfId="1059"/>
    <cellStyle name="Обычный 2 2 16 10" xfId="1060"/>
    <cellStyle name="Обычный 2 2 16 11" xfId="1061"/>
    <cellStyle name="Обычный 2 2 16 2" xfId="1062"/>
    <cellStyle name="Обычный 2 2 16 2 2" xfId="1063"/>
    <cellStyle name="Обычный 2 2 16 2 2 2" xfId="1064"/>
    <cellStyle name="Обычный 2 2 16 2 2 2 2" xfId="1065"/>
    <cellStyle name="Обычный 2 2 16 2 2 2 3" xfId="1066"/>
    <cellStyle name="Обычный 2 2 16 2 2 3" xfId="1067"/>
    <cellStyle name="Обычный 2 2 16 2 2 4" xfId="1068"/>
    <cellStyle name="Обычный 2 2 16 2 2 5" xfId="1069"/>
    <cellStyle name="Обычный 2 2 16 2 3" xfId="1070"/>
    <cellStyle name="Обычный 2 2 16 2 3 2" xfId="1071"/>
    <cellStyle name="Обычный 2 2 16 2 3 2 2" xfId="1072"/>
    <cellStyle name="Обычный 2 2 16 2 3 2 3" xfId="1073"/>
    <cellStyle name="Обычный 2 2 16 2 3 3" xfId="1074"/>
    <cellStyle name="Обычный 2 2 16 2 3 4" xfId="1075"/>
    <cellStyle name="Обычный 2 2 16 2 3 5" xfId="1076"/>
    <cellStyle name="Обычный 2 2 16 2 4" xfId="1077"/>
    <cellStyle name="Обычный 2 2 16 2 4 2" xfId="1078"/>
    <cellStyle name="Обычный 2 2 16 2 4 2 2" xfId="1079"/>
    <cellStyle name="Обычный 2 2 16 2 4 2 3" xfId="1080"/>
    <cellStyle name="Обычный 2 2 16 2 4 3" xfId="1081"/>
    <cellStyle name="Обычный 2 2 16 2 4 4" xfId="1082"/>
    <cellStyle name="Обычный 2 2 16 2 4 5" xfId="1083"/>
    <cellStyle name="Обычный 2 2 16 2 5" xfId="1084"/>
    <cellStyle name="Обычный 2 2 16 2 5 2" xfId="1085"/>
    <cellStyle name="Обычный 2 2 16 2 5 2 2" xfId="1086"/>
    <cellStyle name="Обычный 2 2 16 2 5 2 3" xfId="1087"/>
    <cellStyle name="Обычный 2 2 16 2 5 3" xfId="1088"/>
    <cellStyle name="Обычный 2 2 16 2 5 4" xfId="1089"/>
    <cellStyle name="Обычный 2 2 16 2 5 5" xfId="1090"/>
    <cellStyle name="Обычный 2 2 16 2 6" xfId="1091"/>
    <cellStyle name="Обычный 2 2 16 2 6 2" xfId="1092"/>
    <cellStyle name="Обычный 2 2 16 2 6 3" xfId="1093"/>
    <cellStyle name="Обычный 2 2 16 2 7" xfId="1094"/>
    <cellStyle name="Обычный 2 2 16 2 8" xfId="1095"/>
    <cellStyle name="Обычный 2 2 16 2 9" xfId="1096"/>
    <cellStyle name="Обычный 2 2 16 3" xfId="1097"/>
    <cellStyle name="Обычный 2 2 16 3 2" xfId="1098"/>
    <cellStyle name="Обычный 2 2 16 3 2 2" xfId="1099"/>
    <cellStyle name="Обычный 2 2 16 3 2 2 2" xfId="1100"/>
    <cellStyle name="Обычный 2 2 16 3 2 2 3" xfId="1101"/>
    <cellStyle name="Обычный 2 2 16 3 2 3" xfId="1102"/>
    <cellStyle name="Обычный 2 2 16 3 2 4" xfId="1103"/>
    <cellStyle name="Обычный 2 2 16 3 2 5" xfId="1104"/>
    <cellStyle name="Обычный 2 2 16 3 3" xfId="1105"/>
    <cellStyle name="Обычный 2 2 16 3 3 2" xfId="1106"/>
    <cellStyle name="Обычный 2 2 16 3 3 2 2" xfId="1107"/>
    <cellStyle name="Обычный 2 2 16 3 3 2 3" xfId="1108"/>
    <cellStyle name="Обычный 2 2 16 3 3 3" xfId="1109"/>
    <cellStyle name="Обычный 2 2 16 3 3 4" xfId="1110"/>
    <cellStyle name="Обычный 2 2 16 3 3 5" xfId="1111"/>
    <cellStyle name="Обычный 2 2 16 3 4" xfId="1112"/>
    <cellStyle name="Обычный 2 2 16 3 4 2" xfId="1113"/>
    <cellStyle name="Обычный 2 2 16 3 4 2 2" xfId="1114"/>
    <cellStyle name="Обычный 2 2 16 3 4 2 3" xfId="1115"/>
    <cellStyle name="Обычный 2 2 16 3 4 3" xfId="1116"/>
    <cellStyle name="Обычный 2 2 16 3 4 4" xfId="1117"/>
    <cellStyle name="Обычный 2 2 16 3 4 5" xfId="1118"/>
    <cellStyle name="Обычный 2 2 16 3 5" xfId="1119"/>
    <cellStyle name="Обычный 2 2 16 3 5 2" xfId="1120"/>
    <cellStyle name="Обычный 2 2 16 3 5 3" xfId="1121"/>
    <cellStyle name="Обычный 2 2 16 3 6" xfId="1122"/>
    <cellStyle name="Обычный 2 2 16 3 7" xfId="1123"/>
    <cellStyle name="Обычный 2 2 16 3 8" xfId="1124"/>
    <cellStyle name="Обычный 2 2 16 4" xfId="1125"/>
    <cellStyle name="Обычный 2 2 16 4 2" xfId="1126"/>
    <cellStyle name="Обычный 2 2 16 4 2 2" xfId="1127"/>
    <cellStyle name="Обычный 2 2 16 4 2 3" xfId="1128"/>
    <cellStyle name="Обычный 2 2 16 4 3" xfId="1129"/>
    <cellStyle name="Обычный 2 2 16 4 4" xfId="1130"/>
    <cellStyle name="Обычный 2 2 16 4 5" xfId="1131"/>
    <cellStyle name="Обычный 2 2 16 5" xfId="1132"/>
    <cellStyle name="Обычный 2 2 16 5 2" xfId="1133"/>
    <cellStyle name="Обычный 2 2 16 5 2 2" xfId="1134"/>
    <cellStyle name="Обычный 2 2 16 5 2 3" xfId="1135"/>
    <cellStyle name="Обычный 2 2 16 5 3" xfId="1136"/>
    <cellStyle name="Обычный 2 2 16 5 4" xfId="1137"/>
    <cellStyle name="Обычный 2 2 16 5 5" xfId="1138"/>
    <cellStyle name="Обычный 2 2 16 6" xfId="1139"/>
    <cellStyle name="Обычный 2 2 16 6 2" xfId="1140"/>
    <cellStyle name="Обычный 2 2 16 6 2 2" xfId="1141"/>
    <cellStyle name="Обычный 2 2 16 6 2 3" xfId="1142"/>
    <cellStyle name="Обычный 2 2 16 6 3" xfId="1143"/>
    <cellStyle name="Обычный 2 2 16 6 4" xfId="1144"/>
    <cellStyle name="Обычный 2 2 16 6 5" xfId="1145"/>
    <cellStyle name="Обычный 2 2 16 7" xfId="1146"/>
    <cellStyle name="Обычный 2 2 16 7 2" xfId="1147"/>
    <cellStyle name="Обычный 2 2 16 7 2 2" xfId="1148"/>
    <cellStyle name="Обычный 2 2 16 7 2 3" xfId="1149"/>
    <cellStyle name="Обычный 2 2 16 7 3" xfId="1150"/>
    <cellStyle name="Обычный 2 2 16 7 4" xfId="1151"/>
    <cellStyle name="Обычный 2 2 16 7 5" xfId="1152"/>
    <cellStyle name="Обычный 2 2 16 8" xfId="1153"/>
    <cellStyle name="Обычный 2 2 16 8 2" xfId="1154"/>
    <cellStyle name="Обычный 2 2 16 8 3" xfId="1155"/>
    <cellStyle name="Обычный 2 2 16 9" xfId="1156"/>
    <cellStyle name="Обычный 2 2 16 9 2" xfId="1157"/>
    <cellStyle name="Обычный 2 2 17" xfId="1158"/>
    <cellStyle name="Обычный 2 2 17 10" xfId="1159"/>
    <cellStyle name="Обычный 2 2 17 11" xfId="1160"/>
    <cellStyle name="Обычный 2 2 17 2" xfId="1161"/>
    <cellStyle name="Обычный 2 2 17 2 2" xfId="1162"/>
    <cellStyle name="Обычный 2 2 17 2 2 2" xfId="1163"/>
    <cellStyle name="Обычный 2 2 17 2 2 2 2" xfId="1164"/>
    <cellStyle name="Обычный 2 2 17 2 2 2 3" xfId="1165"/>
    <cellStyle name="Обычный 2 2 17 2 2 3" xfId="1166"/>
    <cellStyle name="Обычный 2 2 17 2 2 4" xfId="1167"/>
    <cellStyle name="Обычный 2 2 17 2 2 5" xfId="1168"/>
    <cellStyle name="Обычный 2 2 17 2 3" xfId="1169"/>
    <cellStyle name="Обычный 2 2 17 2 3 2" xfId="1170"/>
    <cellStyle name="Обычный 2 2 17 2 3 2 2" xfId="1171"/>
    <cellStyle name="Обычный 2 2 17 2 3 2 3" xfId="1172"/>
    <cellStyle name="Обычный 2 2 17 2 3 3" xfId="1173"/>
    <cellStyle name="Обычный 2 2 17 2 3 4" xfId="1174"/>
    <cellStyle name="Обычный 2 2 17 2 3 5" xfId="1175"/>
    <cellStyle name="Обычный 2 2 17 2 4" xfId="1176"/>
    <cellStyle name="Обычный 2 2 17 2 4 2" xfId="1177"/>
    <cellStyle name="Обычный 2 2 17 2 4 2 2" xfId="1178"/>
    <cellStyle name="Обычный 2 2 17 2 4 2 3" xfId="1179"/>
    <cellStyle name="Обычный 2 2 17 2 4 3" xfId="1180"/>
    <cellStyle name="Обычный 2 2 17 2 4 4" xfId="1181"/>
    <cellStyle name="Обычный 2 2 17 2 4 5" xfId="1182"/>
    <cellStyle name="Обычный 2 2 17 2 5" xfId="1183"/>
    <cellStyle name="Обычный 2 2 17 2 5 2" xfId="1184"/>
    <cellStyle name="Обычный 2 2 17 2 5 2 2" xfId="1185"/>
    <cellStyle name="Обычный 2 2 17 2 5 2 3" xfId="1186"/>
    <cellStyle name="Обычный 2 2 17 2 5 3" xfId="1187"/>
    <cellStyle name="Обычный 2 2 17 2 5 4" xfId="1188"/>
    <cellStyle name="Обычный 2 2 17 2 5 5" xfId="1189"/>
    <cellStyle name="Обычный 2 2 17 2 6" xfId="1190"/>
    <cellStyle name="Обычный 2 2 17 2 6 2" xfId="1191"/>
    <cellStyle name="Обычный 2 2 17 2 6 3" xfId="1192"/>
    <cellStyle name="Обычный 2 2 17 2 7" xfId="1193"/>
    <cellStyle name="Обычный 2 2 17 2 8" xfId="1194"/>
    <cellStyle name="Обычный 2 2 17 2 9" xfId="1195"/>
    <cellStyle name="Обычный 2 2 17 3" xfId="1196"/>
    <cellStyle name="Обычный 2 2 17 3 2" xfId="1197"/>
    <cellStyle name="Обычный 2 2 17 3 2 2" xfId="1198"/>
    <cellStyle name="Обычный 2 2 17 3 2 2 2" xfId="1199"/>
    <cellStyle name="Обычный 2 2 17 3 2 2 3" xfId="1200"/>
    <cellStyle name="Обычный 2 2 17 3 2 3" xfId="1201"/>
    <cellStyle name="Обычный 2 2 17 3 2 4" xfId="1202"/>
    <cellStyle name="Обычный 2 2 17 3 2 5" xfId="1203"/>
    <cellStyle name="Обычный 2 2 17 3 3" xfId="1204"/>
    <cellStyle name="Обычный 2 2 17 3 3 2" xfId="1205"/>
    <cellStyle name="Обычный 2 2 17 3 3 2 2" xfId="1206"/>
    <cellStyle name="Обычный 2 2 17 3 3 2 3" xfId="1207"/>
    <cellStyle name="Обычный 2 2 17 3 3 3" xfId="1208"/>
    <cellStyle name="Обычный 2 2 17 3 3 4" xfId="1209"/>
    <cellStyle name="Обычный 2 2 17 3 3 5" xfId="1210"/>
    <cellStyle name="Обычный 2 2 17 3 4" xfId="1211"/>
    <cellStyle name="Обычный 2 2 17 3 4 2" xfId="1212"/>
    <cellStyle name="Обычный 2 2 17 3 4 2 2" xfId="1213"/>
    <cellStyle name="Обычный 2 2 17 3 4 2 3" xfId="1214"/>
    <cellStyle name="Обычный 2 2 17 3 4 3" xfId="1215"/>
    <cellStyle name="Обычный 2 2 17 3 4 4" xfId="1216"/>
    <cellStyle name="Обычный 2 2 17 3 4 5" xfId="1217"/>
    <cellStyle name="Обычный 2 2 17 3 5" xfId="1218"/>
    <cellStyle name="Обычный 2 2 17 3 5 2" xfId="1219"/>
    <cellStyle name="Обычный 2 2 17 3 5 3" xfId="1220"/>
    <cellStyle name="Обычный 2 2 17 3 6" xfId="1221"/>
    <cellStyle name="Обычный 2 2 17 3 7" xfId="1222"/>
    <cellStyle name="Обычный 2 2 17 3 8" xfId="1223"/>
    <cellStyle name="Обычный 2 2 17 4" xfId="1224"/>
    <cellStyle name="Обычный 2 2 17 4 2" xfId="1225"/>
    <cellStyle name="Обычный 2 2 17 4 2 2" xfId="1226"/>
    <cellStyle name="Обычный 2 2 17 4 2 3" xfId="1227"/>
    <cellStyle name="Обычный 2 2 17 4 3" xfId="1228"/>
    <cellStyle name="Обычный 2 2 17 4 4" xfId="1229"/>
    <cellStyle name="Обычный 2 2 17 4 5" xfId="1230"/>
    <cellStyle name="Обычный 2 2 17 5" xfId="1231"/>
    <cellStyle name="Обычный 2 2 17 5 2" xfId="1232"/>
    <cellStyle name="Обычный 2 2 17 5 2 2" xfId="1233"/>
    <cellStyle name="Обычный 2 2 17 5 2 3" xfId="1234"/>
    <cellStyle name="Обычный 2 2 17 5 3" xfId="1235"/>
    <cellStyle name="Обычный 2 2 17 5 4" xfId="1236"/>
    <cellStyle name="Обычный 2 2 17 5 5" xfId="1237"/>
    <cellStyle name="Обычный 2 2 17 6" xfId="1238"/>
    <cellStyle name="Обычный 2 2 17 6 2" xfId="1239"/>
    <cellStyle name="Обычный 2 2 17 6 2 2" xfId="1240"/>
    <cellStyle name="Обычный 2 2 17 6 2 3" xfId="1241"/>
    <cellStyle name="Обычный 2 2 17 6 3" xfId="1242"/>
    <cellStyle name="Обычный 2 2 17 6 4" xfId="1243"/>
    <cellStyle name="Обычный 2 2 17 6 5" xfId="1244"/>
    <cellStyle name="Обычный 2 2 17 7" xfId="1245"/>
    <cellStyle name="Обычный 2 2 17 7 2" xfId="1246"/>
    <cellStyle name="Обычный 2 2 17 7 2 2" xfId="1247"/>
    <cellStyle name="Обычный 2 2 17 7 2 3" xfId="1248"/>
    <cellStyle name="Обычный 2 2 17 7 3" xfId="1249"/>
    <cellStyle name="Обычный 2 2 17 7 4" xfId="1250"/>
    <cellStyle name="Обычный 2 2 17 7 5" xfId="1251"/>
    <cellStyle name="Обычный 2 2 17 8" xfId="1252"/>
    <cellStyle name="Обычный 2 2 17 8 2" xfId="1253"/>
    <cellStyle name="Обычный 2 2 17 8 3" xfId="1254"/>
    <cellStyle name="Обычный 2 2 17 9" xfId="1255"/>
    <cellStyle name="Обычный 2 2 17 9 2" xfId="1256"/>
    <cellStyle name="Обычный 2 2 18" xfId="1257"/>
    <cellStyle name="Обычный 2 2 18 10" xfId="1258"/>
    <cellStyle name="Обычный 2 2 18 11" xfId="1259"/>
    <cellStyle name="Обычный 2 2 18 2" xfId="1260"/>
    <cellStyle name="Обычный 2 2 18 2 2" xfId="1261"/>
    <cellStyle name="Обычный 2 2 18 2 2 2" xfId="1262"/>
    <cellStyle name="Обычный 2 2 18 2 2 2 2" xfId="1263"/>
    <cellStyle name="Обычный 2 2 18 2 2 2 3" xfId="1264"/>
    <cellStyle name="Обычный 2 2 18 2 2 3" xfId="1265"/>
    <cellStyle name="Обычный 2 2 18 2 2 4" xfId="1266"/>
    <cellStyle name="Обычный 2 2 18 2 2 5" xfId="1267"/>
    <cellStyle name="Обычный 2 2 18 2 3" xfId="1268"/>
    <cellStyle name="Обычный 2 2 18 2 3 2" xfId="1269"/>
    <cellStyle name="Обычный 2 2 18 2 3 2 2" xfId="1270"/>
    <cellStyle name="Обычный 2 2 18 2 3 2 3" xfId="1271"/>
    <cellStyle name="Обычный 2 2 18 2 3 3" xfId="1272"/>
    <cellStyle name="Обычный 2 2 18 2 3 4" xfId="1273"/>
    <cellStyle name="Обычный 2 2 18 2 3 5" xfId="1274"/>
    <cellStyle name="Обычный 2 2 18 2 4" xfId="1275"/>
    <cellStyle name="Обычный 2 2 18 2 4 2" xfId="1276"/>
    <cellStyle name="Обычный 2 2 18 2 4 2 2" xfId="1277"/>
    <cellStyle name="Обычный 2 2 18 2 4 2 3" xfId="1278"/>
    <cellStyle name="Обычный 2 2 18 2 4 3" xfId="1279"/>
    <cellStyle name="Обычный 2 2 18 2 4 4" xfId="1280"/>
    <cellStyle name="Обычный 2 2 18 2 4 5" xfId="1281"/>
    <cellStyle name="Обычный 2 2 18 2 5" xfId="1282"/>
    <cellStyle name="Обычный 2 2 18 2 5 2" xfId="1283"/>
    <cellStyle name="Обычный 2 2 18 2 5 2 2" xfId="1284"/>
    <cellStyle name="Обычный 2 2 18 2 5 2 3" xfId="1285"/>
    <cellStyle name="Обычный 2 2 18 2 5 3" xfId="1286"/>
    <cellStyle name="Обычный 2 2 18 2 5 4" xfId="1287"/>
    <cellStyle name="Обычный 2 2 18 2 5 5" xfId="1288"/>
    <cellStyle name="Обычный 2 2 18 2 6" xfId="1289"/>
    <cellStyle name="Обычный 2 2 18 2 6 2" xfId="1290"/>
    <cellStyle name="Обычный 2 2 18 2 6 3" xfId="1291"/>
    <cellStyle name="Обычный 2 2 18 2 7" xfId="1292"/>
    <cellStyle name="Обычный 2 2 18 2 8" xfId="1293"/>
    <cellStyle name="Обычный 2 2 18 2 9" xfId="1294"/>
    <cellStyle name="Обычный 2 2 18 3" xfId="1295"/>
    <cellStyle name="Обычный 2 2 18 3 2" xfId="1296"/>
    <cellStyle name="Обычный 2 2 18 3 2 2" xfId="1297"/>
    <cellStyle name="Обычный 2 2 18 3 2 2 2" xfId="1298"/>
    <cellStyle name="Обычный 2 2 18 3 2 2 3" xfId="1299"/>
    <cellStyle name="Обычный 2 2 18 3 2 3" xfId="1300"/>
    <cellStyle name="Обычный 2 2 18 3 2 4" xfId="1301"/>
    <cellStyle name="Обычный 2 2 18 3 2 5" xfId="1302"/>
    <cellStyle name="Обычный 2 2 18 3 3" xfId="1303"/>
    <cellStyle name="Обычный 2 2 18 3 3 2" xfId="1304"/>
    <cellStyle name="Обычный 2 2 18 3 3 2 2" xfId="1305"/>
    <cellStyle name="Обычный 2 2 18 3 3 2 3" xfId="1306"/>
    <cellStyle name="Обычный 2 2 18 3 3 3" xfId="1307"/>
    <cellStyle name="Обычный 2 2 18 3 3 4" xfId="1308"/>
    <cellStyle name="Обычный 2 2 18 3 3 5" xfId="1309"/>
    <cellStyle name="Обычный 2 2 18 3 4" xfId="1310"/>
    <cellStyle name="Обычный 2 2 18 3 4 2" xfId="1311"/>
    <cellStyle name="Обычный 2 2 18 3 4 2 2" xfId="1312"/>
    <cellStyle name="Обычный 2 2 18 3 4 2 3" xfId="1313"/>
    <cellStyle name="Обычный 2 2 18 3 4 3" xfId="1314"/>
    <cellStyle name="Обычный 2 2 18 3 4 4" xfId="1315"/>
    <cellStyle name="Обычный 2 2 18 3 4 5" xfId="1316"/>
    <cellStyle name="Обычный 2 2 18 3 5" xfId="1317"/>
    <cellStyle name="Обычный 2 2 18 3 5 2" xfId="1318"/>
    <cellStyle name="Обычный 2 2 18 3 5 3" xfId="1319"/>
    <cellStyle name="Обычный 2 2 18 3 6" xfId="1320"/>
    <cellStyle name="Обычный 2 2 18 3 7" xfId="1321"/>
    <cellStyle name="Обычный 2 2 18 3 8" xfId="1322"/>
    <cellStyle name="Обычный 2 2 18 4" xfId="1323"/>
    <cellStyle name="Обычный 2 2 18 4 2" xfId="1324"/>
    <cellStyle name="Обычный 2 2 18 4 2 2" xfId="1325"/>
    <cellStyle name="Обычный 2 2 18 4 2 3" xfId="1326"/>
    <cellStyle name="Обычный 2 2 18 4 3" xfId="1327"/>
    <cellStyle name="Обычный 2 2 18 4 4" xfId="1328"/>
    <cellStyle name="Обычный 2 2 18 4 5" xfId="1329"/>
    <cellStyle name="Обычный 2 2 18 5" xfId="1330"/>
    <cellStyle name="Обычный 2 2 18 5 2" xfId="1331"/>
    <cellStyle name="Обычный 2 2 18 5 2 2" xfId="1332"/>
    <cellStyle name="Обычный 2 2 18 5 2 3" xfId="1333"/>
    <cellStyle name="Обычный 2 2 18 5 3" xfId="1334"/>
    <cellStyle name="Обычный 2 2 18 5 4" xfId="1335"/>
    <cellStyle name="Обычный 2 2 18 5 5" xfId="1336"/>
    <cellStyle name="Обычный 2 2 18 6" xfId="1337"/>
    <cellStyle name="Обычный 2 2 18 6 2" xfId="1338"/>
    <cellStyle name="Обычный 2 2 18 6 2 2" xfId="1339"/>
    <cellStyle name="Обычный 2 2 18 6 2 3" xfId="1340"/>
    <cellStyle name="Обычный 2 2 18 6 3" xfId="1341"/>
    <cellStyle name="Обычный 2 2 18 6 4" xfId="1342"/>
    <cellStyle name="Обычный 2 2 18 6 5" xfId="1343"/>
    <cellStyle name="Обычный 2 2 18 7" xfId="1344"/>
    <cellStyle name="Обычный 2 2 18 7 2" xfId="1345"/>
    <cellStyle name="Обычный 2 2 18 7 2 2" xfId="1346"/>
    <cellStyle name="Обычный 2 2 18 7 2 3" xfId="1347"/>
    <cellStyle name="Обычный 2 2 18 7 3" xfId="1348"/>
    <cellStyle name="Обычный 2 2 18 7 4" xfId="1349"/>
    <cellStyle name="Обычный 2 2 18 7 5" xfId="1350"/>
    <cellStyle name="Обычный 2 2 18 8" xfId="1351"/>
    <cellStyle name="Обычный 2 2 18 8 2" xfId="1352"/>
    <cellStyle name="Обычный 2 2 18 8 3" xfId="1353"/>
    <cellStyle name="Обычный 2 2 18 9" xfId="1354"/>
    <cellStyle name="Обычный 2 2 18 9 2" xfId="1355"/>
    <cellStyle name="Обычный 2 2 19" xfId="1356"/>
    <cellStyle name="Обычный 2 2 19 10" xfId="1357"/>
    <cellStyle name="Обычный 2 2 19 11" xfId="1358"/>
    <cellStyle name="Обычный 2 2 19 2" xfId="1359"/>
    <cellStyle name="Обычный 2 2 19 2 2" xfId="1360"/>
    <cellStyle name="Обычный 2 2 19 2 2 2" xfId="1361"/>
    <cellStyle name="Обычный 2 2 19 2 2 2 2" xfId="1362"/>
    <cellStyle name="Обычный 2 2 19 2 2 2 3" xfId="1363"/>
    <cellStyle name="Обычный 2 2 19 2 2 3" xfId="1364"/>
    <cellStyle name="Обычный 2 2 19 2 2 4" xfId="1365"/>
    <cellStyle name="Обычный 2 2 19 2 2 5" xfId="1366"/>
    <cellStyle name="Обычный 2 2 19 2 3" xfId="1367"/>
    <cellStyle name="Обычный 2 2 19 2 3 2" xfId="1368"/>
    <cellStyle name="Обычный 2 2 19 2 3 2 2" xfId="1369"/>
    <cellStyle name="Обычный 2 2 19 2 3 2 3" xfId="1370"/>
    <cellStyle name="Обычный 2 2 19 2 3 3" xfId="1371"/>
    <cellStyle name="Обычный 2 2 19 2 3 4" xfId="1372"/>
    <cellStyle name="Обычный 2 2 19 2 3 5" xfId="1373"/>
    <cellStyle name="Обычный 2 2 19 2 4" xfId="1374"/>
    <cellStyle name="Обычный 2 2 19 2 4 2" xfId="1375"/>
    <cellStyle name="Обычный 2 2 19 2 4 2 2" xfId="1376"/>
    <cellStyle name="Обычный 2 2 19 2 4 2 3" xfId="1377"/>
    <cellStyle name="Обычный 2 2 19 2 4 3" xfId="1378"/>
    <cellStyle name="Обычный 2 2 19 2 4 4" xfId="1379"/>
    <cellStyle name="Обычный 2 2 19 2 4 5" xfId="1380"/>
    <cellStyle name="Обычный 2 2 19 2 5" xfId="1381"/>
    <cellStyle name="Обычный 2 2 19 2 5 2" xfId="1382"/>
    <cellStyle name="Обычный 2 2 19 2 5 2 2" xfId="1383"/>
    <cellStyle name="Обычный 2 2 19 2 5 2 3" xfId="1384"/>
    <cellStyle name="Обычный 2 2 19 2 5 3" xfId="1385"/>
    <cellStyle name="Обычный 2 2 19 2 5 4" xfId="1386"/>
    <cellStyle name="Обычный 2 2 19 2 5 5" xfId="1387"/>
    <cellStyle name="Обычный 2 2 19 2 6" xfId="1388"/>
    <cellStyle name="Обычный 2 2 19 2 6 2" xfId="1389"/>
    <cellStyle name="Обычный 2 2 19 2 6 3" xfId="1390"/>
    <cellStyle name="Обычный 2 2 19 2 7" xfId="1391"/>
    <cellStyle name="Обычный 2 2 19 2 8" xfId="1392"/>
    <cellStyle name="Обычный 2 2 19 2 9" xfId="1393"/>
    <cellStyle name="Обычный 2 2 19 3" xfId="1394"/>
    <cellStyle name="Обычный 2 2 19 3 2" xfId="1395"/>
    <cellStyle name="Обычный 2 2 19 3 2 2" xfId="1396"/>
    <cellStyle name="Обычный 2 2 19 3 2 2 2" xfId="1397"/>
    <cellStyle name="Обычный 2 2 19 3 2 2 3" xfId="1398"/>
    <cellStyle name="Обычный 2 2 19 3 2 3" xfId="1399"/>
    <cellStyle name="Обычный 2 2 19 3 2 4" xfId="1400"/>
    <cellStyle name="Обычный 2 2 19 3 2 5" xfId="1401"/>
    <cellStyle name="Обычный 2 2 19 3 3" xfId="1402"/>
    <cellStyle name="Обычный 2 2 19 3 3 2" xfId="1403"/>
    <cellStyle name="Обычный 2 2 19 3 3 2 2" xfId="1404"/>
    <cellStyle name="Обычный 2 2 19 3 3 2 3" xfId="1405"/>
    <cellStyle name="Обычный 2 2 19 3 3 3" xfId="1406"/>
    <cellStyle name="Обычный 2 2 19 3 3 4" xfId="1407"/>
    <cellStyle name="Обычный 2 2 19 3 3 5" xfId="1408"/>
    <cellStyle name="Обычный 2 2 19 3 4" xfId="1409"/>
    <cellStyle name="Обычный 2 2 19 3 4 2" xfId="1410"/>
    <cellStyle name="Обычный 2 2 19 3 4 2 2" xfId="1411"/>
    <cellStyle name="Обычный 2 2 19 3 4 2 3" xfId="1412"/>
    <cellStyle name="Обычный 2 2 19 3 4 3" xfId="1413"/>
    <cellStyle name="Обычный 2 2 19 3 4 4" xfId="1414"/>
    <cellStyle name="Обычный 2 2 19 3 4 5" xfId="1415"/>
    <cellStyle name="Обычный 2 2 19 3 5" xfId="1416"/>
    <cellStyle name="Обычный 2 2 19 3 5 2" xfId="1417"/>
    <cellStyle name="Обычный 2 2 19 3 5 3" xfId="1418"/>
    <cellStyle name="Обычный 2 2 19 3 6" xfId="1419"/>
    <cellStyle name="Обычный 2 2 19 3 7" xfId="1420"/>
    <cellStyle name="Обычный 2 2 19 3 8" xfId="1421"/>
    <cellStyle name="Обычный 2 2 19 4" xfId="1422"/>
    <cellStyle name="Обычный 2 2 19 4 2" xfId="1423"/>
    <cellStyle name="Обычный 2 2 19 4 2 2" xfId="1424"/>
    <cellStyle name="Обычный 2 2 19 4 2 3" xfId="1425"/>
    <cellStyle name="Обычный 2 2 19 4 3" xfId="1426"/>
    <cellStyle name="Обычный 2 2 19 4 4" xfId="1427"/>
    <cellStyle name="Обычный 2 2 19 4 5" xfId="1428"/>
    <cellStyle name="Обычный 2 2 19 5" xfId="1429"/>
    <cellStyle name="Обычный 2 2 19 5 2" xfId="1430"/>
    <cellStyle name="Обычный 2 2 19 5 2 2" xfId="1431"/>
    <cellStyle name="Обычный 2 2 19 5 2 3" xfId="1432"/>
    <cellStyle name="Обычный 2 2 19 5 3" xfId="1433"/>
    <cellStyle name="Обычный 2 2 19 5 4" xfId="1434"/>
    <cellStyle name="Обычный 2 2 19 5 5" xfId="1435"/>
    <cellStyle name="Обычный 2 2 19 6" xfId="1436"/>
    <cellStyle name="Обычный 2 2 19 6 2" xfId="1437"/>
    <cellStyle name="Обычный 2 2 19 6 2 2" xfId="1438"/>
    <cellStyle name="Обычный 2 2 19 6 2 3" xfId="1439"/>
    <cellStyle name="Обычный 2 2 19 6 3" xfId="1440"/>
    <cellStyle name="Обычный 2 2 19 6 4" xfId="1441"/>
    <cellStyle name="Обычный 2 2 19 6 5" xfId="1442"/>
    <cellStyle name="Обычный 2 2 19 7" xfId="1443"/>
    <cellStyle name="Обычный 2 2 19 7 2" xfId="1444"/>
    <cellStyle name="Обычный 2 2 19 7 2 2" xfId="1445"/>
    <cellStyle name="Обычный 2 2 19 7 2 3" xfId="1446"/>
    <cellStyle name="Обычный 2 2 19 7 3" xfId="1447"/>
    <cellStyle name="Обычный 2 2 19 7 4" xfId="1448"/>
    <cellStyle name="Обычный 2 2 19 7 5" xfId="1449"/>
    <cellStyle name="Обычный 2 2 19 8" xfId="1450"/>
    <cellStyle name="Обычный 2 2 19 8 2" xfId="1451"/>
    <cellStyle name="Обычный 2 2 19 8 3" xfId="1452"/>
    <cellStyle name="Обычный 2 2 19 9" xfId="1453"/>
    <cellStyle name="Обычный 2 2 19 9 2" xfId="1454"/>
    <cellStyle name="Обычный 2 2 2" xfId="1455"/>
    <cellStyle name="Обычный 2 2 2 10" xfId="1456"/>
    <cellStyle name="Обычный 2 2 2 10 10" xfId="1457"/>
    <cellStyle name="Обычный 2 2 2 10 10 2" xfId="1458"/>
    <cellStyle name="Обычный 2 2 2 10 11" xfId="1459"/>
    <cellStyle name="Обычный 2 2 2 10 12" xfId="1460"/>
    <cellStyle name="Обычный 2 2 2 10 2" xfId="1461"/>
    <cellStyle name="Обычный 2 2 2 10 2 10" xfId="1462"/>
    <cellStyle name="Обычный 2 2 2 10 2 11" xfId="1463"/>
    <cellStyle name="Обычный 2 2 2 10 2 2" xfId="1464"/>
    <cellStyle name="Обычный 2 2 2 10 2 2 2" xfId="1465"/>
    <cellStyle name="Обычный 2 2 2 10 2 2 2 2" xfId="1466"/>
    <cellStyle name="Обычный 2 2 2 10 2 2 2 2 2" xfId="1467"/>
    <cellStyle name="Обычный 2 2 2 10 2 2 2 2 3" xfId="1468"/>
    <cellStyle name="Обычный 2 2 2 10 2 2 2 3" xfId="1469"/>
    <cellStyle name="Обычный 2 2 2 10 2 2 2 4" xfId="1470"/>
    <cellStyle name="Обычный 2 2 2 10 2 2 2 5" xfId="1471"/>
    <cellStyle name="Обычный 2 2 2 10 2 2 3" xfId="1472"/>
    <cellStyle name="Обычный 2 2 2 10 2 2 3 2" xfId="1473"/>
    <cellStyle name="Обычный 2 2 2 10 2 2 3 2 2" xfId="1474"/>
    <cellStyle name="Обычный 2 2 2 10 2 2 3 2 3" xfId="1475"/>
    <cellStyle name="Обычный 2 2 2 10 2 2 3 3" xfId="1476"/>
    <cellStyle name="Обычный 2 2 2 10 2 2 3 4" xfId="1477"/>
    <cellStyle name="Обычный 2 2 2 10 2 2 3 5" xfId="1478"/>
    <cellStyle name="Обычный 2 2 2 10 2 2 4" xfId="1479"/>
    <cellStyle name="Обычный 2 2 2 10 2 2 4 2" xfId="1480"/>
    <cellStyle name="Обычный 2 2 2 10 2 2 4 2 2" xfId="1481"/>
    <cellStyle name="Обычный 2 2 2 10 2 2 4 2 3" xfId="1482"/>
    <cellStyle name="Обычный 2 2 2 10 2 2 4 3" xfId="1483"/>
    <cellStyle name="Обычный 2 2 2 10 2 2 4 4" xfId="1484"/>
    <cellStyle name="Обычный 2 2 2 10 2 2 4 5" xfId="1485"/>
    <cellStyle name="Обычный 2 2 2 10 2 2 5" xfId="1486"/>
    <cellStyle name="Обычный 2 2 2 10 2 2 5 2" xfId="1487"/>
    <cellStyle name="Обычный 2 2 2 10 2 2 5 2 2" xfId="1488"/>
    <cellStyle name="Обычный 2 2 2 10 2 2 5 2 3" xfId="1489"/>
    <cellStyle name="Обычный 2 2 2 10 2 2 5 3" xfId="1490"/>
    <cellStyle name="Обычный 2 2 2 10 2 2 5 4" xfId="1491"/>
    <cellStyle name="Обычный 2 2 2 10 2 2 5 5" xfId="1492"/>
    <cellStyle name="Обычный 2 2 2 10 2 2 6" xfId="1493"/>
    <cellStyle name="Обычный 2 2 2 10 2 2 6 2" xfId="1494"/>
    <cellStyle name="Обычный 2 2 2 10 2 2 6 3" xfId="1495"/>
    <cellStyle name="Обычный 2 2 2 10 2 2 7" xfId="1496"/>
    <cellStyle name="Обычный 2 2 2 10 2 2 8" xfId="1497"/>
    <cellStyle name="Обычный 2 2 2 10 2 2 9" xfId="1498"/>
    <cellStyle name="Обычный 2 2 2 10 2 3" xfId="1499"/>
    <cellStyle name="Обычный 2 2 2 10 2 3 2" xfId="1500"/>
    <cellStyle name="Обычный 2 2 2 10 2 3 2 2" xfId="1501"/>
    <cellStyle name="Обычный 2 2 2 10 2 3 2 2 2" xfId="1502"/>
    <cellStyle name="Обычный 2 2 2 10 2 3 2 2 3" xfId="1503"/>
    <cellStyle name="Обычный 2 2 2 10 2 3 2 3" xfId="1504"/>
    <cellStyle name="Обычный 2 2 2 10 2 3 2 4" xfId="1505"/>
    <cellStyle name="Обычный 2 2 2 10 2 3 2 5" xfId="1506"/>
    <cellStyle name="Обычный 2 2 2 10 2 3 3" xfId="1507"/>
    <cellStyle name="Обычный 2 2 2 10 2 3 3 2" xfId="1508"/>
    <cellStyle name="Обычный 2 2 2 10 2 3 3 2 2" xfId="1509"/>
    <cellStyle name="Обычный 2 2 2 10 2 3 3 2 3" xfId="1510"/>
    <cellStyle name="Обычный 2 2 2 10 2 3 3 3" xfId="1511"/>
    <cellStyle name="Обычный 2 2 2 10 2 3 3 4" xfId="1512"/>
    <cellStyle name="Обычный 2 2 2 10 2 3 3 5" xfId="1513"/>
    <cellStyle name="Обычный 2 2 2 10 2 3 4" xfId="1514"/>
    <cellStyle name="Обычный 2 2 2 10 2 3 4 2" xfId="1515"/>
    <cellStyle name="Обычный 2 2 2 10 2 3 4 2 2" xfId="1516"/>
    <cellStyle name="Обычный 2 2 2 10 2 3 4 2 3" xfId="1517"/>
    <cellStyle name="Обычный 2 2 2 10 2 3 4 3" xfId="1518"/>
    <cellStyle name="Обычный 2 2 2 10 2 3 4 4" xfId="1519"/>
    <cellStyle name="Обычный 2 2 2 10 2 3 4 5" xfId="1520"/>
    <cellStyle name="Обычный 2 2 2 10 2 3 5" xfId="1521"/>
    <cellStyle name="Обычный 2 2 2 10 2 3 5 2" xfId="1522"/>
    <cellStyle name="Обычный 2 2 2 10 2 3 5 3" xfId="1523"/>
    <cellStyle name="Обычный 2 2 2 10 2 3 6" xfId="1524"/>
    <cellStyle name="Обычный 2 2 2 10 2 3 7" xfId="1525"/>
    <cellStyle name="Обычный 2 2 2 10 2 3 8" xfId="1526"/>
    <cellStyle name="Обычный 2 2 2 10 2 4" xfId="1527"/>
    <cellStyle name="Обычный 2 2 2 10 2 4 2" xfId="1528"/>
    <cellStyle name="Обычный 2 2 2 10 2 4 2 2" xfId="1529"/>
    <cellStyle name="Обычный 2 2 2 10 2 4 2 3" xfId="1530"/>
    <cellStyle name="Обычный 2 2 2 10 2 4 3" xfId="1531"/>
    <cellStyle name="Обычный 2 2 2 10 2 4 4" xfId="1532"/>
    <cellStyle name="Обычный 2 2 2 10 2 4 5" xfId="1533"/>
    <cellStyle name="Обычный 2 2 2 10 2 5" xfId="1534"/>
    <cellStyle name="Обычный 2 2 2 10 2 5 2" xfId="1535"/>
    <cellStyle name="Обычный 2 2 2 10 2 5 2 2" xfId="1536"/>
    <cellStyle name="Обычный 2 2 2 10 2 5 2 3" xfId="1537"/>
    <cellStyle name="Обычный 2 2 2 10 2 5 3" xfId="1538"/>
    <cellStyle name="Обычный 2 2 2 10 2 5 4" xfId="1539"/>
    <cellStyle name="Обычный 2 2 2 10 2 5 5" xfId="1540"/>
    <cellStyle name="Обычный 2 2 2 10 2 6" xfId="1541"/>
    <cellStyle name="Обычный 2 2 2 10 2 6 2" xfId="1542"/>
    <cellStyle name="Обычный 2 2 2 10 2 6 2 2" xfId="1543"/>
    <cellStyle name="Обычный 2 2 2 10 2 6 2 3" xfId="1544"/>
    <cellStyle name="Обычный 2 2 2 10 2 6 3" xfId="1545"/>
    <cellStyle name="Обычный 2 2 2 10 2 6 4" xfId="1546"/>
    <cellStyle name="Обычный 2 2 2 10 2 6 5" xfId="1547"/>
    <cellStyle name="Обычный 2 2 2 10 2 7" xfId="1548"/>
    <cellStyle name="Обычный 2 2 2 10 2 7 2" xfId="1549"/>
    <cellStyle name="Обычный 2 2 2 10 2 7 2 2" xfId="1550"/>
    <cellStyle name="Обычный 2 2 2 10 2 7 2 3" xfId="1551"/>
    <cellStyle name="Обычный 2 2 2 10 2 7 3" xfId="1552"/>
    <cellStyle name="Обычный 2 2 2 10 2 7 4" xfId="1553"/>
    <cellStyle name="Обычный 2 2 2 10 2 7 5" xfId="1554"/>
    <cellStyle name="Обычный 2 2 2 10 2 8" xfId="1555"/>
    <cellStyle name="Обычный 2 2 2 10 2 8 2" xfId="1556"/>
    <cellStyle name="Обычный 2 2 2 10 2 8 3" xfId="1557"/>
    <cellStyle name="Обычный 2 2 2 10 2 9" xfId="1558"/>
    <cellStyle name="Обычный 2 2 2 10 2 9 2" xfId="1559"/>
    <cellStyle name="Обычный 2 2 2 10 3" xfId="1560"/>
    <cellStyle name="Обычный 2 2 2 10 3 2" xfId="1561"/>
    <cellStyle name="Обычный 2 2 2 10 3 2 2" xfId="1562"/>
    <cellStyle name="Обычный 2 2 2 10 3 2 2 2" xfId="1563"/>
    <cellStyle name="Обычный 2 2 2 10 3 2 2 3" xfId="1564"/>
    <cellStyle name="Обычный 2 2 2 10 3 2 3" xfId="1565"/>
    <cellStyle name="Обычный 2 2 2 10 3 2 4" xfId="1566"/>
    <cellStyle name="Обычный 2 2 2 10 3 2 5" xfId="1567"/>
    <cellStyle name="Обычный 2 2 2 10 3 3" xfId="1568"/>
    <cellStyle name="Обычный 2 2 2 10 3 3 2" xfId="1569"/>
    <cellStyle name="Обычный 2 2 2 10 3 3 2 2" xfId="1570"/>
    <cellStyle name="Обычный 2 2 2 10 3 3 2 3" xfId="1571"/>
    <cellStyle name="Обычный 2 2 2 10 3 3 3" xfId="1572"/>
    <cellStyle name="Обычный 2 2 2 10 3 3 4" xfId="1573"/>
    <cellStyle name="Обычный 2 2 2 10 3 3 5" xfId="1574"/>
    <cellStyle name="Обычный 2 2 2 10 3 4" xfId="1575"/>
    <cellStyle name="Обычный 2 2 2 10 3 4 2" xfId="1576"/>
    <cellStyle name="Обычный 2 2 2 10 3 4 2 2" xfId="1577"/>
    <cellStyle name="Обычный 2 2 2 10 3 4 2 3" xfId="1578"/>
    <cellStyle name="Обычный 2 2 2 10 3 4 3" xfId="1579"/>
    <cellStyle name="Обычный 2 2 2 10 3 4 4" xfId="1580"/>
    <cellStyle name="Обычный 2 2 2 10 3 4 5" xfId="1581"/>
    <cellStyle name="Обычный 2 2 2 10 3 5" xfId="1582"/>
    <cellStyle name="Обычный 2 2 2 10 3 5 2" xfId="1583"/>
    <cellStyle name="Обычный 2 2 2 10 3 5 2 2" xfId="1584"/>
    <cellStyle name="Обычный 2 2 2 10 3 5 2 3" xfId="1585"/>
    <cellStyle name="Обычный 2 2 2 10 3 5 3" xfId="1586"/>
    <cellStyle name="Обычный 2 2 2 10 3 5 4" xfId="1587"/>
    <cellStyle name="Обычный 2 2 2 10 3 5 5" xfId="1588"/>
    <cellStyle name="Обычный 2 2 2 10 3 6" xfId="1589"/>
    <cellStyle name="Обычный 2 2 2 10 3 6 2" xfId="1590"/>
    <cellStyle name="Обычный 2 2 2 10 3 6 3" xfId="1591"/>
    <cellStyle name="Обычный 2 2 2 10 3 7" xfId="1592"/>
    <cellStyle name="Обычный 2 2 2 10 3 8" xfId="1593"/>
    <cellStyle name="Обычный 2 2 2 10 3 9" xfId="1594"/>
    <cellStyle name="Обычный 2 2 2 10 4" xfId="1595"/>
    <cellStyle name="Обычный 2 2 2 10 4 2" xfId="1596"/>
    <cellStyle name="Обычный 2 2 2 10 4 2 2" xfId="1597"/>
    <cellStyle name="Обычный 2 2 2 10 4 2 2 2" xfId="1598"/>
    <cellStyle name="Обычный 2 2 2 10 4 2 2 3" xfId="1599"/>
    <cellStyle name="Обычный 2 2 2 10 4 2 3" xfId="1600"/>
    <cellStyle name="Обычный 2 2 2 10 4 2 4" xfId="1601"/>
    <cellStyle name="Обычный 2 2 2 10 4 2 5" xfId="1602"/>
    <cellStyle name="Обычный 2 2 2 10 4 3" xfId="1603"/>
    <cellStyle name="Обычный 2 2 2 10 4 3 2" xfId="1604"/>
    <cellStyle name="Обычный 2 2 2 10 4 3 2 2" xfId="1605"/>
    <cellStyle name="Обычный 2 2 2 10 4 3 2 3" xfId="1606"/>
    <cellStyle name="Обычный 2 2 2 10 4 3 3" xfId="1607"/>
    <cellStyle name="Обычный 2 2 2 10 4 3 4" xfId="1608"/>
    <cellStyle name="Обычный 2 2 2 10 4 3 5" xfId="1609"/>
    <cellStyle name="Обычный 2 2 2 10 4 4" xfId="1610"/>
    <cellStyle name="Обычный 2 2 2 10 4 4 2" xfId="1611"/>
    <cellStyle name="Обычный 2 2 2 10 4 4 2 2" xfId="1612"/>
    <cellStyle name="Обычный 2 2 2 10 4 4 2 3" xfId="1613"/>
    <cellStyle name="Обычный 2 2 2 10 4 4 3" xfId="1614"/>
    <cellStyle name="Обычный 2 2 2 10 4 4 4" xfId="1615"/>
    <cellStyle name="Обычный 2 2 2 10 4 4 5" xfId="1616"/>
    <cellStyle name="Обычный 2 2 2 10 4 5" xfId="1617"/>
    <cellStyle name="Обычный 2 2 2 10 4 5 2" xfId="1618"/>
    <cellStyle name="Обычный 2 2 2 10 4 5 3" xfId="1619"/>
    <cellStyle name="Обычный 2 2 2 10 4 6" xfId="1620"/>
    <cellStyle name="Обычный 2 2 2 10 4 7" xfId="1621"/>
    <cellStyle name="Обычный 2 2 2 10 4 8" xfId="1622"/>
    <cellStyle name="Обычный 2 2 2 10 5" xfId="1623"/>
    <cellStyle name="Обычный 2 2 2 10 5 2" xfId="1624"/>
    <cellStyle name="Обычный 2 2 2 10 5 2 2" xfId="1625"/>
    <cellStyle name="Обычный 2 2 2 10 5 2 3" xfId="1626"/>
    <cellStyle name="Обычный 2 2 2 10 5 3" xfId="1627"/>
    <cellStyle name="Обычный 2 2 2 10 5 4" xfId="1628"/>
    <cellStyle name="Обычный 2 2 2 10 5 5" xfId="1629"/>
    <cellStyle name="Обычный 2 2 2 10 6" xfId="1630"/>
    <cellStyle name="Обычный 2 2 2 10 6 2" xfId="1631"/>
    <cellStyle name="Обычный 2 2 2 10 6 2 2" xfId="1632"/>
    <cellStyle name="Обычный 2 2 2 10 6 2 3" xfId="1633"/>
    <cellStyle name="Обычный 2 2 2 10 6 3" xfId="1634"/>
    <cellStyle name="Обычный 2 2 2 10 6 4" xfId="1635"/>
    <cellStyle name="Обычный 2 2 2 10 6 5" xfId="1636"/>
    <cellStyle name="Обычный 2 2 2 10 7" xfId="1637"/>
    <cellStyle name="Обычный 2 2 2 10 7 2" xfId="1638"/>
    <cellStyle name="Обычный 2 2 2 10 7 2 2" xfId="1639"/>
    <cellStyle name="Обычный 2 2 2 10 7 2 3" xfId="1640"/>
    <cellStyle name="Обычный 2 2 2 10 7 3" xfId="1641"/>
    <cellStyle name="Обычный 2 2 2 10 7 4" xfId="1642"/>
    <cellStyle name="Обычный 2 2 2 10 7 5" xfId="1643"/>
    <cellStyle name="Обычный 2 2 2 10 8" xfId="1644"/>
    <cellStyle name="Обычный 2 2 2 10 8 2" xfId="1645"/>
    <cellStyle name="Обычный 2 2 2 10 8 2 2" xfId="1646"/>
    <cellStyle name="Обычный 2 2 2 10 8 2 3" xfId="1647"/>
    <cellStyle name="Обычный 2 2 2 10 8 3" xfId="1648"/>
    <cellStyle name="Обычный 2 2 2 10 8 4" xfId="1649"/>
    <cellStyle name="Обычный 2 2 2 10 8 5" xfId="1650"/>
    <cellStyle name="Обычный 2 2 2 10 9" xfId="1651"/>
    <cellStyle name="Обычный 2 2 2 10 9 2" xfId="1652"/>
    <cellStyle name="Обычный 2 2 2 10 9 3" xfId="1653"/>
    <cellStyle name="Обычный 2 2 2 11" xfId="1654"/>
    <cellStyle name="Обычный 2 2 2 11 10" xfId="1655"/>
    <cellStyle name="Обычный 2 2 2 11 10 2" xfId="1656"/>
    <cellStyle name="Обычный 2 2 2 11 11" xfId="1657"/>
    <cellStyle name="Обычный 2 2 2 11 12" xfId="1658"/>
    <cellStyle name="Обычный 2 2 2 11 2" xfId="1659"/>
    <cellStyle name="Обычный 2 2 2 11 2 10" xfId="1660"/>
    <cellStyle name="Обычный 2 2 2 11 2 11" xfId="1661"/>
    <cellStyle name="Обычный 2 2 2 11 2 2" xfId="1662"/>
    <cellStyle name="Обычный 2 2 2 11 2 2 2" xfId="1663"/>
    <cellStyle name="Обычный 2 2 2 11 2 2 2 2" xfId="1664"/>
    <cellStyle name="Обычный 2 2 2 11 2 2 2 2 2" xfId="1665"/>
    <cellStyle name="Обычный 2 2 2 11 2 2 2 2 3" xfId="1666"/>
    <cellStyle name="Обычный 2 2 2 11 2 2 2 3" xfId="1667"/>
    <cellStyle name="Обычный 2 2 2 11 2 2 2 4" xfId="1668"/>
    <cellStyle name="Обычный 2 2 2 11 2 2 2 5" xfId="1669"/>
    <cellStyle name="Обычный 2 2 2 11 2 2 3" xfId="1670"/>
    <cellStyle name="Обычный 2 2 2 11 2 2 3 2" xfId="1671"/>
    <cellStyle name="Обычный 2 2 2 11 2 2 3 2 2" xfId="1672"/>
    <cellStyle name="Обычный 2 2 2 11 2 2 3 2 3" xfId="1673"/>
    <cellStyle name="Обычный 2 2 2 11 2 2 3 3" xfId="1674"/>
    <cellStyle name="Обычный 2 2 2 11 2 2 3 4" xfId="1675"/>
    <cellStyle name="Обычный 2 2 2 11 2 2 3 5" xfId="1676"/>
    <cellStyle name="Обычный 2 2 2 11 2 2 4" xfId="1677"/>
    <cellStyle name="Обычный 2 2 2 11 2 2 4 2" xfId="1678"/>
    <cellStyle name="Обычный 2 2 2 11 2 2 4 2 2" xfId="1679"/>
    <cellStyle name="Обычный 2 2 2 11 2 2 4 2 3" xfId="1680"/>
    <cellStyle name="Обычный 2 2 2 11 2 2 4 3" xfId="1681"/>
    <cellStyle name="Обычный 2 2 2 11 2 2 4 4" xfId="1682"/>
    <cellStyle name="Обычный 2 2 2 11 2 2 4 5" xfId="1683"/>
    <cellStyle name="Обычный 2 2 2 11 2 2 5" xfId="1684"/>
    <cellStyle name="Обычный 2 2 2 11 2 2 5 2" xfId="1685"/>
    <cellStyle name="Обычный 2 2 2 11 2 2 5 2 2" xfId="1686"/>
    <cellStyle name="Обычный 2 2 2 11 2 2 5 2 3" xfId="1687"/>
    <cellStyle name="Обычный 2 2 2 11 2 2 5 3" xfId="1688"/>
    <cellStyle name="Обычный 2 2 2 11 2 2 5 4" xfId="1689"/>
    <cellStyle name="Обычный 2 2 2 11 2 2 5 5" xfId="1690"/>
    <cellStyle name="Обычный 2 2 2 11 2 2 6" xfId="1691"/>
    <cellStyle name="Обычный 2 2 2 11 2 2 6 2" xfId="1692"/>
    <cellStyle name="Обычный 2 2 2 11 2 2 6 3" xfId="1693"/>
    <cellStyle name="Обычный 2 2 2 11 2 2 7" xfId="1694"/>
    <cellStyle name="Обычный 2 2 2 11 2 2 8" xfId="1695"/>
    <cellStyle name="Обычный 2 2 2 11 2 2 9" xfId="1696"/>
    <cellStyle name="Обычный 2 2 2 11 2 3" xfId="1697"/>
    <cellStyle name="Обычный 2 2 2 11 2 3 2" xfId="1698"/>
    <cellStyle name="Обычный 2 2 2 11 2 3 2 2" xfId="1699"/>
    <cellStyle name="Обычный 2 2 2 11 2 3 2 2 2" xfId="1700"/>
    <cellStyle name="Обычный 2 2 2 11 2 3 2 2 3" xfId="1701"/>
    <cellStyle name="Обычный 2 2 2 11 2 3 2 3" xfId="1702"/>
    <cellStyle name="Обычный 2 2 2 11 2 3 2 4" xfId="1703"/>
    <cellStyle name="Обычный 2 2 2 11 2 3 2 5" xfId="1704"/>
    <cellStyle name="Обычный 2 2 2 11 2 3 3" xfId="1705"/>
    <cellStyle name="Обычный 2 2 2 11 2 3 3 2" xfId="1706"/>
    <cellStyle name="Обычный 2 2 2 11 2 3 3 2 2" xfId="1707"/>
    <cellStyle name="Обычный 2 2 2 11 2 3 3 2 3" xfId="1708"/>
    <cellStyle name="Обычный 2 2 2 11 2 3 3 3" xfId="1709"/>
    <cellStyle name="Обычный 2 2 2 11 2 3 3 4" xfId="1710"/>
    <cellStyle name="Обычный 2 2 2 11 2 3 3 5" xfId="1711"/>
    <cellStyle name="Обычный 2 2 2 11 2 3 4" xfId="1712"/>
    <cellStyle name="Обычный 2 2 2 11 2 3 4 2" xfId="1713"/>
    <cellStyle name="Обычный 2 2 2 11 2 3 4 2 2" xfId="1714"/>
    <cellStyle name="Обычный 2 2 2 11 2 3 4 2 3" xfId="1715"/>
    <cellStyle name="Обычный 2 2 2 11 2 3 4 3" xfId="1716"/>
    <cellStyle name="Обычный 2 2 2 11 2 3 4 4" xfId="1717"/>
    <cellStyle name="Обычный 2 2 2 11 2 3 4 5" xfId="1718"/>
    <cellStyle name="Обычный 2 2 2 11 2 3 5" xfId="1719"/>
    <cellStyle name="Обычный 2 2 2 11 2 3 5 2" xfId="1720"/>
    <cellStyle name="Обычный 2 2 2 11 2 3 5 3" xfId="1721"/>
    <cellStyle name="Обычный 2 2 2 11 2 3 6" xfId="1722"/>
    <cellStyle name="Обычный 2 2 2 11 2 3 7" xfId="1723"/>
    <cellStyle name="Обычный 2 2 2 11 2 3 8" xfId="1724"/>
    <cellStyle name="Обычный 2 2 2 11 2 4" xfId="1725"/>
    <cellStyle name="Обычный 2 2 2 11 2 4 2" xfId="1726"/>
    <cellStyle name="Обычный 2 2 2 11 2 4 2 2" xfId="1727"/>
    <cellStyle name="Обычный 2 2 2 11 2 4 2 3" xfId="1728"/>
    <cellStyle name="Обычный 2 2 2 11 2 4 3" xfId="1729"/>
    <cellStyle name="Обычный 2 2 2 11 2 4 4" xfId="1730"/>
    <cellStyle name="Обычный 2 2 2 11 2 4 5" xfId="1731"/>
    <cellStyle name="Обычный 2 2 2 11 2 5" xfId="1732"/>
    <cellStyle name="Обычный 2 2 2 11 2 5 2" xfId="1733"/>
    <cellStyle name="Обычный 2 2 2 11 2 5 2 2" xfId="1734"/>
    <cellStyle name="Обычный 2 2 2 11 2 5 2 3" xfId="1735"/>
    <cellStyle name="Обычный 2 2 2 11 2 5 3" xfId="1736"/>
    <cellStyle name="Обычный 2 2 2 11 2 5 4" xfId="1737"/>
    <cellStyle name="Обычный 2 2 2 11 2 5 5" xfId="1738"/>
    <cellStyle name="Обычный 2 2 2 11 2 6" xfId="1739"/>
    <cellStyle name="Обычный 2 2 2 11 2 6 2" xfId="1740"/>
    <cellStyle name="Обычный 2 2 2 11 2 6 2 2" xfId="1741"/>
    <cellStyle name="Обычный 2 2 2 11 2 6 2 3" xfId="1742"/>
    <cellStyle name="Обычный 2 2 2 11 2 6 3" xfId="1743"/>
    <cellStyle name="Обычный 2 2 2 11 2 6 4" xfId="1744"/>
    <cellStyle name="Обычный 2 2 2 11 2 6 5" xfId="1745"/>
    <cellStyle name="Обычный 2 2 2 11 2 7" xfId="1746"/>
    <cellStyle name="Обычный 2 2 2 11 2 7 2" xfId="1747"/>
    <cellStyle name="Обычный 2 2 2 11 2 7 2 2" xfId="1748"/>
    <cellStyle name="Обычный 2 2 2 11 2 7 2 3" xfId="1749"/>
    <cellStyle name="Обычный 2 2 2 11 2 7 3" xfId="1750"/>
    <cellStyle name="Обычный 2 2 2 11 2 7 4" xfId="1751"/>
    <cellStyle name="Обычный 2 2 2 11 2 7 5" xfId="1752"/>
    <cellStyle name="Обычный 2 2 2 11 2 8" xfId="1753"/>
    <cellStyle name="Обычный 2 2 2 11 2 8 2" xfId="1754"/>
    <cellStyle name="Обычный 2 2 2 11 2 8 3" xfId="1755"/>
    <cellStyle name="Обычный 2 2 2 11 2 9" xfId="1756"/>
    <cellStyle name="Обычный 2 2 2 11 2 9 2" xfId="1757"/>
    <cellStyle name="Обычный 2 2 2 11 3" xfId="1758"/>
    <cellStyle name="Обычный 2 2 2 11 3 2" xfId="1759"/>
    <cellStyle name="Обычный 2 2 2 11 3 2 2" xfId="1760"/>
    <cellStyle name="Обычный 2 2 2 11 3 2 2 2" xfId="1761"/>
    <cellStyle name="Обычный 2 2 2 11 3 2 2 3" xfId="1762"/>
    <cellStyle name="Обычный 2 2 2 11 3 2 3" xfId="1763"/>
    <cellStyle name="Обычный 2 2 2 11 3 2 4" xfId="1764"/>
    <cellStyle name="Обычный 2 2 2 11 3 2 5" xfId="1765"/>
    <cellStyle name="Обычный 2 2 2 11 3 3" xfId="1766"/>
    <cellStyle name="Обычный 2 2 2 11 3 3 2" xfId="1767"/>
    <cellStyle name="Обычный 2 2 2 11 3 3 2 2" xfId="1768"/>
    <cellStyle name="Обычный 2 2 2 11 3 3 2 3" xfId="1769"/>
    <cellStyle name="Обычный 2 2 2 11 3 3 3" xfId="1770"/>
    <cellStyle name="Обычный 2 2 2 11 3 3 4" xfId="1771"/>
    <cellStyle name="Обычный 2 2 2 11 3 3 5" xfId="1772"/>
    <cellStyle name="Обычный 2 2 2 11 3 4" xfId="1773"/>
    <cellStyle name="Обычный 2 2 2 11 3 4 2" xfId="1774"/>
    <cellStyle name="Обычный 2 2 2 11 3 4 2 2" xfId="1775"/>
    <cellStyle name="Обычный 2 2 2 11 3 4 2 3" xfId="1776"/>
    <cellStyle name="Обычный 2 2 2 11 3 4 3" xfId="1777"/>
    <cellStyle name="Обычный 2 2 2 11 3 4 4" xfId="1778"/>
    <cellStyle name="Обычный 2 2 2 11 3 4 5" xfId="1779"/>
    <cellStyle name="Обычный 2 2 2 11 3 5" xfId="1780"/>
    <cellStyle name="Обычный 2 2 2 11 3 5 2" xfId="1781"/>
    <cellStyle name="Обычный 2 2 2 11 3 5 2 2" xfId="1782"/>
    <cellStyle name="Обычный 2 2 2 11 3 5 2 3" xfId="1783"/>
    <cellStyle name="Обычный 2 2 2 11 3 5 3" xfId="1784"/>
    <cellStyle name="Обычный 2 2 2 11 3 5 4" xfId="1785"/>
    <cellStyle name="Обычный 2 2 2 11 3 5 5" xfId="1786"/>
    <cellStyle name="Обычный 2 2 2 11 3 6" xfId="1787"/>
    <cellStyle name="Обычный 2 2 2 11 3 6 2" xfId="1788"/>
    <cellStyle name="Обычный 2 2 2 11 3 6 3" xfId="1789"/>
    <cellStyle name="Обычный 2 2 2 11 3 7" xfId="1790"/>
    <cellStyle name="Обычный 2 2 2 11 3 8" xfId="1791"/>
    <cellStyle name="Обычный 2 2 2 11 3 9" xfId="1792"/>
    <cellStyle name="Обычный 2 2 2 11 4" xfId="1793"/>
    <cellStyle name="Обычный 2 2 2 11 4 2" xfId="1794"/>
    <cellStyle name="Обычный 2 2 2 11 4 2 2" xfId="1795"/>
    <cellStyle name="Обычный 2 2 2 11 4 2 2 2" xfId="1796"/>
    <cellStyle name="Обычный 2 2 2 11 4 2 2 3" xfId="1797"/>
    <cellStyle name="Обычный 2 2 2 11 4 2 3" xfId="1798"/>
    <cellStyle name="Обычный 2 2 2 11 4 2 4" xfId="1799"/>
    <cellStyle name="Обычный 2 2 2 11 4 2 5" xfId="1800"/>
    <cellStyle name="Обычный 2 2 2 11 4 3" xfId="1801"/>
    <cellStyle name="Обычный 2 2 2 11 4 3 2" xfId="1802"/>
    <cellStyle name="Обычный 2 2 2 11 4 3 2 2" xfId="1803"/>
    <cellStyle name="Обычный 2 2 2 11 4 3 2 3" xfId="1804"/>
    <cellStyle name="Обычный 2 2 2 11 4 3 3" xfId="1805"/>
    <cellStyle name="Обычный 2 2 2 11 4 3 4" xfId="1806"/>
    <cellStyle name="Обычный 2 2 2 11 4 3 5" xfId="1807"/>
    <cellStyle name="Обычный 2 2 2 11 4 4" xfId="1808"/>
    <cellStyle name="Обычный 2 2 2 11 4 4 2" xfId="1809"/>
    <cellStyle name="Обычный 2 2 2 11 4 4 2 2" xfId="1810"/>
    <cellStyle name="Обычный 2 2 2 11 4 4 2 3" xfId="1811"/>
    <cellStyle name="Обычный 2 2 2 11 4 4 3" xfId="1812"/>
    <cellStyle name="Обычный 2 2 2 11 4 4 4" xfId="1813"/>
    <cellStyle name="Обычный 2 2 2 11 4 4 5" xfId="1814"/>
    <cellStyle name="Обычный 2 2 2 11 4 5" xfId="1815"/>
    <cellStyle name="Обычный 2 2 2 11 4 5 2" xfId="1816"/>
    <cellStyle name="Обычный 2 2 2 11 4 5 3" xfId="1817"/>
    <cellStyle name="Обычный 2 2 2 11 4 6" xfId="1818"/>
    <cellStyle name="Обычный 2 2 2 11 4 7" xfId="1819"/>
    <cellStyle name="Обычный 2 2 2 11 4 8" xfId="1820"/>
    <cellStyle name="Обычный 2 2 2 11 5" xfId="1821"/>
    <cellStyle name="Обычный 2 2 2 11 5 2" xfId="1822"/>
    <cellStyle name="Обычный 2 2 2 11 5 2 2" xfId="1823"/>
    <cellStyle name="Обычный 2 2 2 11 5 2 3" xfId="1824"/>
    <cellStyle name="Обычный 2 2 2 11 5 3" xfId="1825"/>
    <cellStyle name="Обычный 2 2 2 11 5 4" xfId="1826"/>
    <cellStyle name="Обычный 2 2 2 11 5 5" xfId="1827"/>
    <cellStyle name="Обычный 2 2 2 11 6" xfId="1828"/>
    <cellStyle name="Обычный 2 2 2 11 6 2" xfId="1829"/>
    <cellStyle name="Обычный 2 2 2 11 6 2 2" xfId="1830"/>
    <cellStyle name="Обычный 2 2 2 11 6 2 3" xfId="1831"/>
    <cellStyle name="Обычный 2 2 2 11 6 3" xfId="1832"/>
    <cellStyle name="Обычный 2 2 2 11 6 4" xfId="1833"/>
    <cellStyle name="Обычный 2 2 2 11 6 5" xfId="1834"/>
    <cellStyle name="Обычный 2 2 2 11 7" xfId="1835"/>
    <cellStyle name="Обычный 2 2 2 11 7 2" xfId="1836"/>
    <cellStyle name="Обычный 2 2 2 11 7 2 2" xfId="1837"/>
    <cellStyle name="Обычный 2 2 2 11 7 2 3" xfId="1838"/>
    <cellStyle name="Обычный 2 2 2 11 7 3" xfId="1839"/>
    <cellStyle name="Обычный 2 2 2 11 7 4" xfId="1840"/>
    <cellStyle name="Обычный 2 2 2 11 7 5" xfId="1841"/>
    <cellStyle name="Обычный 2 2 2 11 8" xfId="1842"/>
    <cellStyle name="Обычный 2 2 2 11 8 2" xfId="1843"/>
    <cellStyle name="Обычный 2 2 2 11 8 2 2" xfId="1844"/>
    <cellStyle name="Обычный 2 2 2 11 8 2 3" xfId="1845"/>
    <cellStyle name="Обычный 2 2 2 11 8 3" xfId="1846"/>
    <cellStyle name="Обычный 2 2 2 11 8 4" xfId="1847"/>
    <cellStyle name="Обычный 2 2 2 11 8 5" xfId="1848"/>
    <cellStyle name="Обычный 2 2 2 11 9" xfId="1849"/>
    <cellStyle name="Обычный 2 2 2 11 9 2" xfId="1850"/>
    <cellStyle name="Обычный 2 2 2 11 9 3" xfId="1851"/>
    <cellStyle name="Обычный 2 2 2 12" xfId="1852"/>
    <cellStyle name="Обычный 2 2 2 12 10" xfId="1853"/>
    <cellStyle name="Обычный 2 2 2 12 10 2" xfId="1854"/>
    <cellStyle name="Обычный 2 2 2 12 11" xfId="1855"/>
    <cellStyle name="Обычный 2 2 2 12 12" xfId="1856"/>
    <cellStyle name="Обычный 2 2 2 12 2" xfId="1857"/>
    <cellStyle name="Обычный 2 2 2 12 2 10" xfId="1858"/>
    <cellStyle name="Обычный 2 2 2 12 2 11" xfId="1859"/>
    <cellStyle name="Обычный 2 2 2 12 2 2" xfId="1860"/>
    <cellStyle name="Обычный 2 2 2 12 2 2 2" xfId="1861"/>
    <cellStyle name="Обычный 2 2 2 12 2 2 2 2" xfId="1862"/>
    <cellStyle name="Обычный 2 2 2 12 2 2 2 2 2" xfId="1863"/>
    <cellStyle name="Обычный 2 2 2 12 2 2 2 2 3" xfId="1864"/>
    <cellStyle name="Обычный 2 2 2 12 2 2 2 3" xfId="1865"/>
    <cellStyle name="Обычный 2 2 2 12 2 2 2 4" xfId="1866"/>
    <cellStyle name="Обычный 2 2 2 12 2 2 2 5" xfId="1867"/>
    <cellStyle name="Обычный 2 2 2 12 2 2 3" xfId="1868"/>
    <cellStyle name="Обычный 2 2 2 12 2 2 3 2" xfId="1869"/>
    <cellStyle name="Обычный 2 2 2 12 2 2 3 2 2" xfId="1870"/>
    <cellStyle name="Обычный 2 2 2 12 2 2 3 2 3" xfId="1871"/>
    <cellStyle name="Обычный 2 2 2 12 2 2 3 3" xfId="1872"/>
    <cellStyle name="Обычный 2 2 2 12 2 2 3 4" xfId="1873"/>
    <cellStyle name="Обычный 2 2 2 12 2 2 3 5" xfId="1874"/>
    <cellStyle name="Обычный 2 2 2 12 2 2 4" xfId="1875"/>
    <cellStyle name="Обычный 2 2 2 12 2 2 4 2" xfId="1876"/>
    <cellStyle name="Обычный 2 2 2 12 2 2 4 2 2" xfId="1877"/>
    <cellStyle name="Обычный 2 2 2 12 2 2 4 2 3" xfId="1878"/>
    <cellStyle name="Обычный 2 2 2 12 2 2 4 3" xfId="1879"/>
    <cellStyle name="Обычный 2 2 2 12 2 2 4 4" xfId="1880"/>
    <cellStyle name="Обычный 2 2 2 12 2 2 4 5" xfId="1881"/>
    <cellStyle name="Обычный 2 2 2 12 2 2 5" xfId="1882"/>
    <cellStyle name="Обычный 2 2 2 12 2 2 5 2" xfId="1883"/>
    <cellStyle name="Обычный 2 2 2 12 2 2 5 2 2" xfId="1884"/>
    <cellStyle name="Обычный 2 2 2 12 2 2 5 2 3" xfId="1885"/>
    <cellStyle name="Обычный 2 2 2 12 2 2 5 3" xfId="1886"/>
    <cellStyle name="Обычный 2 2 2 12 2 2 5 4" xfId="1887"/>
    <cellStyle name="Обычный 2 2 2 12 2 2 5 5" xfId="1888"/>
    <cellStyle name="Обычный 2 2 2 12 2 2 6" xfId="1889"/>
    <cellStyle name="Обычный 2 2 2 12 2 2 6 2" xfId="1890"/>
    <cellStyle name="Обычный 2 2 2 12 2 2 6 3" xfId="1891"/>
    <cellStyle name="Обычный 2 2 2 12 2 2 7" xfId="1892"/>
    <cellStyle name="Обычный 2 2 2 12 2 2 8" xfId="1893"/>
    <cellStyle name="Обычный 2 2 2 12 2 2 9" xfId="1894"/>
    <cellStyle name="Обычный 2 2 2 12 2 3" xfId="1895"/>
    <cellStyle name="Обычный 2 2 2 12 2 3 2" xfId="1896"/>
    <cellStyle name="Обычный 2 2 2 12 2 3 2 2" xfId="1897"/>
    <cellStyle name="Обычный 2 2 2 12 2 3 2 2 2" xfId="1898"/>
    <cellStyle name="Обычный 2 2 2 12 2 3 2 2 3" xfId="1899"/>
    <cellStyle name="Обычный 2 2 2 12 2 3 2 3" xfId="1900"/>
    <cellStyle name="Обычный 2 2 2 12 2 3 2 4" xfId="1901"/>
    <cellStyle name="Обычный 2 2 2 12 2 3 2 5" xfId="1902"/>
    <cellStyle name="Обычный 2 2 2 12 2 3 3" xfId="1903"/>
    <cellStyle name="Обычный 2 2 2 12 2 3 3 2" xfId="1904"/>
    <cellStyle name="Обычный 2 2 2 12 2 3 3 2 2" xfId="1905"/>
    <cellStyle name="Обычный 2 2 2 12 2 3 3 2 3" xfId="1906"/>
    <cellStyle name="Обычный 2 2 2 12 2 3 3 3" xfId="1907"/>
    <cellStyle name="Обычный 2 2 2 12 2 3 3 4" xfId="1908"/>
    <cellStyle name="Обычный 2 2 2 12 2 3 3 5" xfId="1909"/>
    <cellStyle name="Обычный 2 2 2 12 2 3 4" xfId="1910"/>
    <cellStyle name="Обычный 2 2 2 12 2 3 4 2" xfId="1911"/>
    <cellStyle name="Обычный 2 2 2 12 2 3 4 2 2" xfId="1912"/>
    <cellStyle name="Обычный 2 2 2 12 2 3 4 2 3" xfId="1913"/>
    <cellStyle name="Обычный 2 2 2 12 2 3 4 3" xfId="1914"/>
    <cellStyle name="Обычный 2 2 2 12 2 3 4 4" xfId="1915"/>
    <cellStyle name="Обычный 2 2 2 12 2 3 4 5" xfId="1916"/>
    <cellStyle name="Обычный 2 2 2 12 2 3 5" xfId="1917"/>
    <cellStyle name="Обычный 2 2 2 12 2 3 5 2" xfId="1918"/>
    <cellStyle name="Обычный 2 2 2 12 2 3 5 3" xfId="1919"/>
    <cellStyle name="Обычный 2 2 2 12 2 3 6" xfId="1920"/>
    <cellStyle name="Обычный 2 2 2 12 2 3 7" xfId="1921"/>
    <cellStyle name="Обычный 2 2 2 12 2 3 8" xfId="1922"/>
    <cellStyle name="Обычный 2 2 2 12 2 4" xfId="1923"/>
    <cellStyle name="Обычный 2 2 2 12 2 4 2" xfId="1924"/>
    <cellStyle name="Обычный 2 2 2 12 2 4 2 2" xfId="1925"/>
    <cellStyle name="Обычный 2 2 2 12 2 4 2 3" xfId="1926"/>
    <cellStyle name="Обычный 2 2 2 12 2 4 3" xfId="1927"/>
    <cellStyle name="Обычный 2 2 2 12 2 4 4" xfId="1928"/>
    <cellStyle name="Обычный 2 2 2 12 2 4 5" xfId="1929"/>
    <cellStyle name="Обычный 2 2 2 12 2 5" xfId="1930"/>
    <cellStyle name="Обычный 2 2 2 12 2 5 2" xfId="1931"/>
    <cellStyle name="Обычный 2 2 2 12 2 5 2 2" xfId="1932"/>
    <cellStyle name="Обычный 2 2 2 12 2 5 2 3" xfId="1933"/>
    <cellStyle name="Обычный 2 2 2 12 2 5 3" xfId="1934"/>
    <cellStyle name="Обычный 2 2 2 12 2 5 4" xfId="1935"/>
    <cellStyle name="Обычный 2 2 2 12 2 5 5" xfId="1936"/>
    <cellStyle name="Обычный 2 2 2 12 2 6" xfId="1937"/>
    <cellStyle name="Обычный 2 2 2 12 2 6 2" xfId="1938"/>
    <cellStyle name="Обычный 2 2 2 12 2 6 2 2" xfId="1939"/>
    <cellStyle name="Обычный 2 2 2 12 2 6 2 3" xfId="1940"/>
    <cellStyle name="Обычный 2 2 2 12 2 6 3" xfId="1941"/>
    <cellStyle name="Обычный 2 2 2 12 2 6 4" xfId="1942"/>
    <cellStyle name="Обычный 2 2 2 12 2 6 5" xfId="1943"/>
    <cellStyle name="Обычный 2 2 2 12 2 7" xfId="1944"/>
    <cellStyle name="Обычный 2 2 2 12 2 7 2" xfId="1945"/>
    <cellStyle name="Обычный 2 2 2 12 2 7 2 2" xfId="1946"/>
    <cellStyle name="Обычный 2 2 2 12 2 7 2 3" xfId="1947"/>
    <cellStyle name="Обычный 2 2 2 12 2 7 3" xfId="1948"/>
    <cellStyle name="Обычный 2 2 2 12 2 7 4" xfId="1949"/>
    <cellStyle name="Обычный 2 2 2 12 2 7 5" xfId="1950"/>
    <cellStyle name="Обычный 2 2 2 12 2 8" xfId="1951"/>
    <cellStyle name="Обычный 2 2 2 12 2 8 2" xfId="1952"/>
    <cellStyle name="Обычный 2 2 2 12 2 8 3" xfId="1953"/>
    <cellStyle name="Обычный 2 2 2 12 2 9" xfId="1954"/>
    <cellStyle name="Обычный 2 2 2 12 2 9 2" xfId="1955"/>
    <cellStyle name="Обычный 2 2 2 12 3" xfId="1956"/>
    <cellStyle name="Обычный 2 2 2 12 3 2" xfId="1957"/>
    <cellStyle name="Обычный 2 2 2 12 3 2 2" xfId="1958"/>
    <cellStyle name="Обычный 2 2 2 12 3 2 2 2" xfId="1959"/>
    <cellStyle name="Обычный 2 2 2 12 3 2 2 3" xfId="1960"/>
    <cellStyle name="Обычный 2 2 2 12 3 2 3" xfId="1961"/>
    <cellStyle name="Обычный 2 2 2 12 3 2 4" xfId="1962"/>
    <cellStyle name="Обычный 2 2 2 12 3 2 5" xfId="1963"/>
    <cellStyle name="Обычный 2 2 2 12 3 3" xfId="1964"/>
    <cellStyle name="Обычный 2 2 2 12 3 3 2" xfId="1965"/>
    <cellStyle name="Обычный 2 2 2 12 3 3 2 2" xfId="1966"/>
    <cellStyle name="Обычный 2 2 2 12 3 3 2 3" xfId="1967"/>
    <cellStyle name="Обычный 2 2 2 12 3 3 3" xfId="1968"/>
    <cellStyle name="Обычный 2 2 2 12 3 3 4" xfId="1969"/>
    <cellStyle name="Обычный 2 2 2 12 3 3 5" xfId="1970"/>
    <cellStyle name="Обычный 2 2 2 12 3 4" xfId="1971"/>
    <cellStyle name="Обычный 2 2 2 12 3 4 2" xfId="1972"/>
    <cellStyle name="Обычный 2 2 2 12 3 4 2 2" xfId="1973"/>
    <cellStyle name="Обычный 2 2 2 12 3 4 2 3" xfId="1974"/>
    <cellStyle name="Обычный 2 2 2 12 3 4 3" xfId="1975"/>
    <cellStyle name="Обычный 2 2 2 12 3 4 4" xfId="1976"/>
    <cellStyle name="Обычный 2 2 2 12 3 4 5" xfId="1977"/>
    <cellStyle name="Обычный 2 2 2 12 3 5" xfId="1978"/>
    <cellStyle name="Обычный 2 2 2 12 3 5 2" xfId="1979"/>
    <cellStyle name="Обычный 2 2 2 12 3 5 2 2" xfId="1980"/>
    <cellStyle name="Обычный 2 2 2 12 3 5 2 3" xfId="1981"/>
    <cellStyle name="Обычный 2 2 2 12 3 5 3" xfId="1982"/>
    <cellStyle name="Обычный 2 2 2 12 3 5 4" xfId="1983"/>
    <cellStyle name="Обычный 2 2 2 12 3 5 5" xfId="1984"/>
    <cellStyle name="Обычный 2 2 2 12 3 6" xfId="1985"/>
    <cellStyle name="Обычный 2 2 2 12 3 6 2" xfId="1986"/>
    <cellStyle name="Обычный 2 2 2 12 3 6 3" xfId="1987"/>
    <cellStyle name="Обычный 2 2 2 12 3 7" xfId="1988"/>
    <cellStyle name="Обычный 2 2 2 12 3 8" xfId="1989"/>
    <cellStyle name="Обычный 2 2 2 12 3 9" xfId="1990"/>
    <cellStyle name="Обычный 2 2 2 12 4" xfId="1991"/>
    <cellStyle name="Обычный 2 2 2 12 4 2" xfId="1992"/>
    <cellStyle name="Обычный 2 2 2 12 4 2 2" xfId="1993"/>
    <cellStyle name="Обычный 2 2 2 12 4 2 2 2" xfId="1994"/>
    <cellStyle name="Обычный 2 2 2 12 4 2 2 3" xfId="1995"/>
    <cellStyle name="Обычный 2 2 2 12 4 2 3" xfId="1996"/>
    <cellStyle name="Обычный 2 2 2 12 4 2 4" xfId="1997"/>
    <cellStyle name="Обычный 2 2 2 12 4 2 5" xfId="1998"/>
    <cellStyle name="Обычный 2 2 2 12 4 3" xfId="1999"/>
    <cellStyle name="Обычный 2 2 2 12 4 3 2" xfId="2000"/>
    <cellStyle name="Обычный 2 2 2 12 4 3 2 2" xfId="2001"/>
    <cellStyle name="Обычный 2 2 2 12 4 3 2 3" xfId="2002"/>
    <cellStyle name="Обычный 2 2 2 12 4 3 3" xfId="2003"/>
    <cellStyle name="Обычный 2 2 2 12 4 3 4" xfId="2004"/>
    <cellStyle name="Обычный 2 2 2 12 4 3 5" xfId="2005"/>
    <cellStyle name="Обычный 2 2 2 12 4 4" xfId="2006"/>
    <cellStyle name="Обычный 2 2 2 12 4 4 2" xfId="2007"/>
    <cellStyle name="Обычный 2 2 2 12 4 4 2 2" xfId="2008"/>
    <cellStyle name="Обычный 2 2 2 12 4 4 2 3" xfId="2009"/>
    <cellStyle name="Обычный 2 2 2 12 4 4 3" xfId="2010"/>
    <cellStyle name="Обычный 2 2 2 12 4 4 4" xfId="2011"/>
    <cellStyle name="Обычный 2 2 2 12 4 4 5" xfId="2012"/>
    <cellStyle name="Обычный 2 2 2 12 4 5" xfId="2013"/>
    <cellStyle name="Обычный 2 2 2 12 4 5 2" xfId="2014"/>
    <cellStyle name="Обычный 2 2 2 12 4 5 3" xfId="2015"/>
    <cellStyle name="Обычный 2 2 2 12 4 6" xfId="2016"/>
    <cellStyle name="Обычный 2 2 2 12 4 7" xfId="2017"/>
    <cellStyle name="Обычный 2 2 2 12 4 8" xfId="2018"/>
    <cellStyle name="Обычный 2 2 2 12 5" xfId="2019"/>
    <cellStyle name="Обычный 2 2 2 12 5 2" xfId="2020"/>
    <cellStyle name="Обычный 2 2 2 12 5 2 2" xfId="2021"/>
    <cellStyle name="Обычный 2 2 2 12 5 2 3" xfId="2022"/>
    <cellStyle name="Обычный 2 2 2 12 5 3" xfId="2023"/>
    <cellStyle name="Обычный 2 2 2 12 5 4" xfId="2024"/>
    <cellStyle name="Обычный 2 2 2 12 5 5" xfId="2025"/>
    <cellStyle name="Обычный 2 2 2 12 6" xfId="2026"/>
    <cellStyle name="Обычный 2 2 2 12 6 2" xfId="2027"/>
    <cellStyle name="Обычный 2 2 2 12 6 2 2" xfId="2028"/>
    <cellStyle name="Обычный 2 2 2 12 6 2 3" xfId="2029"/>
    <cellStyle name="Обычный 2 2 2 12 6 3" xfId="2030"/>
    <cellStyle name="Обычный 2 2 2 12 6 4" xfId="2031"/>
    <cellStyle name="Обычный 2 2 2 12 6 5" xfId="2032"/>
    <cellStyle name="Обычный 2 2 2 12 7" xfId="2033"/>
    <cellStyle name="Обычный 2 2 2 12 7 2" xfId="2034"/>
    <cellStyle name="Обычный 2 2 2 12 7 2 2" xfId="2035"/>
    <cellStyle name="Обычный 2 2 2 12 7 2 3" xfId="2036"/>
    <cellStyle name="Обычный 2 2 2 12 7 3" xfId="2037"/>
    <cellStyle name="Обычный 2 2 2 12 7 4" xfId="2038"/>
    <cellStyle name="Обычный 2 2 2 12 7 5" xfId="2039"/>
    <cellStyle name="Обычный 2 2 2 12 8" xfId="2040"/>
    <cellStyle name="Обычный 2 2 2 12 8 2" xfId="2041"/>
    <cellStyle name="Обычный 2 2 2 12 8 2 2" xfId="2042"/>
    <cellStyle name="Обычный 2 2 2 12 8 2 3" xfId="2043"/>
    <cellStyle name="Обычный 2 2 2 12 8 3" xfId="2044"/>
    <cellStyle name="Обычный 2 2 2 12 8 4" xfId="2045"/>
    <cellStyle name="Обычный 2 2 2 12 8 5" xfId="2046"/>
    <cellStyle name="Обычный 2 2 2 12 9" xfId="2047"/>
    <cellStyle name="Обычный 2 2 2 12 9 2" xfId="2048"/>
    <cellStyle name="Обычный 2 2 2 12 9 3" xfId="2049"/>
    <cellStyle name="Обычный 2 2 2 13" xfId="2050"/>
    <cellStyle name="Обычный 2 2 2 13 10" xfId="2051"/>
    <cellStyle name="Обычный 2 2 2 13 11" xfId="2052"/>
    <cellStyle name="Обычный 2 2 2 13 2" xfId="2053"/>
    <cellStyle name="Обычный 2 2 2 13 2 2" xfId="2054"/>
    <cellStyle name="Обычный 2 2 2 13 2 2 2" xfId="2055"/>
    <cellStyle name="Обычный 2 2 2 13 2 2 2 2" xfId="2056"/>
    <cellStyle name="Обычный 2 2 2 13 2 2 2 3" xfId="2057"/>
    <cellStyle name="Обычный 2 2 2 13 2 2 3" xfId="2058"/>
    <cellStyle name="Обычный 2 2 2 13 2 2 4" xfId="2059"/>
    <cellStyle name="Обычный 2 2 2 13 2 2 5" xfId="2060"/>
    <cellStyle name="Обычный 2 2 2 13 2 3" xfId="2061"/>
    <cellStyle name="Обычный 2 2 2 13 2 3 2" xfId="2062"/>
    <cellStyle name="Обычный 2 2 2 13 2 3 2 2" xfId="2063"/>
    <cellStyle name="Обычный 2 2 2 13 2 3 2 3" xfId="2064"/>
    <cellStyle name="Обычный 2 2 2 13 2 3 3" xfId="2065"/>
    <cellStyle name="Обычный 2 2 2 13 2 3 4" xfId="2066"/>
    <cellStyle name="Обычный 2 2 2 13 2 3 5" xfId="2067"/>
    <cellStyle name="Обычный 2 2 2 13 2 4" xfId="2068"/>
    <cellStyle name="Обычный 2 2 2 13 2 4 2" xfId="2069"/>
    <cellStyle name="Обычный 2 2 2 13 2 4 2 2" xfId="2070"/>
    <cellStyle name="Обычный 2 2 2 13 2 4 2 3" xfId="2071"/>
    <cellStyle name="Обычный 2 2 2 13 2 4 3" xfId="2072"/>
    <cellStyle name="Обычный 2 2 2 13 2 4 4" xfId="2073"/>
    <cellStyle name="Обычный 2 2 2 13 2 4 5" xfId="2074"/>
    <cellStyle name="Обычный 2 2 2 13 2 5" xfId="2075"/>
    <cellStyle name="Обычный 2 2 2 13 2 5 2" xfId="2076"/>
    <cellStyle name="Обычный 2 2 2 13 2 5 2 2" xfId="2077"/>
    <cellStyle name="Обычный 2 2 2 13 2 5 2 3" xfId="2078"/>
    <cellStyle name="Обычный 2 2 2 13 2 5 3" xfId="2079"/>
    <cellStyle name="Обычный 2 2 2 13 2 5 4" xfId="2080"/>
    <cellStyle name="Обычный 2 2 2 13 2 5 5" xfId="2081"/>
    <cellStyle name="Обычный 2 2 2 13 2 6" xfId="2082"/>
    <cellStyle name="Обычный 2 2 2 13 2 6 2" xfId="2083"/>
    <cellStyle name="Обычный 2 2 2 13 2 6 3" xfId="2084"/>
    <cellStyle name="Обычный 2 2 2 13 2 7" xfId="2085"/>
    <cellStyle name="Обычный 2 2 2 13 2 8" xfId="2086"/>
    <cellStyle name="Обычный 2 2 2 13 2 9" xfId="2087"/>
    <cellStyle name="Обычный 2 2 2 13 3" xfId="2088"/>
    <cellStyle name="Обычный 2 2 2 13 3 2" xfId="2089"/>
    <cellStyle name="Обычный 2 2 2 13 3 2 2" xfId="2090"/>
    <cellStyle name="Обычный 2 2 2 13 3 2 2 2" xfId="2091"/>
    <cellStyle name="Обычный 2 2 2 13 3 2 2 3" xfId="2092"/>
    <cellStyle name="Обычный 2 2 2 13 3 2 3" xfId="2093"/>
    <cellStyle name="Обычный 2 2 2 13 3 2 4" xfId="2094"/>
    <cellStyle name="Обычный 2 2 2 13 3 2 5" xfId="2095"/>
    <cellStyle name="Обычный 2 2 2 13 3 3" xfId="2096"/>
    <cellStyle name="Обычный 2 2 2 13 3 3 2" xfId="2097"/>
    <cellStyle name="Обычный 2 2 2 13 3 3 2 2" xfId="2098"/>
    <cellStyle name="Обычный 2 2 2 13 3 3 2 3" xfId="2099"/>
    <cellStyle name="Обычный 2 2 2 13 3 3 3" xfId="2100"/>
    <cellStyle name="Обычный 2 2 2 13 3 3 4" xfId="2101"/>
    <cellStyle name="Обычный 2 2 2 13 3 3 5" xfId="2102"/>
    <cellStyle name="Обычный 2 2 2 13 3 4" xfId="2103"/>
    <cellStyle name="Обычный 2 2 2 13 3 4 2" xfId="2104"/>
    <cellStyle name="Обычный 2 2 2 13 3 4 2 2" xfId="2105"/>
    <cellStyle name="Обычный 2 2 2 13 3 4 2 3" xfId="2106"/>
    <cellStyle name="Обычный 2 2 2 13 3 4 3" xfId="2107"/>
    <cellStyle name="Обычный 2 2 2 13 3 4 4" xfId="2108"/>
    <cellStyle name="Обычный 2 2 2 13 3 4 5" xfId="2109"/>
    <cellStyle name="Обычный 2 2 2 13 3 5" xfId="2110"/>
    <cellStyle name="Обычный 2 2 2 13 3 5 2" xfId="2111"/>
    <cellStyle name="Обычный 2 2 2 13 3 5 3" xfId="2112"/>
    <cellStyle name="Обычный 2 2 2 13 3 6" xfId="2113"/>
    <cellStyle name="Обычный 2 2 2 13 3 7" xfId="2114"/>
    <cellStyle name="Обычный 2 2 2 13 3 8" xfId="2115"/>
    <cellStyle name="Обычный 2 2 2 13 4" xfId="2116"/>
    <cellStyle name="Обычный 2 2 2 13 4 2" xfId="2117"/>
    <cellStyle name="Обычный 2 2 2 13 4 2 2" xfId="2118"/>
    <cellStyle name="Обычный 2 2 2 13 4 2 3" xfId="2119"/>
    <cellStyle name="Обычный 2 2 2 13 4 3" xfId="2120"/>
    <cellStyle name="Обычный 2 2 2 13 4 4" xfId="2121"/>
    <cellStyle name="Обычный 2 2 2 13 4 5" xfId="2122"/>
    <cellStyle name="Обычный 2 2 2 13 5" xfId="2123"/>
    <cellStyle name="Обычный 2 2 2 13 5 2" xfId="2124"/>
    <cellStyle name="Обычный 2 2 2 13 5 2 2" xfId="2125"/>
    <cellStyle name="Обычный 2 2 2 13 5 2 3" xfId="2126"/>
    <cellStyle name="Обычный 2 2 2 13 5 3" xfId="2127"/>
    <cellStyle name="Обычный 2 2 2 13 5 4" xfId="2128"/>
    <cellStyle name="Обычный 2 2 2 13 5 5" xfId="2129"/>
    <cellStyle name="Обычный 2 2 2 13 6" xfId="2130"/>
    <cellStyle name="Обычный 2 2 2 13 6 2" xfId="2131"/>
    <cellStyle name="Обычный 2 2 2 13 6 2 2" xfId="2132"/>
    <cellStyle name="Обычный 2 2 2 13 6 2 3" xfId="2133"/>
    <cellStyle name="Обычный 2 2 2 13 6 3" xfId="2134"/>
    <cellStyle name="Обычный 2 2 2 13 6 4" xfId="2135"/>
    <cellStyle name="Обычный 2 2 2 13 6 5" xfId="2136"/>
    <cellStyle name="Обычный 2 2 2 13 7" xfId="2137"/>
    <cellStyle name="Обычный 2 2 2 13 7 2" xfId="2138"/>
    <cellStyle name="Обычный 2 2 2 13 7 2 2" xfId="2139"/>
    <cellStyle name="Обычный 2 2 2 13 7 2 3" xfId="2140"/>
    <cellStyle name="Обычный 2 2 2 13 7 3" xfId="2141"/>
    <cellStyle name="Обычный 2 2 2 13 7 4" xfId="2142"/>
    <cellStyle name="Обычный 2 2 2 13 7 5" xfId="2143"/>
    <cellStyle name="Обычный 2 2 2 13 8" xfId="2144"/>
    <cellStyle name="Обычный 2 2 2 13 8 2" xfId="2145"/>
    <cellStyle name="Обычный 2 2 2 13 8 3" xfId="2146"/>
    <cellStyle name="Обычный 2 2 2 13 9" xfId="2147"/>
    <cellStyle name="Обычный 2 2 2 13 9 2" xfId="2148"/>
    <cellStyle name="Обычный 2 2 2 14" xfId="2149"/>
    <cellStyle name="Обычный 2 2 2 14 10" xfId="2150"/>
    <cellStyle name="Обычный 2 2 2 14 11" xfId="2151"/>
    <cellStyle name="Обычный 2 2 2 14 2" xfId="2152"/>
    <cellStyle name="Обычный 2 2 2 14 2 2" xfId="2153"/>
    <cellStyle name="Обычный 2 2 2 14 2 2 2" xfId="2154"/>
    <cellStyle name="Обычный 2 2 2 14 2 2 2 2" xfId="2155"/>
    <cellStyle name="Обычный 2 2 2 14 2 2 2 3" xfId="2156"/>
    <cellStyle name="Обычный 2 2 2 14 2 2 3" xfId="2157"/>
    <cellStyle name="Обычный 2 2 2 14 2 2 4" xfId="2158"/>
    <cellStyle name="Обычный 2 2 2 14 2 2 5" xfId="2159"/>
    <cellStyle name="Обычный 2 2 2 14 2 3" xfId="2160"/>
    <cellStyle name="Обычный 2 2 2 14 2 3 2" xfId="2161"/>
    <cellStyle name="Обычный 2 2 2 14 2 3 2 2" xfId="2162"/>
    <cellStyle name="Обычный 2 2 2 14 2 3 2 3" xfId="2163"/>
    <cellStyle name="Обычный 2 2 2 14 2 3 3" xfId="2164"/>
    <cellStyle name="Обычный 2 2 2 14 2 3 4" xfId="2165"/>
    <cellStyle name="Обычный 2 2 2 14 2 3 5" xfId="2166"/>
    <cellStyle name="Обычный 2 2 2 14 2 4" xfId="2167"/>
    <cellStyle name="Обычный 2 2 2 14 2 4 2" xfId="2168"/>
    <cellStyle name="Обычный 2 2 2 14 2 4 2 2" xfId="2169"/>
    <cellStyle name="Обычный 2 2 2 14 2 4 2 3" xfId="2170"/>
    <cellStyle name="Обычный 2 2 2 14 2 4 3" xfId="2171"/>
    <cellStyle name="Обычный 2 2 2 14 2 4 4" xfId="2172"/>
    <cellStyle name="Обычный 2 2 2 14 2 4 5" xfId="2173"/>
    <cellStyle name="Обычный 2 2 2 14 2 5" xfId="2174"/>
    <cellStyle name="Обычный 2 2 2 14 2 5 2" xfId="2175"/>
    <cellStyle name="Обычный 2 2 2 14 2 5 2 2" xfId="2176"/>
    <cellStyle name="Обычный 2 2 2 14 2 5 2 3" xfId="2177"/>
    <cellStyle name="Обычный 2 2 2 14 2 5 3" xfId="2178"/>
    <cellStyle name="Обычный 2 2 2 14 2 5 4" xfId="2179"/>
    <cellStyle name="Обычный 2 2 2 14 2 5 5" xfId="2180"/>
    <cellStyle name="Обычный 2 2 2 14 2 6" xfId="2181"/>
    <cellStyle name="Обычный 2 2 2 14 2 6 2" xfId="2182"/>
    <cellStyle name="Обычный 2 2 2 14 2 6 3" xfId="2183"/>
    <cellStyle name="Обычный 2 2 2 14 2 7" xfId="2184"/>
    <cellStyle name="Обычный 2 2 2 14 2 8" xfId="2185"/>
    <cellStyle name="Обычный 2 2 2 14 2 9" xfId="2186"/>
    <cellStyle name="Обычный 2 2 2 14 3" xfId="2187"/>
    <cellStyle name="Обычный 2 2 2 14 3 2" xfId="2188"/>
    <cellStyle name="Обычный 2 2 2 14 3 2 2" xfId="2189"/>
    <cellStyle name="Обычный 2 2 2 14 3 2 2 2" xfId="2190"/>
    <cellStyle name="Обычный 2 2 2 14 3 2 2 3" xfId="2191"/>
    <cellStyle name="Обычный 2 2 2 14 3 2 3" xfId="2192"/>
    <cellStyle name="Обычный 2 2 2 14 3 2 4" xfId="2193"/>
    <cellStyle name="Обычный 2 2 2 14 3 2 5" xfId="2194"/>
    <cellStyle name="Обычный 2 2 2 14 3 3" xfId="2195"/>
    <cellStyle name="Обычный 2 2 2 14 3 3 2" xfId="2196"/>
    <cellStyle name="Обычный 2 2 2 14 3 3 2 2" xfId="2197"/>
    <cellStyle name="Обычный 2 2 2 14 3 3 2 3" xfId="2198"/>
    <cellStyle name="Обычный 2 2 2 14 3 3 3" xfId="2199"/>
    <cellStyle name="Обычный 2 2 2 14 3 3 4" xfId="2200"/>
    <cellStyle name="Обычный 2 2 2 14 3 3 5" xfId="2201"/>
    <cellStyle name="Обычный 2 2 2 14 3 4" xfId="2202"/>
    <cellStyle name="Обычный 2 2 2 14 3 4 2" xfId="2203"/>
    <cellStyle name="Обычный 2 2 2 14 3 4 2 2" xfId="2204"/>
    <cellStyle name="Обычный 2 2 2 14 3 4 2 3" xfId="2205"/>
    <cellStyle name="Обычный 2 2 2 14 3 4 3" xfId="2206"/>
    <cellStyle name="Обычный 2 2 2 14 3 4 4" xfId="2207"/>
    <cellStyle name="Обычный 2 2 2 14 3 4 5" xfId="2208"/>
    <cellStyle name="Обычный 2 2 2 14 3 5" xfId="2209"/>
    <cellStyle name="Обычный 2 2 2 14 3 5 2" xfId="2210"/>
    <cellStyle name="Обычный 2 2 2 14 3 5 3" xfId="2211"/>
    <cellStyle name="Обычный 2 2 2 14 3 6" xfId="2212"/>
    <cellStyle name="Обычный 2 2 2 14 3 7" xfId="2213"/>
    <cellStyle name="Обычный 2 2 2 14 3 8" xfId="2214"/>
    <cellStyle name="Обычный 2 2 2 14 4" xfId="2215"/>
    <cellStyle name="Обычный 2 2 2 14 4 2" xfId="2216"/>
    <cellStyle name="Обычный 2 2 2 14 4 2 2" xfId="2217"/>
    <cellStyle name="Обычный 2 2 2 14 4 2 3" xfId="2218"/>
    <cellStyle name="Обычный 2 2 2 14 4 3" xfId="2219"/>
    <cellStyle name="Обычный 2 2 2 14 4 4" xfId="2220"/>
    <cellStyle name="Обычный 2 2 2 14 4 5" xfId="2221"/>
    <cellStyle name="Обычный 2 2 2 14 5" xfId="2222"/>
    <cellStyle name="Обычный 2 2 2 14 5 2" xfId="2223"/>
    <cellStyle name="Обычный 2 2 2 14 5 2 2" xfId="2224"/>
    <cellStyle name="Обычный 2 2 2 14 5 2 3" xfId="2225"/>
    <cellStyle name="Обычный 2 2 2 14 5 3" xfId="2226"/>
    <cellStyle name="Обычный 2 2 2 14 5 4" xfId="2227"/>
    <cellStyle name="Обычный 2 2 2 14 5 5" xfId="2228"/>
    <cellStyle name="Обычный 2 2 2 14 6" xfId="2229"/>
    <cellStyle name="Обычный 2 2 2 14 6 2" xfId="2230"/>
    <cellStyle name="Обычный 2 2 2 14 6 2 2" xfId="2231"/>
    <cellStyle name="Обычный 2 2 2 14 6 2 3" xfId="2232"/>
    <cellStyle name="Обычный 2 2 2 14 6 3" xfId="2233"/>
    <cellStyle name="Обычный 2 2 2 14 6 4" xfId="2234"/>
    <cellStyle name="Обычный 2 2 2 14 6 5" xfId="2235"/>
    <cellStyle name="Обычный 2 2 2 14 7" xfId="2236"/>
    <cellStyle name="Обычный 2 2 2 14 7 2" xfId="2237"/>
    <cellStyle name="Обычный 2 2 2 14 7 2 2" xfId="2238"/>
    <cellStyle name="Обычный 2 2 2 14 7 2 3" xfId="2239"/>
    <cellStyle name="Обычный 2 2 2 14 7 3" xfId="2240"/>
    <cellStyle name="Обычный 2 2 2 14 7 4" xfId="2241"/>
    <cellStyle name="Обычный 2 2 2 14 7 5" xfId="2242"/>
    <cellStyle name="Обычный 2 2 2 14 8" xfId="2243"/>
    <cellStyle name="Обычный 2 2 2 14 8 2" xfId="2244"/>
    <cellStyle name="Обычный 2 2 2 14 8 3" xfId="2245"/>
    <cellStyle name="Обычный 2 2 2 14 9" xfId="2246"/>
    <cellStyle name="Обычный 2 2 2 14 9 2" xfId="2247"/>
    <cellStyle name="Обычный 2 2 2 15" xfId="2248"/>
    <cellStyle name="Обычный 2 2 2 15 10" xfId="2249"/>
    <cellStyle name="Обычный 2 2 2 15 11" xfId="2250"/>
    <cellStyle name="Обычный 2 2 2 15 2" xfId="2251"/>
    <cellStyle name="Обычный 2 2 2 15 2 2" xfId="2252"/>
    <cellStyle name="Обычный 2 2 2 15 2 2 2" xfId="2253"/>
    <cellStyle name="Обычный 2 2 2 15 2 2 2 2" xfId="2254"/>
    <cellStyle name="Обычный 2 2 2 15 2 2 2 3" xfId="2255"/>
    <cellStyle name="Обычный 2 2 2 15 2 2 3" xfId="2256"/>
    <cellStyle name="Обычный 2 2 2 15 2 2 4" xfId="2257"/>
    <cellStyle name="Обычный 2 2 2 15 2 2 5" xfId="2258"/>
    <cellStyle name="Обычный 2 2 2 15 2 3" xfId="2259"/>
    <cellStyle name="Обычный 2 2 2 15 2 3 2" xfId="2260"/>
    <cellStyle name="Обычный 2 2 2 15 2 3 2 2" xfId="2261"/>
    <cellStyle name="Обычный 2 2 2 15 2 3 2 3" xfId="2262"/>
    <cellStyle name="Обычный 2 2 2 15 2 3 3" xfId="2263"/>
    <cellStyle name="Обычный 2 2 2 15 2 3 4" xfId="2264"/>
    <cellStyle name="Обычный 2 2 2 15 2 3 5" xfId="2265"/>
    <cellStyle name="Обычный 2 2 2 15 2 4" xfId="2266"/>
    <cellStyle name="Обычный 2 2 2 15 2 4 2" xfId="2267"/>
    <cellStyle name="Обычный 2 2 2 15 2 4 2 2" xfId="2268"/>
    <cellStyle name="Обычный 2 2 2 15 2 4 2 3" xfId="2269"/>
    <cellStyle name="Обычный 2 2 2 15 2 4 3" xfId="2270"/>
    <cellStyle name="Обычный 2 2 2 15 2 4 4" xfId="2271"/>
    <cellStyle name="Обычный 2 2 2 15 2 4 5" xfId="2272"/>
    <cellStyle name="Обычный 2 2 2 15 2 5" xfId="2273"/>
    <cellStyle name="Обычный 2 2 2 15 2 5 2" xfId="2274"/>
    <cellStyle name="Обычный 2 2 2 15 2 5 2 2" xfId="2275"/>
    <cellStyle name="Обычный 2 2 2 15 2 5 2 3" xfId="2276"/>
    <cellStyle name="Обычный 2 2 2 15 2 5 3" xfId="2277"/>
    <cellStyle name="Обычный 2 2 2 15 2 5 4" xfId="2278"/>
    <cellStyle name="Обычный 2 2 2 15 2 5 5" xfId="2279"/>
    <cellStyle name="Обычный 2 2 2 15 2 6" xfId="2280"/>
    <cellStyle name="Обычный 2 2 2 15 2 6 2" xfId="2281"/>
    <cellStyle name="Обычный 2 2 2 15 2 6 3" xfId="2282"/>
    <cellStyle name="Обычный 2 2 2 15 2 7" xfId="2283"/>
    <cellStyle name="Обычный 2 2 2 15 2 8" xfId="2284"/>
    <cellStyle name="Обычный 2 2 2 15 2 9" xfId="2285"/>
    <cellStyle name="Обычный 2 2 2 15 3" xfId="2286"/>
    <cellStyle name="Обычный 2 2 2 15 3 2" xfId="2287"/>
    <cellStyle name="Обычный 2 2 2 15 3 2 2" xfId="2288"/>
    <cellStyle name="Обычный 2 2 2 15 3 2 2 2" xfId="2289"/>
    <cellStyle name="Обычный 2 2 2 15 3 2 2 3" xfId="2290"/>
    <cellStyle name="Обычный 2 2 2 15 3 2 3" xfId="2291"/>
    <cellStyle name="Обычный 2 2 2 15 3 2 4" xfId="2292"/>
    <cellStyle name="Обычный 2 2 2 15 3 2 5" xfId="2293"/>
    <cellStyle name="Обычный 2 2 2 15 3 3" xfId="2294"/>
    <cellStyle name="Обычный 2 2 2 15 3 3 2" xfId="2295"/>
    <cellStyle name="Обычный 2 2 2 15 3 3 2 2" xfId="2296"/>
    <cellStyle name="Обычный 2 2 2 15 3 3 2 3" xfId="2297"/>
    <cellStyle name="Обычный 2 2 2 15 3 3 3" xfId="2298"/>
    <cellStyle name="Обычный 2 2 2 15 3 3 4" xfId="2299"/>
    <cellStyle name="Обычный 2 2 2 15 3 3 5" xfId="2300"/>
    <cellStyle name="Обычный 2 2 2 15 3 4" xfId="2301"/>
    <cellStyle name="Обычный 2 2 2 15 3 4 2" xfId="2302"/>
    <cellStyle name="Обычный 2 2 2 15 3 4 2 2" xfId="2303"/>
    <cellStyle name="Обычный 2 2 2 15 3 4 2 3" xfId="2304"/>
    <cellStyle name="Обычный 2 2 2 15 3 4 3" xfId="2305"/>
    <cellStyle name="Обычный 2 2 2 15 3 4 4" xfId="2306"/>
    <cellStyle name="Обычный 2 2 2 15 3 4 5" xfId="2307"/>
    <cellStyle name="Обычный 2 2 2 15 3 5" xfId="2308"/>
    <cellStyle name="Обычный 2 2 2 15 3 5 2" xfId="2309"/>
    <cellStyle name="Обычный 2 2 2 15 3 5 3" xfId="2310"/>
    <cellStyle name="Обычный 2 2 2 15 3 6" xfId="2311"/>
    <cellStyle name="Обычный 2 2 2 15 3 7" xfId="2312"/>
    <cellStyle name="Обычный 2 2 2 15 3 8" xfId="2313"/>
    <cellStyle name="Обычный 2 2 2 15 4" xfId="2314"/>
    <cellStyle name="Обычный 2 2 2 15 4 2" xfId="2315"/>
    <cellStyle name="Обычный 2 2 2 15 4 2 2" xfId="2316"/>
    <cellStyle name="Обычный 2 2 2 15 4 2 3" xfId="2317"/>
    <cellStyle name="Обычный 2 2 2 15 4 3" xfId="2318"/>
    <cellStyle name="Обычный 2 2 2 15 4 4" xfId="2319"/>
    <cellStyle name="Обычный 2 2 2 15 4 5" xfId="2320"/>
    <cellStyle name="Обычный 2 2 2 15 5" xfId="2321"/>
    <cellStyle name="Обычный 2 2 2 15 5 2" xfId="2322"/>
    <cellStyle name="Обычный 2 2 2 15 5 2 2" xfId="2323"/>
    <cellStyle name="Обычный 2 2 2 15 5 2 3" xfId="2324"/>
    <cellStyle name="Обычный 2 2 2 15 5 3" xfId="2325"/>
    <cellStyle name="Обычный 2 2 2 15 5 4" xfId="2326"/>
    <cellStyle name="Обычный 2 2 2 15 5 5" xfId="2327"/>
    <cellStyle name="Обычный 2 2 2 15 6" xfId="2328"/>
    <cellStyle name="Обычный 2 2 2 15 6 2" xfId="2329"/>
    <cellStyle name="Обычный 2 2 2 15 6 2 2" xfId="2330"/>
    <cellStyle name="Обычный 2 2 2 15 6 2 3" xfId="2331"/>
    <cellStyle name="Обычный 2 2 2 15 6 3" xfId="2332"/>
    <cellStyle name="Обычный 2 2 2 15 6 4" xfId="2333"/>
    <cellStyle name="Обычный 2 2 2 15 6 5" xfId="2334"/>
    <cellStyle name="Обычный 2 2 2 15 7" xfId="2335"/>
    <cellStyle name="Обычный 2 2 2 15 7 2" xfId="2336"/>
    <cellStyle name="Обычный 2 2 2 15 7 2 2" xfId="2337"/>
    <cellStyle name="Обычный 2 2 2 15 7 2 3" xfId="2338"/>
    <cellStyle name="Обычный 2 2 2 15 7 3" xfId="2339"/>
    <cellStyle name="Обычный 2 2 2 15 7 4" xfId="2340"/>
    <cellStyle name="Обычный 2 2 2 15 7 5" xfId="2341"/>
    <cellStyle name="Обычный 2 2 2 15 8" xfId="2342"/>
    <cellStyle name="Обычный 2 2 2 15 8 2" xfId="2343"/>
    <cellStyle name="Обычный 2 2 2 15 8 3" xfId="2344"/>
    <cellStyle name="Обычный 2 2 2 15 9" xfId="2345"/>
    <cellStyle name="Обычный 2 2 2 15 9 2" xfId="2346"/>
    <cellStyle name="Обычный 2 2 2 16" xfId="2347"/>
    <cellStyle name="Обычный 2 2 2 16 2" xfId="2348"/>
    <cellStyle name="Обычный 2 2 2 16 2 2" xfId="2349"/>
    <cellStyle name="Обычный 2 2 2 16 2 2 2" xfId="2350"/>
    <cellStyle name="Обычный 2 2 2 16 2 2 3" xfId="2351"/>
    <cellStyle name="Обычный 2 2 2 16 2 3" xfId="2352"/>
    <cellStyle name="Обычный 2 2 2 16 2 4" xfId="2353"/>
    <cellStyle name="Обычный 2 2 2 16 2 5" xfId="2354"/>
    <cellStyle name="Обычный 2 2 2 16 3" xfId="2355"/>
    <cellStyle name="Обычный 2 2 2 16 3 2" xfId="2356"/>
    <cellStyle name="Обычный 2 2 2 16 3 2 2" xfId="2357"/>
    <cellStyle name="Обычный 2 2 2 16 3 2 3" xfId="2358"/>
    <cellStyle name="Обычный 2 2 2 16 3 3" xfId="2359"/>
    <cellStyle name="Обычный 2 2 2 16 3 4" xfId="2360"/>
    <cellStyle name="Обычный 2 2 2 16 3 5" xfId="2361"/>
    <cellStyle name="Обычный 2 2 2 16 4" xfId="2362"/>
    <cellStyle name="Обычный 2 2 2 16 4 2" xfId="2363"/>
    <cellStyle name="Обычный 2 2 2 16 4 2 2" xfId="2364"/>
    <cellStyle name="Обычный 2 2 2 16 4 2 3" xfId="2365"/>
    <cellStyle name="Обычный 2 2 2 16 4 3" xfId="2366"/>
    <cellStyle name="Обычный 2 2 2 16 4 4" xfId="2367"/>
    <cellStyle name="Обычный 2 2 2 16 4 5" xfId="2368"/>
    <cellStyle name="Обычный 2 2 2 16 5" xfId="2369"/>
    <cellStyle name="Обычный 2 2 2 16 5 2" xfId="2370"/>
    <cellStyle name="Обычный 2 2 2 16 5 2 2" xfId="2371"/>
    <cellStyle name="Обычный 2 2 2 16 5 2 3" xfId="2372"/>
    <cellStyle name="Обычный 2 2 2 16 5 3" xfId="2373"/>
    <cellStyle name="Обычный 2 2 2 16 5 4" xfId="2374"/>
    <cellStyle name="Обычный 2 2 2 16 5 5" xfId="2375"/>
    <cellStyle name="Обычный 2 2 2 16 6" xfId="2376"/>
    <cellStyle name="Обычный 2 2 2 16 6 2" xfId="2377"/>
    <cellStyle name="Обычный 2 2 2 16 6 3" xfId="2378"/>
    <cellStyle name="Обычный 2 2 2 16 7" xfId="2379"/>
    <cellStyle name="Обычный 2 2 2 16 8" xfId="2380"/>
    <cellStyle name="Обычный 2 2 2 16 9" xfId="2381"/>
    <cellStyle name="Обычный 2 2 2 17" xfId="2382"/>
    <cellStyle name="Обычный 2 2 2 17 2" xfId="2383"/>
    <cellStyle name="Обычный 2 2 2 17 2 2" xfId="2384"/>
    <cellStyle name="Обычный 2 2 2 17 2 2 2" xfId="2385"/>
    <cellStyle name="Обычный 2 2 2 17 2 2 3" xfId="2386"/>
    <cellStyle name="Обычный 2 2 2 17 2 3" xfId="2387"/>
    <cellStyle name="Обычный 2 2 2 17 2 4" xfId="2388"/>
    <cellStyle name="Обычный 2 2 2 17 2 5" xfId="2389"/>
    <cellStyle name="Обычный 2 2 2 17 3" xfId="2390"/>
    <cellStyle name="Обычный 2 2 2 17 3 2" xfId="2391"/>
    <cellStyle name="Обычный 2 2 2 17 3 2 2" xfId="2392"/>
    <cellStyle name="Обычный 2 2 2 17 3 2 3" xfId="2393"/>
    <cellStyle name="Обычный 2 2 2 17 3 3" xfId="2394"/>
    <cellStyle name="Обычный 2 2 2 17 3 4" xfId="2395"/>
    <cellStyle name="Обычный 2 2 2 17 3 5" xfId="2396"/>
    <cellStyle name="Обычный 2 2 2 17 4" xfId="2397"/>
    <cellStyle name="Обычный 2 2 2 17 4 2" xfId="2398"/>
    <cellStyle name="Обычный 2 2 2 17 4 2 2" xfId="2399"/>
    <cellStyle name="Обычный 2 2 2 17 4 2 3" xfId="2400"/>
    <cellStyle name="Обычный 2 2 2 17 4 3" xfId="2401"/>
    <cellStyle name="Обычный 2 2 2 17 4 4" xfId="2402"/>
    <cellStyle name="Обычный 2 2 2 17 4 5" xfId="2403"/>
    <cellStyle name="Обычный 2 2 2 17 5" xfId="2404"/>
    <cellStyle name="Обычный 2 2 2 17 5 2" xfId="2405"/>
    <cellStyle name="Обычный 2 2 2 17 5 3" xfId="2406"/>
    <cellStyle name="Обычный 2 2 2 17 6" xfId="2407"/>
    <cellStyle name="Обычный 2 2 2 17 7" xfId="2408"/>
    <cellStyle name="Обычный 2 2 2 17 8" xfId="2409"/>
    <cellStyle name="Обычный 2 2 2 18" xfId="2410"/>
    <cellStyle name="Обычный 2 2 2 18 2" xfId="2411"/>
    <cellStyle name="Обычный 2 2 2 18 2 2" xfId="2412"/>
    <cellStyle name="Обычный 2 2 2 18 2 3" xfId="2413"/>
    <cellStyle name="Обычный 2 2 2 18 3" xfId="2414"/>
    <cellStyle name="Обычный 2 2 2 18 4" xfId="2415"/>
    <cellStyle name="Обычный 2 2 2 18 5" xfId="2416"/>
    <cellStyle name="Обычный 2 2 2 19" xfId="2417"/>
    <cellStyle name="Обычный 2 2 2 19 2" xfId="2418"/>
    <cellStyle name="Обычный 2 2 2 19 2 2" xfId="2419"/>
    <cellStyle name="Обычный 2 2 2 19 2 3" xfId="2420"/>
    <cellStyle name="Обычный 2 2 2 19 3" xfId="2421"/>
    <cellStyle name="Обычный 2 2 2 19 4" xfId="2422"/>
    <cellStyle name="Обычный 2 2 2 19 5" xfId="2423"/>
    <cellStyle name="Обычный 2 2 2 2" xfId="2424"/>
    <cellStyle name="Обычный 2 2 2 2 10" xfId="2425"/>
    <cellStyle name="Обычный 2 2 2 2 10 2" xfId="2426"/>
    <cellStyle name="Обычный 2 2 2 2 11" xfId="2427"/>
    <cellStyle name="Обычный 2 2 2 2 12" xfId="2428"/>
    <cellStyle name="Обычный 2 2 2 2 2" xfId="2429"/>
    <cellStyle name="Обычный 2 2 2 2 2 10" xfId="2430"/>
    <cellStyle name="Обычный 2 2 2 2 2 11" xfId="2431"/>
    <cellStyle name="Обычный 2 2 2 2 2 2" xfId="2432"/>
    <cellStyle name="Обычный 2 2 2 2 2 2 2" xfId="2433"/>
    <cellStyle name="Обычный 2 2 2 2 2 2 2 2" xfId="2434"/>
    <cellStyle name="Обычный 2 2 2 2 2 2 2 2 2" xfId="2435"/>
    <cellStyle name="Обычный 2 2 2 2 2 2 2 2 3" xfId="2436"/>
    <cellStyle name="Обычный 2 2 2 2 2 2 2 3" xfId="2437"/>
    <cellStyle name="Обычный 2 2 2 2 2 2 2 4" xfId="2438"/>
    <cellStyle name="Обычный 2 2 2 2 2 2 2 5" xfId="2439"/>
    <cellStyle name="Обычный 2 2 2 2 2 2 3" xfId="2440"/>
    <cellStyle name="Обычный 2 2 2 2 2 2 3 2" xfId="2441"/>
    <cellStyle name="Обычный 2 2 2 2 2 2 3 2 2" xfId="2442"/>
    <cellStyle name="Обычный 2 2 2 2 2 2 3 2 3" xfId="2443"/>
    <cellStyle name="Обычный 2 2 2 2 2 2 3 3" xfId="2444"/>
    <cellStyle name="Обычный 2 2 2 2 2 2 3 4" xfId="2445"/>
    <cellStyle name="Обычный 2 2 2 2 2 2 3 5" xfId="2446"/>
    <cellStyle name="Обычный 2 2 2 2 2 2 4" xfId="2447"/>
    <cellStyle name="Обычный 2 2 2 2 2 2 4 2" xfId="2448"/>
    <cellStyle name="Обычный 2 2 2 2 2 2 4 2 2" xfId="2449"/>
    <cellStyle name="Обычный 2 2 2 2 2 2 4 2 3" xfId="2450"/>
    <cellStyle name="Обычный 2 2 2 2 2 2 4 3" xfId="2451"/>
    <cellStyle name="Обычный 2 2 2 2 2 2 4 4" xfId="2452"/>
    <cellStyle name="Обычный 2 2 2 2 2 2 4 5" xfId="2453"/>
    <cellStyle name="Обычный 2 2 2 2 2 2 5" xfId="2454"/>
    <cellStyle name="Обычный 2 2 2 2 2 2 5 2" xfId="2455"/>
    <cellStyle name="Обычный 2 2 2 2 2 2 5 2 2" xfId="2456"/>
    <cellStyle name="Обычный 2 2 2 2 2 2 5 2 3" xfId="2457"/>
    <cellStyle name="Обычный 2 2 2 2 2 2 5 3" xfId="2458"/>
    <cellStyle name="Обычный 2 2 2 2 2 2 5 4" xfId="2459"/>
    <cellStyle name="Обычный 2 2 2 2 2 2 5 5" xfId="2460"/>
    <cellStyle name="Обычный 2 2 2 2 2 2 6" xfId="2461"/>
    <cellStyle name="Обычный 2 2 2 2 2 2 6 2" xfId="2462"/>
    <cellStyle name="Обычный 2 2 2 2 2 2 6 3" xfId="2463"/>
    <cellStyle name="Обычный 2 2 2 2 2 2 7" xfId="2464"/>
    <cellStyle name="Обычный 2 2 2 2 2 2 8" xfId="2465"/>
    <cellStyle name="Обычный 2 2 2 2 2 2 9" xfId="2466"/>
    <cellStyle name="Обычный 2 2 2 2 2 3" xfId="2467"/>
    <cellStyle name="Обычный 2 2 2 2 2 3 2" xfId="2468"/>
    <cellStyle name="Обычный 2 2 2 2 2 3 2 2" xfId="2469"/>
    <cellStyle name="Обычный 2 2 2 2 2 3 2 2 2" xfId="2470"/>
    <cellStyle name="Обычный 2 2 2 2 2 3 2 2 3" xfId="2471"/>
    <cellStyle name="Обычный 2 2 2 2 2 3 2 3" xfId="2472"/>
    <cellStyle name="Обычный 2 2 2 2 2 3 2 4" xfId="2473"/>
    <cellStyle name="Обычный 2 2 2 2 2 3 2 5" xfId="2474"/>
    <cellStyle name="Обычный 2 2 2 2 2 3 3" xfId="2475"/>
    <cellStyle name="Обычный 2 2 2 2 2 3 3 2" xfId="2476"/>
    <cellStyle name="Обычный 2 2 2 2 2 3 3 2 2" xfId="2477"/>
    <cellStyle name="Обычный 2 2 2 2 2 3 3 2 3" xfId="2478"/>
    <cellStyle name="Обычный 2 2 2 2 2 3 3 3" xfId="2479"/>
    <cellStyle name="Обычный 2 2 2 2 2 3 3 4" xfId="2480"/>
    <cellStyle name="Обычный 2 2 2 2 2 3 3 5" xfId="2481"/>
    <cellStyle name="Обычный 2 2 2 2 2 3 4" xfId="2482"/>
    <cellStyle name="Обычный 2 2 2 2 2 3 4 2" xfId="2483"/>
    <cellStyle name="Обычный 2 2 2 2 2 3 4 2 2" xfId="2484"/>
    <cellStyle name="Обычный 2 2 2 2 2 3 4 2 3" xfId="2485"/>
    <cellStyle name="Обычный 2 2 2 2 2 3 4 3" xfId="2486"/>
    <cellStyle name="Обычный 2 2 2 2 2 3 4 4" xfId="2487"/>
    <cellStyle name="Обычный 2 2 2 2 2 3 4 5" xfId="2488"/>
    <cellStyle name="Обычный 2 2 2 2 2 3 5" xfId="2489"/>
    <cellStyle name="Обычный 2 2 2 2 2 3 5 2" xfId="2490"/>
    <cellStyle name="Обычный 2 2 2 2 2 3 5 3" xfId="2491"/>
    <cellStyle name="Обычный 2 2 2 2 2 3 6" xfId="2492"/>
    <cellStyle name="Обычный 2 2 2 2 2 3 7" xfId="2493"/>
    <cellStyle name="Обычный 2 2 2 2 2 3 8" xfId="2494"/>
    <cellStyle name="Обычный 2 2 2 2 2 4" xfId="2495"/>
    <cellStyle name="Обычный 2 2 2 2 2 4 2" xfId="2496"/>
    <cellStyle name="Обычный 2 2 2 2 2 4 2 2" xfId="2497"/>
    <cellStyle name="Обычный 2 2 2 2 2 4 2 3" xfId="2498"/>
    <cellStyle name="Обычный 2 2 2 2 2 4 3" xfId="2499"/>
    <cellStyle name="Обычный 2 2 2 2 2 4 4" xfId="2500"/>
    <cellStyle name="Обычный 2 2 2 2 2 4 5" xfId="2501"/>
    <cellStyle name="Обычный 2 2 2 2 2 5" xfId="2502"/>
    <cellStyle name="Обычный 2 2 2 2 2 5 2" xfId="2503"/>
    <cellStyle name="Обычный 2 2 2 2 2 5 2 2" xfId="2504"/>
    <cellStyle name="Обычный 2 2 2 2 2 5 2 3" xfId="2505"/>
    <cellStyle name="Обычный 2 2 2 2 2 5 3" xfId="2506"/>
    <cellStyle name="Обычный 2 2 2 2 2 5 4" xfId="2507"/>
    <cellStyle name="Обычный 2 2 2 2 2 5 5" xfId="2508"/>
    <cellStyle name="Обычный 2 2 2 2 2 6" xfId="2509"/>
    <cellStyle name="Обычный 2 2 2 2 2 6 2" xfId="2510"/>
    <cellStyle name="Обычный 2 2 2 2 2 6 2 2" xfId="2511"/>
    <cellStyle name="Обычный 2 2 2 2 2 6 2 3" xfId="2512"/>
    <cellStyle name="Обычный 2 2 2 2 2 6 3" xfId="2513"/>
    <cellStyle name="Обычный 2 2 2 2 2 6 4" xfId="2514"/>
    <cellStyle name="Обычный 2 2 2 2 2 6 5" xfId="2515"/>
    <cellStyle name="Обычный 2 2 2 2 2 7" xfId="2516"/>
    <cellStyle name="Обычный 2 2 2 2 2 7 2" xfId="2517"/>
    <cellStyle name="Обычный 2 2 2 2 2 7 2 2" xfId="2518"/>
    <cellStyle name="Обычный 2 2 2 2 2 7 2 3" xfId="2519"/>
    <cellStyle name="Обычный 2 2 2 2 2 7 3" xfId="2520"/>
    <cellStyle name="Обычный 2 2 2 2 2 7 4" xfId="2521"/>
    <cellStyle name="Обычный 2 2 2 2 2 7 5" xfId="2522"/>
    <cellStyle name="Обычный 2 2 2 2 2 8" xfId="2523"/>
    <cellStyle name="Обычный 2 2 2 2 2 8 2" xfId="2524"/>
    <cellStyle name="Обычный 2 2 2 2 2 8 3" xfId="2525"/>
    <cellStyle name="Обычный 2 2 2 2 2 9" xfId="2526"/>
    <cellStyle name="Обычный 2 2 2 2 2 9 2" xfId="2527"/>
    <cellStyle name="Обычный 2 2 2 2 3" xfId="2528"/>
    <cellStyle name="Обычный 2 2 2 2 3 2" xfId="2529"/>
    <cellStyle name="Обычный 2 2 2 2 3 2 2" xfId="2530"/>
    <cellStyle name="Обычный 2 2 2 2 3 2 2 2" xfId="2531"/>
    <cellStyle name="Обычный 2 2 2 2 3 2 2 3" xfId="2532"/>
    <cellStyle name="Обычный 2 2 2 2 3 2 3" xfId="2533"/>
    <cellStyle name="Обычный 2 2 2 2 3 2 4" xfId="2534"/>
    <cellStyle name="Обычный 2 2 2 2 3 2 5" xfId="2535"/>
    <cellStyle name="Обычный 2 2 2 2 3 3" xfId="2536"/>
    <cellStyle name="Обычный 2 2 2 2 3 3 2" xfId="2537"/>
    <cellStyle name="Обычный 2 2 2 2 3 3 2 2" xfId="2538"/>
    <cellStyle name="Обычный 2 2 2 2 3 3 2 3" xfId="2539"/>
    <cellStyle name="Обычный 2 2 2 2 3 3 3" xfId="2540"/>
    <cellStyle name="Обычный 2 2 2 2 3 3 4" xfId="2541"/>
    <cellStyle name="Обычный 2 2 2 2 3 3 5" xfId="2542"/>
    <cellStyle name="Обычный 2 2 2 2 3 4" xfId="2543"/>
    <cellStyle name="Обычный 2 2 2 2 3 4 2" xfId="2544"/>
    <cellStyle name="Обычный 2 2 2 2 3 4 2 2" xfId="2545"/>
    <cellStyle name="Обычный 2 2 2 2 3 4 2 3" xfId="2546"/>
    <cellStyle name="Обычный 2 2 2 2 3 4 3" xfId="2547"/>
    <cellStyle name="Обычный 2 2 2 2 3 4 4" xfId="2548"/>
    <cellStyle name="Обычный 2 2 2 2 3 4 5" xfId="2549"/>
    <cellStyle name="Обычный 2 2 2 2 3 5" xfId="2550"/>
    <cellStyle name="Обычный 2 2 2 2 3 5 2" xfId="2551"/>
    <cellStyle name="Обычный 2 2 2 2 3 5 2 2" xfId="2552"/>
    <cellStyle name="Обычный 2 2 2 2 3 5 2 3" xfId="2553"/>
    <cellStyle name="Обычный 2 2 2 2 3 5 3" xfId="2554"/>
    <cellStyle name="Обычный 2 2 2 2 3 5 4" xfId="2555"/>
    <cellStyle name="Обычный 2 2 2 2 3 5 5" xfId="2556"/>
    <cellStyle name="Обычный 2 2 2 2 3 6" xfId="2557"/>
    <cellStyle name="Обычный 2 2 2 2 3 6 2" xfId="2558"/>
    <cellStyle name="Обычный 2 2 2 2 3 6 3" xfId="2559"/>
    <cellStyle name="Обычный 2 2 2 2 3 7" xfId="2560"/>
    <cellStyle name="Обычный 2 2 2 2 3 8" xfId="2561"/>
    <cellStyle name="Обычный 2 2 2 2 3 9" xfId="2562"/>
    <cellStyle name="Обычный 2 2 2 2 4" xfId="2563"/>
    <cellStyle name="Обычный 2 2 2 2 4 2" xfId="2564"/>
    <cellStyle name="Обычный 2 2 2 2 4 2 2" xfId="2565"/>
    <cellStyle name="Обычный 2 2 2 2 4 2 2 2" xfId="2566"/>
    <cellStyle name="Обычный 2 2 2 2 4 2 2 3" xfId="2567"/>
    <cellStyle name="Обычный 2 2 2 2 4 2 3" xfId="2568"/>
    <cellStyle name="Обычный 2 2 2 2 4 2 4" xfId="2569"/>
    <cellStyle name="Обычный 2 2 2 2 4 2 5" xfId="2570"/>
    <cellStyle name="Обычный 2 2 2 2 4 3" xfId="2571"/>
    <cellStyle name="Обычный 2 2 2 2 4 3 2" xfId="2572"/>
    <cellStyle name="Обычный 2 2 2 2 4 3 2 2" xfId="2573"/>
    <cellStyle name="Обычный 2 2 2 2 4 3 2 3" xfId="2574"/>
    <cellStyle name="Обычный 2 2 2 2 4 3 3" xfId="2575"/>
    <cellStyle name="Обычный 2 2 2 2 4 3 4" xfId="2576"/>
    <cellStyle name="Обычный 2 2 2 2 4 3 5" xfId="2577"/>
    <cellStyle name="Обычный 2 2 2 2 4 4" xfId="2578"/>
    <cellStyle name="Обычный 2 2 2 2 4 4 2" xfId="2579"/>
    <cellStyle name="Обычный 2 2 2 2 4 4 2 2" xfId="2580"/>
    <cellStyle name="Обычный 2 2 2 2 4 4 2 3" xfId="2581"/>
    <cellStyle name="Обычный 2 2 2 2 4 4 3" xfId="2582"/>
    <cellStyle name="Обычный 2 2 2 2 4 4 4" xfId="2583"/>
    <cellStyle name="Обычный 2 2 2 2 4 4 5" xfId="2584"/>
    <cellStyle name="Обычный 2 2 2 2 4 5" xfId="2585"/>
    <cellStyle name="Обычный 2 2 2 2 4 5 2" xfId="2586"/>
    <cellStyle name="Обычный 2 2 2 2 4 5 3" xfId="2587"/>
    <cellStyle name="Обычный 2 2 2 2 4 6" xfId="2588"/>
    <cellStyle name="Обычный 2 2 2 2 4 7" xfId="2589"/>
    <cellStyle name="Обычный 2 2 2 2 4 8" xfId="2590"/>
    <cellStyle name="Обычный 2 2 2 2 5" xfId="2591"/>
    <cellStyle name="Обычный 2 2 2 2 5 2" xfId="2592"/>
    <cellStyle name="Обычный 2 2 2 2 5 2 2" xfId="2593"/>
    <cellStyle name="Обычный 2 2 2 2 5 2 3" xfId="2594"/>
    <cellStyle name="Обычный 2 2 2 2 5 3" xfId="2595"/>
    <cellStyle name="Обычный 2 2 2 2 5 4" xfId="2596"/>
    <cellStyle name="Обычный 2 2 2 2 5 5" xfId="2597"/>
    <cellStyle name="Обычный 2 2 2 2 6" xfId="2598"/>
    <cellStyle name="Обычный 2 2 2 2 6 2" xfId="2599"/>
    <cellStyle name="Обычный 2 2 2 2 6 2 2" xfId="2600"/>
    <cellStyle name="Обычный 2 2 2 2 6 2 3" xfId="2601"/>
    <cellStyle name="Обычный 2 2 2 2 6 3" xfId="2602"/>
    <cellStyle name="Обычный 2 2 2 2 6 4" xfId="2603"/>
    <cellStyle name="Обычный 2 2 2 2 6 5" xfId="2604"/>
    <cellStyle name="Обычный 2 2 2 2 7" xfId="2605"/>
    <cellStyle name="Обычный 2 2 2 2 7 2" xfId="2606"/>
    <cellStyle name="Обычный 2 2 2 2 7 2 2" xfId="2607"/>
    <cellStyle name="Обычный 2 2 2 2 7 2 3" xfId="2608"/>
    <cellStyle name="Обычный 2 2 2 2 7 3" xfId="2609"/>
    <cellStyle name="Обычный 2 2 2 2 7 4" xfId="2610"/>
    <cellStyle name="Обычный 2 2 2 2 7 5" xfId="2611"/>
    <cellStyle name="Обычный 2 2 2 2 8" xfId="2612"/>
    <cellStyle name="Обычный 2 2 2 2 8 2" xfId="2613"/>
    <cellStyle name="Обычный 2 2 2 2 8 2 2" xfId="2614"/>
    <cellStyle name="Обычный 2 2 2 2 8 2 3" xfId="2615"/>
    <cellStyle name="Обычный 2 2 2 2 8 3" xfId="2616"/>
    <cellStyle name="Обычный 2 2 2 2 8 4" xfId="2617"/>
    <cellStyle name="Обычный 2 2 2 2 8 5" xfId="2618"/>
    <cellStyle name="Обычный 2 2 2 2 9" xfId="2619"/>
    <cellStyle name="Обычный 2 2 2 2 9 2" xfId="2620"/>
    <cellStyle name="Обычный 2 2 2 2 9 3" xfId="2621"/>
    <cellStyle name="Обычный 2 2 2 20" xfId="2622"/>
    <cellStyle name="Обычный 2 2 2 20 2" xfId="2623"/>
    <cellStyle name="Обычный 2 2 2 20 2 2" xfId="2624"/>
    <cellStyle name="Обычный 2 2 2 20 2 3" xfId="2625"/>
    <cellStyle name="Обычный 2 2 2 20 3" xfId="2626"/>
    <cellStyle name="Обычный 2 2 2 20 4" xfId="2627"/>
    <cellStyle name="Обычный 2 2 2 20 5" xfId="2628"/>
    <cellStyle name="Обычный 2 2 2 21" xfId="2629"/>
    <cellStyle name="Обычный 2 2 2 21 2" xfId="2630"/>
    <cellStyle name="Обычный 2 2 2 21 2 2" xfId="2631"/>
    <cellStyle name="Обычный 2 2 2 21 2 3" xfId="2632"/>
    <cellStyle name="Обычный 2 2 2 21 3" xfId="2633"/>
    <cellStyle name="Обычный 2 2 2 21 4" xfId="2634"/>
    <cellStyle name="Обычный 2 2 2 21 5" xfId="2635"/>
    <cellStyle name="Обычный 2 2 2 22" xfId="2636"/>
    <cellStyle name="Обычный 2 2 2 22 2" xfId="2637"/>
    <cellStyle name="Обычный 2 2 2 22 3" xfId="2638"/>
    <cellStyle name="Обычный 2 2 2 23" xfId="2639"/>
    <cellStyle name="Обычный 2 2 2 23 2" xfId="2640"/>
    <cellStyle name="Обычный 2 2 2 24" xfId="2641"/>
    <cellStyle name="Обычный 2 2 2 25" xfId="2642"/>
    <cellStyle name="Обычный 2 2 2 3" xfId="2643"/>
    <cellStyle name="Обычный 2 2 2 3 10" xfId="2644"/>
    <cellStyle name="Обычный 2 2 2 3 10 2" xfId="2645"/>
    <cellStyle name="Обычный 2 2 2 3 11" xfId="2646"/>
    <cellStyle name="Обычный 2 2 2 3 12" xfId="2647"/>
    <cellStyle name="Обычный 2 2 2 3 2" xfId="2648"/>
    <cellStyle name="Обычный 2 2 2 3 2 10" xfId="2649"/>
    <cellStyle name="Обычный 2 2 2 3 2 11" xfId="2650"/>
    <cellStyle name="Обычный 2 2 2 3 2 2" xfId="2651"/>
    <cellStyle name="Обычный 2 2 2 3 2 2 2" xfId="2652"/>
    <cellStyle name="Обычный 2 2 2 3 2 2 2 2" xfId="2653"/>
    <cellStyle name="Обычный 2 2 2 3 2 2 2 2 2" xfId="2654"/>
    <cellStyle name="Обычный 2 2 2 3 2 2 2 2 3" xfId="2655"/>
    <cellStyle name="Обычный 2 2 2 3 2 2 2 3" xfId="2656"/>
    <cellStyle name="Обычный 2 2 2 3 2 2 2 4" xfId="2657"/>
    <cellStyle name="Обычный 2 2 2 3 2 2 2 5" xfId="2658"/>
    <cellStyle name="Обычный 2 2 2 3 2 2 3" xfId="2659"/>
    <cellStyle name="Обычный 2 2 2 3 2 2 3 2" xfId="2660"/>
    <cellStyle name="Обычный 2 2 2 3 2 2 3 2 2" xfId="2661"/>
    <cellStyle name="Обычный 2 2 2 3 2 2 3 2 3" xfId="2662"/>
    <cellStyle name="Обычный 2 2 2 3 2 2 3 3" xfId="2663"/>
    <cellStyle name="Обычный 2 2 2 3 2 2 3 4" xfId="2664"/>
    <cellStyle name="Обычный 2 2 2 3 2 2 3 5" xfId="2665"/>
    <cellStyle name="Обычный 2 2 2 3 2 2 4" xfId="2666"/>
    <cellStyle name="Обычный 2 2 2 3 2 2 4 2" xfId="2667"/>
    <cellStyle name="Обычный 2 2 2 3 2 2 4 2 2" xfId="2668"/>
    <cellStyle name="Обычный 2 2 2 3 2 2 4 2 3" xfId="2669"/>
    <cellStyle name="Обычный 2 2 2 3 2 2 4 3" xfId="2670"/>
    <cellStyle name="Обычный 2 2 2 3 2 2 4 4" xfId="2671"/>
    <cellStyle name="Обычный 2 2 2 3 2 2 4 5" xfId="2672"/>
    <cellStyle name="Обычный 2 2 2 3 2 2 5" xfId="2673"/>
    <cellStyle name="Обычный 2 2 2 3 2 2 5 2" xfId="2674"/>
    <cellStyle name="Обычный 2 2 2 3 2 2 5 2 2" xfId="2675"/>
    <cellStyle name="Обычный 2 2 2 3 2 2 5 2 3" xfId="2676"/>
    <cellStyle name="Обычный 2 2 2 3 2 2 5 3" xfId="2677"/>
    <cellStyle name="Обычный 2 2 2 3 2 2 5 4" xfId="2678"/>
    <cellStyle name="Обычный 2 2 2 3 2 2 5 5" xfId="2679"/>
    <cellStyle name="Обычный 2 2 2 3 2 2 6" xfId="2680"/>
    <cellStyle name="Обычный 2 2 2 3 2 2 6 2" xfId="2681"/>
    <cellStyle name="Обычный 2 2 2 3 2 2 6 3" xfId="2682"/>
    <cellStyle name="Обычный 2 2 2 3 2 2 7" xfId="2683"/>
    <cellStyle name="Обычный 2 2 2 3 2 2 8" xfId="2684"/>
    <cellStyle name="Обычный 2 2 2 3 2 2 9" xfId="2685"/>
    <cellStyle name="Обычный 2 2 2 3 2 3" xfId="2686"/>
    <cellStyle name="Обычный 2 2 2 3 2 3 2" xfId="2687"/>
    <cellStyle name="Обычный 2 2 2 3 2 3 2 2" xfId="2688"/>
    <cellStyle name="Обычный 2 2 2 3 2 3 2 2 2" xfId="2689"/>
    <cellStyle name="Обычный 2 2 2 3 2 3 2 2 3" xfId="2690"/>
    <cellStyle name="Обычный 2 2 2 3 2 3 2 3" xfId="2691"/>
    <cellStyle name="Обычный 2 2 2 3 2 3 2 4" xfId="2692"/>
    <cellStyle name="Обычный 2 2 2 3 2 3 2 5" xfId="2693"/>
    <cellStyle name="Обычный 2 2 2 3 2 3 3" xfId="2694"/>
    <cellStyle name="Обычный 2 2 2 3 2 3 3 2" xfId="2695"/>
    <cellStyle name="Обычный 2 2 2 3 2 3 3 2 2" xfId="2696"/>
    <cellStyle name="Обычный 2 2 2 3 2 3 3 2 3" xfId="2697"/>
    <cellStyle name="Обычный 2 2 2 3 2 3 3 3" xfId="2698"/>
    <cellStyle name="Обычный 2 2 2 3 2 3 3 4" xfId="2699"/>
    <cellStyle name="Обычный 2 2 2 3 2 3 3 5" xfId="2700"/>
    <cellStyle name="Обычный 2 2 2 3 2 3 4" xfId="2701"/>
    <cellStyle name="Обычный 2 2 2 3 2 3 4 2" xfId="2702"/>
    <cellStyle name="Обычный 2 2 2 3 2 3 4 2 2" xfId="2703"/>
    <cellStyle name="Обычный 2 2 2 3 2 3 4 2 3" xfId="2704"/>
    <cellStyle name="Обычный 2 2 2 3 2 3 4 3" xfId="2705"/>
    <cellStyle name="Обычный 2 2 2 3 2 3 4 4" xfId="2706"/>
    <cellStyle name="Обычный 2 2 2 3 2 3 4 5" xfId="2707"/>
    <cellStyle name="Обычный 2 2 2 3 2 3 5" xfId="2708"/>
    <cellStyle name="Обычный 2 2 2 3 2 3 5 2" xfId="2709"/>
    <cellStyle name="Обычный 2 2 2 3 2 3 5 3" xfId="2710"/>
    <cellStyle name="Обычный 2 2 2 3 2 3 6" xfId="2711"/>
    <cellStyle name="Обычный 2 2 2 3 2 3 7" xfId="2712"/>
    <cellStyle name="Обычный 2 2 2 3 2 3 8" xfId="2713"/>
    <cellStyle name="Обычный 2 2 2 3 2 4" xfId="2714"/>
    <cellStyle name="Обычный 2 2 2 3 2 4 2" xfId="2715"/>
    <cellStyle name="Обычный 2 2 2 3 2 4 2 2" xfId="2716"/>
    <cellStyle name="Обычный 2 2 2 3 2 4 2 3" xfId="2717"/>
    <cellStyle name="Обычный 2 2 2 3 2 4 3" xfId="2718"/>
    <cellStyle name="Обычный 2 2 2 3 2 4 4" xfId="2719"/>
    <cellStyle name="Обычный 2 2 2 3 2 4 5" xfId="2720"/>
    <cellStyle name="Обычный 2 2 2 3 2 5" xfId="2721"/>
    <cellStyle name="Обычный 2 2 2 3 2 5 2" xfId="2722"/>
    <cellStyle name="Обычный 2 2 2 3 2 5 2 2" xfId="2723"/>
    <cellStyle name="Обычный 2 2 2 3 2 5 2 3" xfId="2724"/>
    <cellStyle name="Обычный 2 2 2 3 2 5 3" xfId="2725"/>
    <cellStyle name="Обычный 2 2 2 3 2 5 4" xfId="2726"/>
    <cellStyle name="Обычный 2 2 2 3 2 5 5" xfId="2727"/>
    <cellStyle name="Обычный 2 2 2 3 2 6" xfId="2728"/>
    <cellStyle name="Обычный 2 2 2 3 2 6 2" xfId="2729"/>
    <cellStyle name="Обычный 2 2 2 3 2 6 2 2" xfId="2730"/>
    <cellStyle name="Обычный 2 2 2 3 2 6 2 3" xfId="2731"/>
    <cellStyle name="Обычный 2 2 2 3 2 6 3" xfId="2732"/>
    <cellStyle name="Обычный 2 2 2 3 2 6 4" xfId="2733"/>
    <cellStyle name="Обычный 2 2 2 3 2 6 5" xfId="2734"/>
    <cellStyle name="Обычный 2 2 2 3 2 7" xfId="2735"/>
    <cellStyle name="Обычный 2 2 2 3 2 7 2" xfId="2736"/>
    <cellStyle name="Обычный 2 2 2 3 2 7 2 2" xfId="2737"/>
    <cellStyle name="Обычный 2 2 2 3 2 7 2 3" xfId="2738"/>
    <cellStyle name="Обычный 2 2 2 3 2 7 3" xfId="2739"/>
    <cellStyle name="Обычный 2 2 2 3 2 7 4" xfId="2740"/>
    <cellStyle name="Обычный 2 2 2 3 2 7 5" xfId="2741"/>
    <cellStyle name="Обычный 2 2 2 3 2 8" xfId="2742"/>
    <cellStyle name="Обычный 2 2 2 3 2 8 2" xfId="2743"/>
    <cellStyle name="Обычный 2 2 2 3 2 8 3" xfId="2744"/>
    <cellStyle name="Обычный 2 2 2 3 2 9" xfId="2745"/>
    <cellStyle name="Обычный 2 2 2 3 2 9 2" xfId="2746"/>
    <cellStyle name="Обычный 2 2 2 3 3" xfId="2747"/>
    <cellStyle name="Обычный 2 2 2 3 3 2" xfId="2748"/>
    <cellStyle name="Обычный 2 2 2 3 3 2 2" xfId="2749"/>
    <cellStyle name="Обычный 2 2 2 3 3 2 2 2" xfId="2750"/>
    <cellStyle name="Обычный 2 2 2 3 3 2 2 3" xfId="2751"/>
    <cellStyle name="Обычный 2 2 2 3 3 2 3" xfId="2752"/>
    <cellStyle name="Обычный 2 2 2 3 3 2 4" xfId="2753"/>
    <cellStyle name="Обычный 2 2 2 3 3 2 5" xfId="2754"/>
    <cellStyle name="Обычный 2 2 2 3 3 3" xfId="2755"/>
    <cellStyle name="Обычный 2 2 2 3 3 3 2" xfId="2756"/>
    <cellStyle name="Обычный 2 2 2 3 3 3 2 2" xfId="2757"/>
    <cellStyle name="Обычный 2 2 2 3 3 3 2 3" xfId="2758"/>
    <cellStyle name="Обычный 2 2 2 3 3 3 3" xfId="2759"/>
    <cellStyle name="Обычный 2 2 2 3 3 3 4" xfId="2760"/>
    <cellStyle name="Обычный 2 2 2 3 3 3 5" xfId="2761"/>
    <cellStyle name="Обычный 2 2 2 3 3 4" xfId="2762"/>
    <cellStyle name="Обычный 2 2 2 3 3 4 2" xfId="2763"/>
    <cellStyle name="Обычный 2 2 2 3 3 4 2 2" xfId="2764"/>
    <cellStyle name="Обычный 2 2 2 3 3 4 2 3" xfId="2765"/>
    <cellStyle name="Обычный 2 2 2 3 3 4 3" xfId="2766"/>
    <cellStyle name="Обычный 2 2 2 3 3 4 4" xfId="2767"/>
    <cellStyle name="Обычный 2 2 2 3 3 4 5" xfId="2768"/>
    <cellStyle name="Обычный 2 2 2 3 3 5" xfId="2769"/>
    <cellStyle name="Обычный 2 2 2 3 3 5 2" xfId="2770"/>
    <cellStyle name="Обычный 2 2 2 3 3 5 2 2" xfId="2771"/>
    <cellStyle name="Обычный 2 2 2 3 3 5 2 3" xfId="2772"/>
    <cellStyle name="Обычный 2 2 2 3 3 5 3" xfId="2773"/>
    <cellStyle name="Обычный 2 2 2 3 3 5 4" xfId="2774"/>
    <cellStyle name="Обычный 2 2 2 3 3 5 5" xfId="2775"/>
    <cellStyle name="Обычный 2 2 2 3 3 6" xfId="2776"/>
    <cellStyle name="Обычный 2 2 2 3 3 6 2" xfId="2777"/>
    <cellStyle name="Обычный 2 2 2 3 3 6 3" xfId="2778"/>
    <cellStyle name="Обычный 2 2 2 3 3 7" xfId="2779"/>
    <cellStyle name="Обычный 2 2 2 3 3 8" xfId="2780"/>
    <cellStyle name="Обычный 2 2 2 3 3 9" xfId="2781"/>
    <cellStyle name="Обычный 2 2 2 3 4" xfId="2782"/>
    <cellStyle name="Обычный 2 2 2 3 4 2" xfId="2783"/>
    <cellStyle name="Обычный 2 2 2 3 4 2 2" xfId="2784"/>
    <cellStyle name="Обычный 2 2 2 3 4 2 2 2" xfId="2785"/>
    <cellStyle name="Обычный 2 2 2 3 4 2 2 3" xfId="2786"/>
    <cellStyle name="Обычный 2 2 2 3 4 2 3" xfId="2787"/>
    <cellStyle name="Обычный 2 2 2 3 4 2 4" xfId="2788"/>
    <cellStyle name="Обычный 2 2 2 3 4 2 5" xfId="2789"/>
    <cellStyle name="Обычный 2 2 2 3 4 3" xfId="2790"/>
    <cellStyle name="Обычный 2 2 2 3 4 3 2" xfId="2791"/>
    <cellStyle name="Обычный 2 2 2 3 4 3 2 2" xfId="2792"/>
    <cellStyle name="Обычный 2 2 2 3 4 3 2 3" xfId="2793"/>
    <cellStyle name="Обычный 2 2 2 3 4 3 3" xfId="2794"/>
    <cellStyle name="Обычный 2 2 2 3 4 3 4" xfId="2795"/>
    <cellStyle name="Обычный 2 2 2 3 4 3 5" xfId="2796"/>
    <cellStyle name="Обычный 2 2 2 3 4 4" xfId="2797"/>
    <cellStyle name="Обычный 2 2 2 3 4 4 2" xfId="2798"/>
    <cellStyle name="Обычный 2 2 2 3 4 4 2 2" xfId="2799"/>
    <cellStyle name="Обычный 2 2 2 3 4 4 2 3" xfId="2800"/>
    <cellStyle name="Обычный 2 2 2 3 4 4 3" xfId="2801"/>
    <cellStyle name="Обычный 2 2 2 3 4 4 4" xfId="2802"/>
    <cellStyle name="Обычный 2 2 2 3 4 4 5" xfId="2803"/>
    <cellStyle name="Обычный 2 2 2 3 4 5" xfId="2804"/>
    <cellStyle name="Обычный 2 2 2 3 4 5 2" xfId="2805"/>
    <cellStyle name="Обычный 2 2 2 3 4 5 3" xfId="2806"/>
    <cellStyle name="Обычный 2 2 2 3 4 6" xfId="2807"/>
    <cellStyle name="Обычный 2 2 2 3 4 7" xfId="2808"/>
    <cellStyle name="Обычный 2 2 2 3 4 8" xfId="2809"/>
    <cellStyle name="Обычный 2 2 2 3 5" xfId="2810"/>
    <cellStyle name="Обычный 2 2 2 3 5 2" xfId="2811"/>
    <cellStyle name="Обычный 2 2 2 3 5 2 2" xfId="2812"/>
    <cellStyle name="Обычный 2 2 2 3 5 2 3" xfId="2813"/>
    <cellStyle name="Обычный 2 2 2 3 5 3" xfId="2814"/>
    <cellStyle name="Обычный 2 2 2 3 5 4" xfId="2815"/>
    <cellStyle name="Обычный 2 2 2 3 5 5" xfId="2816"/>
    <cellStyle name="Обычный 2 2 2 3 6" xfId="2817"/>
    <cellStyle name="Обычный 2 2 2 3 6 2" xfId="2818"/>
    <cellStyle name="Обычный 2 2 2 3 6 2 2" xfId="2819"/>
    <cellStyle name="Обычный 2 2 2 3 6 2 3" xfId="2820"/>
    <cellStyle name="Обычный 2 2 2 3 6 3" xfId="2821"/>
    <cellStyle name="Обычный 2 2 2 3 6 4" xfId="2822"/>
    <cellStyle name="Обычный 2 2 2 3 6 5" xfId="2823"/>
    <cellStyle name="Обычный 2 2 2 3 7" xfId="2824"/>
    <cellStyle name="Обычный 2 2 2 3 7 2" xfId="2825"/>
    <cellStyle name="Обычный 2 2 2 3 7 2 2" xfId="2826"/>
    <cellStyle name="Обычный 2 2 2 3 7 2 3" xfId="2827"/>
    <cellStyle name="Обычный 2 2 2 3 7 3" xfId="2828"/>
    <cellStyle name="Обычный 2 2 2 3 7 4" xfId="2829"/>
    <cellStyle name="Обычный 2 2 2 3 7 5" xfId="2830"/>
    <cellStyle name="Обычный 2 2 2 3 8" xfId="2831"/>
    <cellStyle name="Обычный 2 2 2 3 8 2" xfId="2832"/>
    <cellStyle name="Обычный 2 2 2 3 8 2 2" xfId="2833"/>
    <cellStyle name="Обычный 2 2 2 3 8 2 3" xfId="2834"/>
    <cellStyle name="Обычный 2 2 2 3 8 3" xfId="2835"/>
    <cellStyle name="Обычный 2 2 2 3 8 4" xfId="2836"/>
    <cellStyle name="Обычный 2 2 2 3 8 5" xfId="2837"/>
    <cellStyle name="Обычный 2 2 2 3 9" xfId="2838"/>
    <cellStyle name="Обычный 2 2 2 3 9 2" xfId="2839"/>
    <cellStyle name="Обычный 2 2 2 3 9 3" xfId="2840"/>
    <cellStyle name="Обычный 2 2 2 4" xfId="2841"/>
    <cellStyle name="Обычный 2 2 2 4 10" xfId="2842"/>
    <cellStyle name="Обычный 2 2 2 4 10 2" xfId="2843"/>
    <cellStyle name="Обычный 2 2 2 4 11" xfId="2844"/>
    <cellStyle name="Обычный 2 2 2 4 12" xfId="2845"/>
    <cellStyle name="Обычный 2 2 2 4 2" xfId="2846"/>
    <cellStyle name="Обычный 2 2 2 4 2 10" xfId="2847"/>
    <cellStyle name="Обычный 2 2 2 4 2 11" xfId="2848"/>
    <cellStyle name="Обычный 2 2 2 4 2 2" xfId="2849"/>
    <cellStyle name="Обычный 2 2 2 4 2 2 2" xfId="2850"/>
    <cellStyle name="Обычный 2 2 2 4 2 2 2 2" xfId="2851"/>
    <cellStyle name="Обычный 2 2 2 4 2 2 2 2 2" xfId="2852"/>
    <cellStyle name="Обычный 2 2 2 4 2 2 2 2 3" xfId="2853"/>
    <cellStyle name="Обычный 2 2 2 4 2 2 2 3" xfId="2854"/>
    <cellStyle name="Обычный 2 2 2 4 2 2 2 4" xfId="2855"/>
    <cellStyle name="Обычный 2 2 2 4 2 2 2 5" xfId="2856"/>
    <cellStyle name="Обычный 2 2 2 4 2 2 3" xfId="2857"/>
    <cellStyle name="Обычный 2 2 2 4 2 2 3 2" xfId="2858"/>
    <cellStyle name="Обычный 2 2 2 4 2 2 3 2 2" xfId="2859"/>
    <cellStyle name="Обычный 2 2 2 4 2 2 3 2 3" xfId="2860"/>
    <cellStyle name="Обычный 2 2 2 4 2 2 3 3" xfId="2861"/>
    <cellStyle name="Обычный 2 2 2 4 2 2 3 4" xfId="2862"/>
    <cellStyle name="Обычный 2 2 2 4 2 2 3 5" xfId="2863"/>
    <cellStyle name="Обычный 2 2 2 4 2 2 4" xfId="2864"/>
    <cellStyle name="Обычный 2 2 2 4 2 2 4 2" xfId="2865"/>
    <cellStyle name="Обычный 2 2 2 4 2 2 4 2 2" xfId="2866"/>
    <cellStyle name="Обычный 2 2 2 4 2 2 4 2 3" xfId="2867"/>
    <cellStyle name="Обычный 2 2 2 4 2 2 4 3" xfId="2868"/>
    <cellStyle name="Обычный 2 2 2 4 2 2 4 4" xfId="2869"/>
    <cellStyle name="Обычный 2 2 2 4 2 2 4 5" xfId="2870"/>
    <cellStyle name="Обычный 2 2 2 4 2 2 5" xfId="2871"/>
    <cellStyle name="Обычный 2 2 2 4 2 2 5 2" xfId="2872"/>
    <cellStyle name="Обычный 2 2 2 4 2 2 5 2 2" xfId="2873"/>
    <cellStyle name="Обычный 2 2 2 4 2 2 5 2 3" xfId="2874"/>
    <cellStyle name="Обычный 2 2 2 4 2 2 5 3" xfId="2875"/>
    <cellStyle name="Обычный 2 2 2 4 2 2 5 4" xfId="2876"/>
    <cellStyle name="Обычный 2 2 2 4 2 2 5 5" xfId="2877"/>
    <cellStyle name="Обычный 2 2 2 4 2 2 6" xfId="2878"/>
    <cellStyle name="Обычный 2 2 2 4 2 2 6 2" xfId="2879"/>
    <cellStyle name="Обычный 2 2 2 4 2 2 6 3" xfId="2880"/>
    <cellStyle name="Обычный 2 2 2 4 2 2 7" xfId="2881"/>
    <cellStyle name="Обычный 2 2 2 4 2 2 8" xfId="2882"/>
    <cellStyle name="Обычный 2 2 2 4 2 2 9" xfId="2883"/>
    <cellStyle name="Обычный 2 2 2 4 2 3" xfId="2884"/>
    <cellStyle name="Обычный 2 2 2 4 2 3 2" xfId="2885"/>
    <cellStyle name="Обычный 2 2 2 4 2 3 2 2" xfId="2886"/>
    <cellStyle name="Обычный 2 2 2 4 2 3 2 2 2" xfId="2887"/>
    <cellStyle name="Обычный 2 2 2 4 2 3 2 2 3" xfId="2888"/>
    <cellStyle name="Обычный 2 2 2 4 2 3 2 3" xfId="2889"/>
    <cellStyle name="Обычный 2 2 2 4 2 3 2 4" xfId="2890"/>
    <cellStyle name="Обычный 2 2 2 4 2 3 2 5" xfId="2891"/>
    <cellStyle name="Обычный 2 2 2 4 2 3 3" xfId="2892"/>
    <cellStyle name="Обычный 2 2 2 4 2 3 3 2" xfId="2893"/>
    <cellStyle name="Обычный 2 2 2 4 2 3 3 2 2" xfId="2894"/>
    <cellStyle name="Обычный 2 2 2 4 2 3 3 2 3" xfId="2895"/>
    <cellStyle name="Обычный 2 2 2 4 2 3 3 3" xfId="2896"/>
    <cellStyle name="Обычный 2 2 2 4 2 3 3 4" xfId="2897"/>
    <cellStyle name="Обычный 2 2 2 4 2 3 3 5" xfId="2898"/>
    <cellStyle name="Обычный 2 2 2 4 2 3 4" xfId="2899"/>
    <cellStyle name="Обычный 2 2 2 4 2 3 4 2" xfId="2900"/>
    <cellStyle name="Обычный 2 2 2 4 2 3 4 2 2" xfId="2901"/>
    <cellStyle name="Обычный 2 2 2 4 2 3 4 2 3" xfId="2902"/>
    <cellStyle name="Обычный 2 2 2 4 2 3 4 3" xfId="2903"/>
    <cellStyle name="Обычный 2 2 2 4 2 3 4 4" xfId="2904"/>
    <cellStyle name="Обычный 2 2 2 4 2 3 4 5" xfId="2905"/>
    <cellStyle name="Обычный 2 2 2 4 2 3 5" xfId="2906"/>
    <cellStyle name="Обычный 2 2 2 4 2 3 5 2" xfId="2907"/>
    <cellStyle name="Обычный 2 2 2 4 2 3 5 3" xfId="2908"/>
    <cellStyle name="Обычный 2 2 2 4 2 3 6" xfId="2909"/>
    <cellStyle name="Обычный 2 2 2 4 2 3 7" xfId="2910"/>
    <cellStyle name="Обычный 2 2 2 4 2 3 8" xfId="2911"/>
    <cellStyle name="Обычный 2 2 2 4 2 4" xfId="2912"/>
    <cellStyle name="Обычный 2 2 2 4 2 4 2" xfId="2913"/>
    <cellStyle name="Обычный 2 2 2 4 2 4 2 2" xfId="2914"/>
    <cellStyle name="Обычный 2 2 2 4 2 4 2 3" xfId="2915"/>
    <cellStyle name="Обычный 2 2 2 4 2 4 3" xfId="2916"/>
    <cellStyle name="Обычный 2 2 2 4 2 4 4" xfId="2917"/>
    <cellStyle name="Обычный 2 2 2 4 2 4 5" xfId="2918"/>
    <cellStyle name="Обычный 2 2 2 4 2 5" xfId="2919"/>
    <cellStyle name="Обычный 2 2 2 4 2 5 2" xfId="2920"/>
    <cellStyle name="Обычный 2 2 2 4 2 5 2 2" xfId="2921"/>
    <cellStyle name="Обычный 2 2 2 4 2 5 2 3" xfId="2922"/>
    <cellStyle name="Обычный 2 2 2 4 2 5 3" xfId="2923"/>
    <cellStyle name="Обычный 2 2 2 4 2 5 4" xfId="2924"/>
    <cellStyle name="Обычный 2 2 2 4 2 5 5" xfId="2925"/>
    <cellStyle name="Обычный 2 2 2 4 2 6" xfId="2926"/>
    <cellStyle name="Обычный 2 2 2 4 2 6 2" xfId="2927"/>
    <cellStyle name="Обычный 2 2 2 4 2 6 2 2" xfId="2928"/>
    <cellStyle name="Обычный 2 2 2 4 2 6 2 3" xfId="2929"/>
    <cellStyle name="Обычный 2 2 2 4 2 6 3" xfId="2930"/>
    <cellStyle name="Обычный 2 2 2 4 2 6 4" xfId="2931"/>
    <cellStyle name="Обычный 2 2 2 4 2 6 5" xfId="2932"/>
    <cellStyle name="Обычный 2 2 2 4 2 7" xfId="2933"/>
    <cellStyle name="Обычный 2 2 2 4 2 7 2" xfId="2934"/>
    <cellStyle name="Обычный 2 2 2 4 2 7 2 2" xfId="2935"/>
    <cellStyle name="Обычный 2 2 2 4 2 7 2 3" xfId="2936"/>
    <cellStyle name="Обычный 2 2 2 4 2 7 3" xfId="2937"/>
    <cellStyle name="Обычный 2 2 2 4 2 7 4" xfId="2938"/>
    <cellStyle name="Обычный 2 2 2 4 2 7 5" xfId="2939"/>
    <cellStyle name="Обычный 2 2 2 4 2 8" xfId="2940"/>
    <cellStyle name="Обычный 2 2 2 4 2 8 2" xfId="2941"/>
    <cellStyle name="Обычный 2 2 2 4 2 8 3" xfId="2942"/>
    <cellStyle name="Обычный 2 2 2 4 2 9" xfId="2943"/>
    <cellStyle name="Обычный 2 2 2 4 2 9 2" xfId="2944"/>
    <cellStyle name="Обычный 2 2 2 4 3" xfId="2945"/>
    <cellStyle name="Обычный 2 2 2 4 3 2" xfId="2946"/>
    <cellStyle name="Обычный 2 2 2 4 3 2 2" xfId="2947"/>
    <cellStyle name="Обычный 2 2 2 4 3 2 2 2" xfId="2948"/>
    <cellStyle name="Обычный 2 2 2 4 3 2 2 3" xfId="2949"/>
    <cellStyle name="Обычный 2 2 2 4 3 2 3" xfId="2950"/>
    <cellStyle name="Обычный 2 2 2 4 3 2 4" xfId="2951"/>
    <cellStyle name="Обычный 2 2 2 4 3 2 5" xfId="2952"/>
    <cellStyle name="Обычный 2 2 2 4 3 3" xfId="2953"/>
    <cellStyle name="Обычный 2 2 2 4 3 3 2" xfId="2954"/>
    <cellStyle name="Обычный 2 2 2 4 3 3 2 2" xfId="2955"/>
    <cellStyle name="Обычный 2 2 2 4 3 3 2 3" xfId="2956"/>
    <cellStyle name="Обычный 2 2 2 4 3 3 3" xfId="2957"/>
    <cellStyle name="Обычный 2 2 2 4 3 3 4" xfId="2958"/>
    <cellStyle name="Обычный 2 2 2 4 3 3 5" xfId="2959"/>
    <cellStyle name="Обычный 2 2 2 4 3 4" xfId="2960"/>
    <cellStyle name="Обычный 2 2 2 4 3 4 2" xfId="2961"/>
    <cellStyle name="Обычный 2 2 2 4 3 4 2 2" xfId="2962"/>
    <cellStyle name="Обычный 2 2 2 4 3 4 2 3" xfId="2963"/>
    <cellStyle name="Обычный 2 2 2 4 3 4 3" xfId="2964"/>
    <cellStyle name="Обычный 2 2 2 4 3 4 4" xfId="2965"/>
    <cellStyle name="Обычный 2 2 2 4 3 4 5" xfId="2966"/>
    <cellStyle name="Обычный 2 2 2 4 3 5" xfId="2967"/>
    <cellStyle name="Обычный 2 2 2 4 3 5 2" xfId="2968"/>
    <cellStyle name="Обычный 2 2 2 4 3 5 2 2" xfId="2969"/>
    <cellStyle name="Обычный 2 2 2 4 3 5 2 3" xfId="2970"/>
    <cellStyle name="Обычный 2 2 2 4 3 5 3" xfId="2971"/>
    <cellStyle name="Обычный 2 2 2 4 3 5 4" xfId="2972"/>
    <cellStyle name="Обычный 2 2 2 4 3 5 5" xfId="2973"/>
    <cellStyle name="Обычный 2 2 2 4 3 6" xfId="2974"/>
    <cellStyle name="Обычный 2 2 2 4 3 6 2" xfId="2975"/>
    <cellStyle name="Обычный 2 2 2 4 3 6 3" xfId="2976"/>
    <cellStyle name="Обычный 2 2 2 4 3 7" xfId="2977"/>
    <cellStyle name="Обычный 2 2 2 4 3 8" xfId="2978"/>
    <cellStyle name="Обычный 2 2 2 4 3 9" xfId="2979"/>
    <cellStyle name="Обычный 2 2 2 4 4" xfId="2980"/>
    <cellStyle name="Обычный 2 2 2 4 4 2" xfId="2981"/>
    <cellStyle name="Обычный 2 2 2 4 4 2 2" xfId="2982"/>
    <cellStyle name="Обычный 2 2 2 4 4 2 2 2" xfId="2983"/>
    <cellStyle name="Обычный 2 2 2 4 4 2 2 3" xfId="2984"/>
    <cellStyle name="Обычный 2 2 2 4 4 2 3" xfId="2985"/>
    <cellStyle name="Обычный 2 2 2 4 4 2 4" xfId="2986"/>
    <cellStyle name="Обычный 2 2 2 4 4 2 5" xfId="2987"/>
    <cellStyle name="Обычный 2 2 2 4 4 3" xfId="2988"/>
    <cellStyle name="Обычный 2 2 2 4 4 3 2" xfId="2989"/>
    <cellStyle name="Обычный 2 2 2 4 4 3 2 2" xfId="2990"/>
    <cellStyle name="Обычный 2 2 2 4 4 3 2 3" xfId="2991"/>
    <cellStyle name="Обычный 2 2 2 4 4 3 3" xfId="2992"/>
    <cellStyle name="Обычный 2 2 2 4 4 3 4" xfId="2993"/>
    <cellStyle name="Обычный 2 2 2 4 4 3 5" xfId="2994"/>
    <cellStyle name="Обычный 2 2 2 4 4 4" xfId="2995"/>
    <cellStyle name="Обычный 2 2 2 4 4 4 2" xfId="2996"/>
    <cellStyle name="Обычный 2 2 2 4 4 4 2 2" xfId="2997"/>
    <cellStyle name="Обычный 2 2 2 4 4 4 2 3" xfId="2998"/>
    <cellStyle name="Обычный 2 2 2 4 4 4 3" xfId="2999"/>
    <cellStyle name="Обычный 2 2 2 4 4 4 4" xfId="3000"/>
    <cellStyle name="Обычный 2 2 2 4 4 4 5" xfId="3001"/>
    <cellStyle name="Обычный 2 2 2 4 4 5" xfId="3002"/>
    <cellStyle name="Обычный 2 2 2 4 4 5 2" xfId="3003"/>
    <cellStyle name="Обычный 2 2 2 4 4 5 3" xfId="3004"/>
    <cellStyle name="Обычный 2 2 2 4 4 6" xfId="3005"/>
    <cellStyle name="Обычный 2 2 2 4 4 7" xfId="3006"/>
    <cellStyle name="Обычный 2 2 2 4 4 8" xfId="3007"/>
    <cellStyle name="Обычный 2 2 2 4 5" xfId="3008"/>
    <cellStyle name="Обычный 2 2 2 4 5 2" xfId="3009"/>
    <cellStyle name="Обычный 2 2 2 4 5 2 2" xfId="3010"/>
    <cellStyle name="Обычный 2 2 2 4 5 2 3" xfId="3011"/>
    <cellStyle name="Обычный 2 2 2 4 5 3" xfId="3012"/>
    <cellStyle name="Обычный 2 2 2 4 5 4" xfId="3013"/>
    <cellStyle name="Обычный 2 2 2 4 5 5" xfId="3014"/>
    <cellStyle name="Обычный 2 2 2 4 6" xfId="3015"/>
    <cellStyle name="Обычный 2 2 2 4 6 2" xfId="3016"/>
    <cellStyle name="Обычный 2 2 2 4 6 2 2" xfId="3017"/>
    <cellStyle name="Обычный 2 2 2 4 6 2 3" xfId="3018"/>
    <cellStyle name="Обычный 2 2 2 4 6 3" xfId="3019"/>
    <cellStyle name="Обычный 2 2 2 4 6 4" xfId="3020"/>
    <cellStyle name="Обычный 2 2 2 4 6 5" xfId="3021"/>
    <cellStyle name="Обычный 2 2 2 4 7" xfId="3022"/>
    <cellStyle name="Обычный 2 2 2 4 7 2" xfId="3023"/>
    <cellStyle name="Обычный 2 2 2 4 7 2 2" xfId="3024"/>
    <cellStyle name="Обычный 2 2 2 4 7 2 3" xfId="3025"/>
    <cellStyle name="Обычный 2 2 2 4 7 3" xfId="3026"/>
    <cellStyle name="Обычный 2 2 2 4 7 4" xfId="3027"/>
    <cellStyle name="Обычный 2 2 2 4 7 5" xfId="3028"/>
    <cellStyle name="Обычный 2 2 2 4 8" xfId="3029"/>
    <cellStyle name="Обычный 2 2 2 4 8 2" xfId="3030"/>
    <cellStyle name="Обычный 2 2 2 4 8 2 2" xfId="3031"/>
    <cellStyle name="Обычный 2 2 2 4 8 2 3" xfId="3032"/>
    <cellStyle name="Обычный 2 2 2 4 8 3" xfId="3033"/>
    <cellStyle name="Обычный 2 2 2 4 8 4" xfId="3034"/>
    <cellStyle name="Обычный 2 2 2 4 8 5" xfId="3035"/>
    <cellStyle name="Обычный 2 2 2 4 9" xfId="3036"/>
    <cellStyle name="Обычный 2 2 2 4 9 2" xfId="3037"/>
    <cellStyle name="Обычный 2 2 2 4 9 3" xfId="3038"/>
    <cellStyle name="Обычный 2 2 2 5" xfId="3039"/>
    <cellStyle name="Обычный 2 2 2 5 10" xfId="3040"/>
    <cellStyle name="Обычный 2 2 2 5 10 2" xfId="3041"/>
    <cellStyle name="Обычный 2 2 2 5 11" xfId="3042"/>
    <cellStyle name="Обычный 2 2 2 5 12" xfId="3043"/>
    <cellStyle name="Обычный 2 2 2 5 2" xfId="3044"/>
    <cellStyle name="Обычный 2 2 2 5 2 10" xfId="3045"/>
    <cellStyle name="Обычный 2 2 2 5 2 11" xfId="3046"/>
    <cellStyle name="Обычный 2 2 2 5 2 2" xfId="3047"/>
    <cellStyle name="Обычный 2 2 2 5 2 2 2" xfId="3048"/>
    <cellStyle name="Обычный 2 2 2 5 2 2 2 2" xfId="3049"/>
    <cellStyle name="Обычный 2 2 2 5 2 2 2 2 2" xfId="3050"/>
    <cellStyle name="Обычный 2 2 2 5 2 2 2 2 3" xfId="3051"/>
    <cellStyle name="Обычный 2 2 2 5 2 2 2 3" xfId="3052"/>
    <cellStyle name="Обычный 2 2 2 5 2 2 2 4" xfId="3053"/>
    <cellStyle name="Обычный 2 2 2 5 2 2 2 5" xfId="3054"/>
    <cellStyle name="Обычный 2 2 2 5 2 2 3" xfId="3055"/>
    <cellStyle name="Обычный 2 2 2 5 2 2 3 2" xfId="3056"/>
    <cellStyle name="Обычный 2 2 2 5 2 2 3 2 2" xfId="3057"/>
    <cellStyle name="Обычный 2 2 2 5 2 2 3 2 3" xfId="3058"/>
    <cellStyle name="Обычный 2 2 2 5 2 2 3 3" xfId="3059"/>
    <cellStyle name="Обычный 2 2 2 5 2 2 3 4" xfId="3060"/>
    <cellStyle name="Обычный 2 2 2 5 2 2 3 5" xfId="3061"/>
    <cellStyle name="Обычный 2 2 2 5 2 2 4" xfId="3062"/>
    <cellStyle name="Обычный 2 2 2 5 2 2 4 2" xfId="3063"/>
    <cellStyle name="Обычный 2 2 2 5 2 2 4 2 2" xfId="3064"/>
    <cellStyle name="Обычный 2 2 2 5 2 2 4 2 3" xfId="3065"/>
    <cellStyle name="Обычный 2 2 2 5 2 2 4 3" xfId="3066"/>
    <cellStyle name="Обычный 2 2 2 5 2 2 4 4" xfId="3067"/>
    <cellStyle name="Обычный 2 2 2 5 2 2 4 5" xfId="3068"/>
    <cellStyle name="Обычный 2 2 2 5 2 2 5" xfId="3069"/>
    <cellStyle name="Обычный 2 2 2 5 2 2 5 2" xfId="3070"/>
    <cellStyle name="Обычный 2 2 2 5 2 2 5 2 2" xfId="3071"/>
    <cellStyle name="Обычный 2 2 2 5 2 2 5 2 3" xfId="3072"/>
    <cellStyle name="Обычный 2 2 2 5 2 2 5 3" xfId="3073"/>
    <cellStyle name="Обычный 2 2 2 5 2 2 5 4" xfId="3074"/>
    <cellStyle name="Обычный 2 2 2 5 2 2 5 5" xfId="3075"/>
    <cellStyle name="Обычный 2 2 2 5 2 2 6" xfId="3076"/>
    <cellStyle name="Обычный 2 2 2 5 2 2 6 2" xfId="3077"/>
    <cellStyle name="Обычный 2 2 2 5 2 2 6 3" xfId="3078"/>
    <cellStyle name="Обычный 2 2 2 5 2 2 7" xfId="3079"/>
    <cellStyle name="Обычный 2 2 2 5 2 2 8" xfId="3080"/>
    <cellStyle name="Обычный 2 2 2 5 2 2 9" xfId="3081"/>
    <cellStyle name="Обычный 2 2 2 5 2 3" xfId="3082"/>
    <cellStyle name="Обычный 2 2 2 5 2 3 2" xfId="3083"/>
    <cellStyle name="Обычный 2 2 2 5 2 3 2 2" xfId="3084"/>
    <cellStyle name="Обычный 2 2 2 5 2 3 2 2 2" xfId="3085"/>
    <cellStyle name="Обычный 2 2 2 5 2 3 2 2 3" xfId="3086"/>
    <cellStyle name="Обычный 2 2 2 5 2 3 2 3" xfId="3087"/>
    <cellStyle name="Обычный 2 2 2 5 2 3 2 4" xfId="3088"/>
    <cellStyle name="Обычный 2 2 2 5 2 3 2 5" xfId="3089"/>
    <cellStyle name="Обычный 2 2 2 5 2 3 3" xfId="3090"/>
    <cellStyle name="Обычный 2 2 2 5 2 3 3 2" xfId="3091"/>
    <cellStyle name="Обычный 2 2 2 5 2 3 3 2 2" xfId="3092"/>
    <cellStyle name="Обычный 2 2 2 5 2 3 3 2 3" xfId="3093"/>
    <cellStyle name="Обычный 2 2 2 5 2 3 3 3" xfId="3094"/>
    <cellStyle name="Обычный 2 2 2 5 2 3 3 4" xfId="3095"/>
    <cellStyle name="Обычный 2 2 2 5 2 3 3 5" xfId="3096"/>
    <cellStyle name="Обычный 2 2 2 5 2 3 4" xfId="3097"/>
    <cellStyle name="Обычный 2 2 2 5 2 3 4 2" xfId="3098"/>
    <cellStyle name="Обычный 2 2 2 5 2 3 4 2 2" xfId="3099"/>
    <cellStyle name="Обычный 2 2 2 5 2 3 4 2 3" xfId="3100"/>
    <cellStyle name="Обычный 2 2 2 5 2 3 4 3" xfId="3101"/>
    <cellStyle name="Обычный 2 2 2 5 2 3 4 4" xfId="3102"/>
    <cellStyle name="Обычный 2 2 2 5 2 3 4 5" xfId="3103"/>
    <cellStyle name="Обычный 2 2 2 5 2 3 5" xfId="3104"/>
    <cellStyle name="Обычный 2 2 2 5 2 3 5 2" xfId="3105"/>
    <cellStyle name="Обычный 2 2 2 5 2 3 5 3" xfId="3106"/>
    <cellStyle name="Обычный 2 2 2 5 2 3 6" xfId="3107"/>
    <cellStyle name="Обычный 2 2 2 5 2 3 7" xfId="3108"/>
    <cellStyle name="Обычный 2 2 2 5 2 3 8" xfId="3109"/>
    <cellStyle name="Обычный 2 2 2 5 2 4" xfId="3110"/>
    <cellStyle name="Обычный 2 2 2 5 2 4 2" xfId="3111"/>
    <cellStyle name="Обычный 2 2 2 5 2 4 2 2" xfId="3112"/>
    <cellStyle name="Обычный 2 2 2 5 2 4 2 3" xfId="3113"/>
    <cellStyle name="Обычный 2 2 2 5 2 4 3" xfId="3114"/>
    <cellStyle name="Обычный 2 2 2 5 2 4 4" xfId="3115"/>
    <cellStyle name="Обычный 2 2 2 5 2 4 5" xfId="3116"/>
    <cellStyle name="Обычный 2 2 2 5 2 5" xfId="3117"/>
    <cellStyle name="Обычный 2 2 2 5 2 5 2" xfId="3118"/>
    <cellStyle name="Обычный 2 2 2 5 2 5 2 2" xfId="3119"/>
    <cellStyle name="Обычный 2 2 2 5 2 5 2 3" xfId="3120"/>
    <cellStyle name="Обычный 2 2 2 5 2 5 3" xfId="3121"/>
    <cellStyle name="Обычный 2 2 2 5 2 5 4" xfId="3122"/>
    <cellStyle name="Обычный 2 2 2 5 2 5 5" xfId="3123"/>
    <cellStyle name="Обычный 2 2 2 5 2 6" xfId="3124"/>
    <cellStyle name="Обычный 2 2 2 5 2 6 2" xfId="3125"/>
    <cellStyle name="Обычный 2 2 2 5 2 6 2 2" xfId="3126"/>
    <cellStyle name="Обычный 2 2 2 5 2 6 2 3" xfId="3127"/>
    <cellStyle name="Обычный 2 2 2 5 2 6 3" xfId="3128"/>
    <cellStyle name="Обычный 2 2 2 5 2 6 4" xfId="3129"/>
    <cellStyle name="Обычный 2 2 2 5 2 6 5" xfId="3130"/>
    <cellStyle name="Обычный 2 2 2 5 2 7" xfId="3131"/>
    <cellStyle name="Обычный 2 2 2 5 2 7 2" xfId="3132"/>
    <cellStyle name="Обычный 2 2 2 5 2 7 2 2" xfId="3133"/>
    <cellStyle name="Обычный 2 2 2 5 2 7 2 3" xfId="3134"/>
    <cellStyle name="Обычный 2 2 2 5 2 7 3" xfId="3135"/>
    <cellStyle name="Обычный 2 2 2 5 2 7 4" xfId="3136"/>
    <cellStyle name="Обычный 2 2 2 5 2 7 5" xfId="3137"/>
    <cellStyle name="Обычный 2 2 2 5 2 8" xfId="3138"/>
    <cellStyle name="Обычный 2 2 2 5 2 8 2" xfId="3139"/>
    <cellStyle name="Обычный 2 2 2 5 2 8 3" xfId="3140"/>
    <cellStyle name="Обычный 2 2 2 5 2 9" xfId="3141"/>
    <cellStyle name="Обычный 2 2 2 5 2 9 2" xfId="3142"/>
    <cellStyle name="Обычный 2 2 2 5 3" xfId="3143"/>
    <cellStyle name="Обычный 2 2 2 5 3 2" xfId="3144"/>
    <cellStyle name="Обычный 2 2 2 5 3 2 2" xfId="3145"/>
    <cellStyle name="Обычный 2 2 2 5 3 2 2 2" xfId="3146"/>
    <cellStyle name="Обычный 2 2 2 5 3 2 2 3" xfId="3147"/>
    <cellStyle name="Обычный 2 2 2 5 3 2 3" xfId="3148"/>
    <cellStyle name="Обычный 2 2 2 5 3 2 4" xfId="3149"/>
    <cellStyle name="Обычный 2 2 2 5 3 2 5" xfId="3150"/>
    <cellStyle name="Обычный 2 2 2 5 3 3" xfId="3151"/>
    <cellStyle name="Обычный 2 2 2 5 3 3 2" xfId="3152"/>
    <cellStyle name="Обычный 2 2 2 5 3 3 2 2" xfId="3153"/>
    <cellStyle name="Обычный 2 2 2 5 3 3 2 3" xfId="3154"/>
    <cellStyle name="Обычный 2 2 2 5 3 3 3" xfId="3155"/>
    <cellStyle name="Обычный 2 2 2 5 3 3 4" xfId="3156"/>
    <cellStyle name="Обычный 2 2 2 5 3 3 5" xfId="3157"/>
    <cellStyle name="Обычный 2 2 2 5 3 4" xfId="3158"/>
    <cellStyle name="Обычный 2 2 2 5 3 4 2" xfId="3159"/>
    <cellStyle name="Обычный 2 2 2 5 3 4 2 2" xfId="3160"/>
    <cellStyle name="Обычный 2 2 2 5 3 4 2 3" xfId="3161"/>
    <cellStyle name="Обычный 2 2 2 5 3 4 3" xfId="3162"/>
    <cellStyle name="Обычный 2 2 2 5 3 4 4" xfId="3163"/>
    <cellStyle name="Обычный 2 2 2 5 3 4 5" xfId="3164"/>
    <cellStyle name="Обычный 2 2 2 5 3 5" xfId="3165"/>
    <cellStyle name="Обычный 2 2 2 5 3 5 2" xfId="3166"/>
    <cellStyle name="Обычный 2 2 2 5 3 5 2 2" xfId="3167"/>
    <cellStyle name="Обычный 2 2 2 5 3 5 2 3" xfId="3168"/>
    <cellStyle name="Обычный 2 2 2 5 3 5 3" xfId="3169"/>
    <cellStyle name="Обычный 2 2 2 5 3 5 4" xfId="3170"/>
    <cellStyle name="Обычный 2 2 2 5 3 5 5" xfId="3171"/>
    <cellStyle name="Обычный 2 2 2 5 3 6" xfId="3172"/>
    <cellStyle name="Обычный 2 2 2 5 3 6 2" xfId="3173"/>
    <cellStyle name="Обычный 2 2 2 5 3 6 3" xfId="3174"/>
    <cellStyle name="Обычный 2 2 2 5 3 7" xfId="3175"/>
    <cellStyle name="Обычный 2 2 2 5 3 8" xfId="3176"/>
    <cellStyle name="Обычный 2 2 2 5 3 9" xfId="3177"/>
    <cellStyle name="Обычный 2 2 2 5 4" xfId="3178"/>
    <cellStyle name="Обычный 2 2 2 5 4 2" xfId="3179"/>
    <cellStyle name="Обычный 2 2 2 5 4 2 2" xfId="3180"/>
    <cellStyle name="Обычный 2 2 2 5 4 2 2 2" xfId="3181"/>
    <cellStyle name="Обычный 2 2 2 5 4 2 2 3" xfId="3182"/>
    <cellStyle name="Обычный 2 2 2 5 4 2 3" xfId="3183"/>
    <cellStyle name="Обычный 2 2 2 5 4 2 4" xfId="3184"/>
    <cellStyle name="Обычный 2 2 2 5 4 2 5" xfId="3185"/>
    <cellStyle name="Обычный 2 2 2 5 4 3" xfId="3186"/>
    <cellStyle name="Обычный 2 2 2 5 4 3 2" xfId="3187"/>
    <cellStyle name="Обычный 2 2 2 5 4 3 2 2" xfId="3188"/>
    <cellStyle name="Обычный 2 2 2 5 4 3 2 3" xfId="3189"/>
    <cellStyle name="Обычный 2 2 2 5 4 3 3" xfId="3190"/>
    <cellStyle name="Обычный 2 2 2 5 4 3 4" xfId="3191"/>
    <cellStyle name="Обычный 2 2 2 5 4 3 5" xfId="3192"/>
    <cellStyle name="Обычный 2 2 2 5 4 4" xfId="3193"/>
    <cellStyle name="Обычный 2 2 2 5 4 4 2" xfId="3194"/>
    <cellStyle name="Обычный 2 2 2 5 4 4 2 2" xfId="3195"/>
    <cellStyle name="Обычный 2 2 2 5 4 4 2 3" xfId="3196"/>
    <cellStyle name="Обычный 2 2 2 5 4 4 3" xfId="3197"/>
    <cellStyle name="Обычный 2 2 2 5 4 4 4" xfId="3198"/>
    <cellStyle name="Обычный 2 2 2 5 4 4 5" xfId="3199"/>
    <cellStyle name="Обычный 2 2 2 5 4 5" xfId="3200"/>
    <cellStyle name="Обычный 2 2 2 5 4 5 2" xfId="3201"/>
    <cellStyle name="Обычный 2 2 2 5 4 5 3" xfId="3202"/>
    <cellStyle name="Обычный 2 2 2 5 4 6" xfId="3203"/>
    <cellStyle name="Обычный 2 2 2 5 4 7" xfId="3204"/>
    <cellStyle name="Обычный 2 2 2 5 4 8" xfId="3205"/>
    <cellStyle name="Обычный 2 2 2 5 5" xfId="3206"/>
    <cellStyle name="Обычный 2 2 2 5 5 2" xfId="3207"/>
    <cellStyle name="Обычный 2 2 2 5 5 2 2" xfId="3208"/>
    <cellStyle name="Обычный 2 2 2 5 5 2 3" xfId="3209"/>
    <cellStyle name="Обычный 2 2 2 5 5 3" xfId="3210"/>
    <cellStyle name="Обычный 2 2 2 5 5 4" xfId="3211"/>
    <cellStyle name="Обычный 2 2 2 5 5 5" xfId="3212"/>
    <cellStyle name="Обычный 2 2 2 5 6" xfId="3213"/>
    <cellStyle name="Обычный 2 2 2 5 6 2" xfId="3214"/>
    <cellStyle name="Обычный 2 2 2 5 6 2 2" xfId="3215"/>
    <cellStyle name="Обычный 2 2 2 5 6 2 3" xfId="3216"/>
    <cellStyle name="Обычный 2 2 2 5 6 3" xfId="3217"/>
    <cellStyle name="Обычный 2 2 2 5 6 4" xfId="3218"/>
    <cellStyle name="Обычный 2 2 2 5 6 5" xfId="3219"/>
    <cellStyle name="Обычный 2 2 2 5 7" xfId="3220"/>
    <cellStyle name="Обычный 2 2 2 5 7 2" xfId="3221"/>
    <cellStyle name="Обычный 2 2 2 5 7 2 2" xfId="3222"/>
    <cellStyle name="Обычный 2 2 2 5 7 2 3" xfId="3223"/>
    <cellStyle name="Обычный 2 2 2 5 7 3" xfId="3224"/>
    <cellStyle name="Обычный 2 2 2 5 7 4" xfId="3225"/>
    <cellStyle name="Обычный 2 2 2 5 7 5" xfId="3226"/>
    <cellStyle name="Обычный 2 2 2 5 8" xfId="3227"/>
    <cellStyle name="Обычный 2 2 2 5 8 2" xfId="3228"/>
    <cellStyle name="Обычный 2 2 2 5 8 2 2" xfId="3229"/>
    <cellStyle name="Обычный 2 2 2 5 8 2 3" xfId="3230"/>
    <cellStyle name="Обычный 2 2 2 5 8 3" xfId="3231"/>
    <cellStyle name="Обычный 2 2 2 5 8 4" xfId="3232"/>
    <cellStyle name="Обычный 2 2 2 5 8 5" xfId="3233"/>
    <cellStyle name="Обычный 2 2 2 5 9" xfId="3234"/>
    <cellStyle name="Обычный 2 2 2 5 9 2" xfId="3235"/>
    <cellStyle name="Обычный 2 2 2 5 9 3" xfId="3236"/>
    <cellStyle name="Обычный 2 2 2 6" xfId="3237"/>
    <cellStyle name="Обычный 2 2 2 6 10" xfId="3238"/>
    <cellStyle name="Обычный 2 2 2 6 10 2" xfId="3239"/>
    <cellStyle name="Обычный 2 2 2 6 11" xfId="3240"/>
    <cellStyle name="Обычный 2 2 2 6 12" xfId="3241"/>
    <cellStyle name="Обычный 2 2 2 6 2" xfId="3242"/>
    <cellStyle name="Обычный 2 2 2 6 2 10" xfId="3243"/>
    <cellStyle name="Обычный 2 2 2 6 2 11" xfId="3244"/>
    <cellStyle name="Обычный 2 2 2 6 2 2" xfId="3245"/>
    <cellStyle name="Обычный 2 2 2 6 2 2 2" xfId="3246"/>
    <cellStyle name="Обычный 2 2 2 6 2 2 2 2" xfId="3247"/>
    <cellStyle name="Обычный 2 2 2 6 2 2 2 2 2" xfId="3248"/>
    <cellStyle name="Обычный 2 2 2 6 2 2 2 2 3" xfId="3249"/>
    <cellStyle name="Обычный 2 2 2 6 2 2 2 3" xfId="3250"/>
    <cellStyle name="Обычный 2 2 2 6 2 2 2 4" xfId="3251"/>
    <cellStyle name="Обычный 2 2 2 6 2 2 2 5" xfId="3252"/>
    <cellStyle name="Обычный 2 2 2 6 2 2 3" xfId="3253"/>
    <cellStyle name="Обычный 2 2 2 6 2 2 3 2" xfId="3254"/>
    <cellStyle name="Обычный 2 2 2 6 2 2 3 2 2" xfId="3255"/>
    <cellStyle name="Обычный 2 2 2 6 2 2 3 2 3" xfId="3256"/>
    <cellStyle name="Обычный 2 2 2 6 2 2 3 3" xfId="3257"/>
    <cellStyle name="Обычный 2 2 2 6 2 2 3 4" xfId="3258"/>
    <cellStyle name="Обычный 2 2 2 6 2 2 3 5" xfId="3259"/>
    <cellStyle name="Обычный 2 2 2 6 2 2 4" xfId="3260"/>
    <cellStyle name="Обычный 2 2 2 6 2 2 4 2" xfId="3261"/>
    <cellStyle name="Обычный 2 2 2 6 2 2 4 2 2" xfId="3262"/>
    <cellStyle name="Обычный 2 2 2 6 2 2 4 2 3" xfId="3263"/>
    <cellStyle name="Обычный 2 2 2 6 2 2 4 3" xfId="3264"/>
    <cellStyle name="Обычный 2 2 2 6 2 2 4 4" xfId="3265"/>
    <cellStyle name="Обычный 2 2 2 6 2 2 4 5" xfId="3266"/>
    <cellStyle name="Обычный 2 2 2 6 2 2 5" xfId="3267"/>
    <cellStyle name="Обычный 2 2 2 6 2 2 5 2" xfId="3268"/>
    <cellStyle name="Обычный 2 2 2 6 2 2 5 2 2" xfId="3269"/>
    <cellStyle name="Обычный 2 2 2 6 2 2 5 2 3" xfId="3270"/>
    <cellStyle name="Обычный 2 2 2 6 2 2 5 3" xfId="3271"/>
    <cellStyle name="Обычный 2 2 2 6 2 2 5 4" xfId="3272"/>
    <cellStyle name="Обычный 2 2 2 6 2 2 5 5" xfId="3273"/>
    <cellStyle name="Обычный 2 2 2 6 2 2 6" xfId="3274"/>
    <cellStyle name="Обычный 2 2 2 6 2 2 6 2" xfId="3275"/>
    <cellStyle name="Обычный 2 2 2 6 2 2 6 3" xfId="3276"/>
    <cellStyle name="Обычный 2 2 2 6 2 2 7" xfId="3277"/>
    <cellStyle name="Обычный 2 2 2 6 2 2 8" xfId="3278"/>
    <cellStyle name="Обычный 2 2 2 6 2 2 9" xfId="3279"/>
    <cellStyle name="Обычный 2 2 2 6 2 3" xfId="3280"/>
    <cellStyle name="Обычный 2 2 2 6 2 3 2" xfId="3281"/>
    <cellStyle name="Обычный 2 2 2 6 2 3 2 2" xfId="3282"/>
    <cellStyle name="Обычный 2 2 2 6 2 3 2 2 2" xfId="3283"/>
    <cellStyle name="Обычный 2 2 2 6 2 3 2 2 3" xfId="3284"/>
    <cellStyle name="Обычный 2 2 2 6 2 3 2 3" xfId="3285"/>
    <cellStyle name="Обычный 2 2 2 6 2 3 2 4" xfId="3286"/>
    <cellStyle name="Обычный 2 2 2 6 2 3 2 5" xfId="3287"/>
    <cellStyle name="Обычный 2 2 2 6 2 3 3" xfId="3288"/>
    <cellStyle name="Обычный 2 2 2 6 2 3 3 2" xfId="3289"/>
    <cellStyle name="Обычный 2 2 2 6 2 3 3 2 2" xfId="3290"/>
    <cellStyle name="Обычный 2 2 2 6 2 3 3 2 3" xfId="3291"/>
    <cellStyle name="Обычный 2 2 2 6 2 3 3 3" xfId="3292"/>
    <cellStyle name="Обычный 2 2 2 6 2 3 3 4" xfId="3293"/>
    <cellStyle name="Обычный 2 2 2 6 2 3 3 5" xfId="3294"/>
    <cellStyle name="Обычный 2 2 2 6 2 3 4" xfId="3295"/>
    <cellStyle name="Обычный 2 2 2 6 2 3 4 2" xfId="3296"/>
    <cellStyle name="Обычный 2 2 2 6 2 3 4 2 2" xfId="3297"/>
    <cellStyle name="Обычный 2 2 2 6 2 3 4 2 3" xfId="3298"/>
    <cellStyle name="Обычный 2 2 2 6 2 3 4 3" xfId="3299"/>
    <cellStyle name="Обычный 2 2 2 6 2 3 4 4" xfId="3300"/>
    <cellStyle name="Обычный 2 2 2 6 2 3 4 5" xfId="3301"/>
    <cellStyle name="Обычный 2 2 2 6 2 3 5" xfId="3302"/>
    <cellStyle name="Обычный 2 2 2 6 2 3 5 2" xfId="3303"/>
    <cellStyle name="Обычный 2 2 2 6 2 3 5 3" xfId="3304"/>
    <cellStyle name="Обычный 2 2 2 6 2 3 6" xfId="3305"/>
    <cellStyle name="Обычный 2 2 2 6 2 3 7" xfId="3306"/>
    <cellStyle name="Обычный 2 2 2 6 2 3 8" xfId="3307"/>
    <cellStyle name="Обычный 2 2 2 6 2 4" xfId="3308"/>
    <cellStyle name="Обычный 2 2 2 6 2 4 2" xfId="3309"/>
    <cellStyle name="Обычный 2 2 2 6 2 4 2 2" xfId="3310"/>
    <cellStyle name="Обычный 2 2 2 6 2 4 2 3" xfId="3311"/>
    <cellStyle name="Обычный 2 2 2 6 2 4 3" xfId="3312"/>
    <cellStyle name="Обычный 2 2 2 6 2 4 4" xfId="3313"/>
    <cellStyle name="Обычный 2 2 2 6 2 4 5" xfId="3314"/>
    <cellStyle name="Обычный 2 2 2 6 2 5" xfId="3315"/>
    <cellStyle name="Обычный 2 2 2 6 2 5 2" xfId="3316"/>
    <cellStyle name="Обычный 2 2 2 6 2 5 2 2" xfId="3317"/>
    <cellStyle name="Обычный 2 2 2 6 2 5 2 3" xfId="3318"/>
    <cellStyle name="Обычный 2 2 2 6 2 5 3" xfId="3319"/>
    <cellStyle name="Обычный 2 2 2 6 2 5 4" xfId="3320"/>
    <cellStyle name="Обычный 2 2 2 6 2 5 5" xfId="3321"/>
    <cellStyle name="Обычный 2 2 2 6 2 6" xfId="3322"/>
    <cellStyle name="Обычный 2 2 2 6 2 6 2" xfId="3323"/>
    <cellStyle name="Обычный 2 2 2 6 2 6 2 2" xfId="3324"/>
    <cellStyle name="Обычный 2 2 2 6 2 6 2 3" xfId="3325"/>
    <cellStyle name="Обычный 2 2 2 6 2 6 3" xfId="3326"/>
    <cellStyle name="Обычный 2 2 2 6 2 6 4" xfId="3327"/>
    <cellStyle name="Обычный 2 2 2 6 2 6 5" xfId="3328"/>
    <cellStyle name="Обычный 2 2 2 6 2 7" xfId="3329"/>
    <cellStyle name="Обычный 2 2 2 6 2 7 2" xfId="3330"/>
    <cellStyle name="Обычный 2 2 2 6 2 7 2 2" xfId="3331"/>
    <cellStyle name="Обычный 2 2 2 6 2 7 2 3" xfId="3332"/>
    <cellStyle name="Обычный 2 2 2 6 2 7 3" xfId="3333"/>
    <cellStyle name="Обычный 2 2 2 6 2 7 4" xfId="3334"/>
    <cellStyle name="Обычный 2 2 2 6 2 7 5" xfId="3335"/>
    <cellStyle name="Обычный 2 2 2 6 2 8" xfId="3336"/>
    <cellStyle name="Обычный 2 2 2 6 2 8 2" xfId="3337"/>
    <cellStyle name="Обычный 2 2 2 6 2 8 3" xfId="3338"/>
    <cellStyle name="Обычный 2 2 2 6 2 9" xfId="3339"/>
    <cellStyle name="Обычный 2 2 2 6 2 9 2" xfId="3340"/>
    <cellStyle name="Обычный 2 2 2 6 3" xfId="3341"/>
    <cellStyle name="Обычный 2 2 2 6 3 2" xfId="3342"/>
    <cellStyle name="Обычный 2 2 2 6 3 2 2" xfId="3343"/>
    <cellStyle name="Обычный 2 2 2 6 3 2 2 2" xfId="3344"/>
    <cellStyle name="Обычный 2 2 2 6 3 2 2 3" xfId="3345"/>
    <cellStyle name="Обычный 2 2 2 6 3 2 3" xfId="3346"/>
    <cellStyle name="Обычный 2 2 2 6 3 2 4" xfId="3347"/>
    <cellStyle name="Обычный 2 2 2 6 3 2 5" xfId="3348"/>
    <cellStyle name="Обычный 2 2 2 6 3 3" xfId="3349"/>
    <cellStyle name="Обычный 2 2 2 6 3 3 2" xfId="3350"/>
    <cellStyle name="Обычный 2 2 2 6 3 3 2 2" xfId="3351"/>
    <cellStyle name="Обычный 2 2 2 6 3 3 2 3" xfId="3352"/>
    <cellStyle name="Обычный 2 2 2 6 3 3 3" xfId="3353"/>
    <cellStyle name="Обычный 2 2 2 6 3 3 4" xfId="3354"/>
    <cellStyle name="Обычный 2 2 2 6 3 3 5" xfId="3355"/>
    <cellStyle name="Обычный 2 2 2 6 3 4" xfId="3356"/>
    <cellStyle name="Обычный 2 2 2 6 3 4 2" xfId="3357"/>
    <cellStyle name="Обычный 2 2 2 6 3 4 2 2" xfId="3358"/>
    <cellStyle name="Обычный 2 2 2 6 3 4 2 3" xfId="3359"/>
    <cellStyle name="Обычный 2 2 2 6 3 4 3" xfId="3360"/>
    <cellStyle name="Обычный 2 2 2 6 3 4 4" xfId="3361"/>
    <cellStyle name="Обычный 2 2 2 6 3 4 5" xfId="3362"/>
    <cellStyle name="Обычный 2 2 2 6 3 5" xfId="3363"/>
    <cellStyle name="Обычный 2 2 2 6 3 5 2" xfId="3364"/>
    <cellStyle name="Обычный 2 2 2 6 3 5 2 2" xfId="3365"/>
    <cellStyle name="Обычный 2 2 2 6 3 5 2 3" xfId="3366"/>
    <cellStyle name="Обычный 2 2 2 6 3 5 3" xfId="3367"/>
    <cellStyle name="Обычный 2 2 2 6 3 5 4" xfId="3368"/>
    <cellStyle name="Обычный 2 2 2 6 3 5 5" xfId="3369"/>
    <cellStyle name="Обычный 2 2 2 6 3 6" xfId="3370"/>
    <cellStyle name="Обычный 2 2 2 6 3 6 2" xfId="3371"/>
    <cellStyle name="Обычный 2 2 2 6 3 6 3" xfId="3372"/>
    <cellStyle name="Обычный 2 2 2 6 3 7" xfId="3373"/>
    <cellStyle name="Обычный 2 2 2 6 3 8" xfId="3374"/>
    <cellStyle name="Обычный 2 2 2 6 3 9" xfId="3375"/>
    <cellStyle name="Обычный 2 2 2 6 4" xfId="3376"/>
    <cellStyle name="Обычный 2 2 2 6 4 2" xfId="3377"/>
    <cellStyle name="Обычный 2 2 2 6 4 2 2" xfId="3378"/>
    <cellStyle name="Обычный 2 2 2 6 4 2 2 2" xfId="3379"/>
    <cellStyle name="Обычный 2 2 2 6 4 2 2 3" xfId="3380"/>
    <cellStyle name="Обычный 2 2 2 6 4 2 3" xfId="3381"/>
    <cellStyle name="Обычный 2 2 2 6 4 2 4" xfId="3382"/>
    <cellStyle name="Обычный 2 2 2 6 4 2 5" xfId="3383"/>
    <cellStyle name="Обычный 2 2 2 6 4 3" xfId="3384"/>
    <cellStyle name="Обычный 2 2 2 6 4 3 2" xfId="3385"/>
    <cellStyle name="Обычный 2 2 2 6 4 3 2 2" xfId="3386"/>
    <cellStyle name="Обычный 2 2 2 6 4 3 2 3" xfId="3387"/>
    <cellStyle name="Обычный 2 2 2 6 4 3 3" xfId="3388"/>
    <cellStyle name="Обычный 2 2 2 6 4 3 4" xfId="3389"/>
    <cellStyle name="Обычный 2 2 2 6 4 3 5" xfId="3390"/>
    <cellStyle name="Обычный 2 2 2 6 4 4" xfId="3391"/>
    <cellStyle name="Обычный 2 2 2 6 4 4 2" xfId="3392"/>
    <cellStyle name="Обычный 2 2 2 6 4 4 2 2" xfId="3393"/>
    <cellStyle name="Обычный 2 2 2 6 4 4 2 3" xfId="3394"/>
    <cellStyle name="Обычный 2 2 2 6 4 4 3" xfId="3395"/>
    <cellStyle name="Обычный 2 2 2 6 4 4 4" xfId="3396"/>
    <cellStyle name="Обычный 2 2 2 6 4 4 5" xfId="3397"/>
    <cellStyle name="Обычный 2 2 2 6 4 5" xfId="3398"/>
    <cellStyle name="Обычный 2 2 2 6 4 5 2" xfId="3399"/>
    <cellStyle name="Обычный 2 2 2 6 4 5 3" xfId="3400"/>
    <cellStyle name="Обычный 2 2 2 6 4 6" xfId="3401"/>
    <cellStyle name="Обычный 2 2 2 6 4 7" xfId="3402"/>
    <cellStyle name="Обычный 2 2 2 6 4 8" xfId="3403"/>
    <cellStyle name="Обычный 2 2 2 6 5" xfId="3404"/>
    <cellStyle name="Обычный 2 2 2 6 5 2" xfId="3405"/>
    <cellStyle name="Обычный 2 2 2 6 5 2 2" xfId="3406"/>
    <cellStyle name="Обычный 2 2 2 6 5 2 3" xfId="3407"/>
    <cellStyle name="Обычный 2 2 2 6 5 3" xfId="3408"/>
    <cellStyle name="Обычный 2 2 2 6 5 4" xfId="3409"/>
    <cellStyle name="Обычный 2 2 2 6 5 5" xfId="3410"/>
    <cellStyle name="Обычный 2 2 2 6 6" xfId="3411"/>
    <cellStyle name="Обычный 2 2 2 6 6 2" xfId="3412"/>
    <cellStyle name="Обычный 2 2 2 6 6 2 2" xfId="3413"/>
    <cellStyle name="Обычный 2 2 2 6 6 2 3" xfId="3414"/>
    <cellStyle name="Обычный 2 2 2 6 6 3" xfId="3415"/>
    <cellStyle name="Обычный 2 2 2 6 6 4" xfId="3416"/>
    <cellStyle name="Обычный 2 2 2 6 6 5" xfId="3417"/>
    <cellStyle name="Обычный 2 2 2 6 7" xfId="3418"/>
    <cellStyle name="Обычный 2 2 2 6 7 2" xfId="3419"/>
    <cellStyle name="Обычный 2 2 2 6 7 2 2" xfId="3420"/>
    <cellStyle name="Обычный 2 2 2 6 7 2 3" xfId="3421"/>
    <cellStyle name="Обычный 2 2 2 6 7 3" xfId="3422"/>
    <cellStyle name="Обычный 2 2 2 6 7 4" xfId="3423"/>
    <cellStyle name="Обычный 2 2 2 6 7 5" xfId="3424"/>
    <cellStyle name="Обычный 2 2 2 6 8" xfId="3425"/>
    <cellStyle name="Обычный 2 2 2 6 8 2" xfId="3426"/>
    <cellStyle name="Обычный 2 2 2 6 8 2 2" xfId="3427"/>
    <cellStyle name="Обычный 2 2 2 6 8 2 3" xfId="3428"/>
    <cellStyle name="Обычный 2 2 2 6 8 3" xfId="3429"/>
    <cellStyle name="Обычный 2 2 2 6 8 4" xfId="3430"/>
    <cellStyle name="Обычный 2 2 2 6 8 5" xfId="3431"/>
    <cellStyle name="Обычный 2 2 2 6 9" xfId="3432"/>
    <cellStyle name="Обычный 2 2 2 6 9 2" xfId="3433"/>
    <cellStyle name="Обычный 2 2 2 6 9 3" xfId="3434"/>
    <cellStyle name="Обычный 2 2 2 7" xfId="3435"/>
    <cellStyle name="Обычный 2 2 2 7 10" xfId="3436"/>
    <cellStyle name="Обычный 2 2 2 7 10 2" xfId="3437"/>
    <cellStyle name="Обычный 2 2 2 7 11" xfId="3438"/>
    <cellStyle name="Обычный 2 2 2 7 12" xfId="3439"/>
    <cellStyle name="Обычный 2 2 2 7 2" xfId="3440"/>
    <cellStyle name="Обычный 2 2 2 7 2 10" xfId="3441"/>
    <cellStyle name="Обычный 2 2 2 7 2 11" xfId="3442"/>
    <cellStyle name="Обычный 2 2 2 7 2 2" xfId="3443"/>
    <cellStyle name="Обычный 2 2 2 7 2 2 2" xfId="3444"/>
    <cellStyle name="Обычный 2 2 2 7 2 2 2 2" xfId="3445"/>
    <cellStyle name="Обычный 2 2 2 7 2 2 2 2 2" xfId="3446"/>
    <cellStyle name="Обычный 2 2 2 7 2 2 2 2 3" xfId="3447"/>
    <cellStyle name="Обычный 2 2 2 7 2 2 2 3" xfId="3448"/>
    <cellStyle name="Обычный 2 2 2 7 2 2 2 4" xfId="3449"/>
    <cellStyle name="Обычный 2 2 2 7 2 2 2 5" xfId="3450"/>
    <cellStyle name="Обычный 2 2 2 7 2 2 3" xfId="3451"/>
    <cellStyle name="Обычный 2 2 2 7 2 2 3 2" xfId="3452"/>
    <cellStyle name="Обычный 2 2 2 7 2 2 3 2 2" xfId="3453"/>
    <cellStyle name="Обычный 2 2 2 7 2 2 3 2 3" xfId="3454"/>
    <cellStyle name="Обычный 2 2 2 7 2 2 3 3" xfId="3455"/>
    <cellStyle name="Обычный 2 2 2 7 2 2 3 4" xfId="3456"/>
    <cellStyle name="Обычный 2 2 2 7 2 2 3 5" xfId="3457"/>
    <cellStyle name="Обычный 2 2 2 7 2 2 4" xfId="3458"/>
    <cellStyle name="Обычный 2 2 2 7 2 2 4 2" xfId="3459"/>
    <cellStyle name="Обычный 2 2 2 7 2 2 4 2 2" xfId="3460"/>
    <cellStyle name="Обычный 2 2 2 7 2 2 4 2 3" xfId="3461"/>
    <cellStyle name="Обычный 2 2 2 7 2 2 4 3" xfId="3462"/>
    <cellStyle name="Обычный 2 2 2 7 2 2 4 4" xfId="3463"/>
    <cellStyle name="Обычный 2 2 2 7 2 2 4 5" xfId="3464"/>
    <cellStyle name="Обычный 2 2 2 7 2 2 5" xfId="3465"/>
    <cellStyle name="Обычный 2 2 2 7 2 2 5 2" xfId="3466"/>
    <cellStyle name="Обычный 2 2 2 7 2 2 5 2 2" xfId="3467"/>
    <cellStyle name="Обычный 2 2 2 7 2 2 5 2 3" xfId="3468"/>
    <cellStyle name="Обычный 2 2 2 7 2 2 5 3" xfId="3469"/>
    <cellStyle name="Обычный 2 2 2 7 2 2 5 4" xfId="3470"/>
    <cellStyle name="Обычный 2 2 2 7 2 2 5 5" xfId="3471"/>
    <cellStyle name="Обычный 2 2 2 7 2 2 6" xfId="3472"/>
    <cellStyle name="Обычный 2 2 2 7 2 2 6 2" xfId="3473"/>
    <cellStyle name="Обычный 2 2 2 7 2 2 6 3" xfId="3474"/>
    <cellStyle name="Обычный 2 2 2 7 2 2 7" xfId="3475"/>
    <cellStyle name="Обычный 2 2 2 7 2 2 8" xfId="3476"/>
    <cellStyle name="Обычный 2 2 2 7 2 2 9" xfId="3477"/>
    <cellStyle name="Обычный 2 2 2 7 2 3" xfId="3478"/>
    <cellStyle name="Обычный 2 2 2 7 2 3 2" xfId="3479"/>
    <cellStyle name="Обычный 2 2 2 7 2 3 2 2" xfId="3480"/>
    <cellStyle name="Обычный 2 2 2 7 2 3 2 2 2" xfId="3481"/>
    <cellStyle name="Обычный 2 2 2 7 2 3 2 2 3" xfId="3482"/>
    <cellStyle name="Обычный 2 2 2 7 2 3 2 3" xfId="3483"/>
    <cellStyle name="Обычный 2 2 2 7 2 3 2 4" xfId="3484"/>
    <cellStyle name="Обычный 2 2 2 7 2 3 2 5" xfId="3485"/>
    <cellStyle name="Обычный 2 2 2 7 2 3 3" xfId="3486"/>
    <cellStyle name="Обычный 2 2 2 7 2 3 3 2" xfId="3487"/>
    <cellStyle name="Обычный 2 2 2 7 2 3 3 2 2" xfId="3488"/>
    <cellStyle name="Обычный 2 2 2 7 2 3 3 2 3" xfId="3489"/>
    <cellStyle name="Обычный 2 2 2 7 2 3 3 3" xfId="3490"/>
    <cellStyle name="Обычный 2 2 2 7 2 3 3 4" xfId="3491"/>
    <cellStyle name="Обычный 2 2 2 7 2 3 3 5" xfId="3492"/>
    <cellStyle name="Обычный 2 2 2 7 2 3 4" xfId="3493"/>
    <cellStyle name="Обычный 2 2 2 7 2 3 4 2" xfId="3494"/>
    <cellStyle name="Обычный 2 2 2 7 2 3 4 2 2" xfId="3495"/>
    <cellStyle name="Обычный 2 2 2 7 2 3 4 2 3" xfId="3496"/>
    <cellStyle name="Обычный 2 2 2 7 2 3 4 3" xfId="3497"/>
    <cellStyle name="Обычный 2 2 2 7 2 3 4 4" xfId="3498"/>
    <cellStyle name="Обычный 2 2 2 7 2 3 4 5" xfId="3499"/>
    <cellStyle name="Обычный 2 2 2 7 2 3 5" xfId="3500"/>
    <cellStyle name="Обычный 2 2 2 7 2 3 5 2" xfId="3501"/>
    <cellStyle name="Обычный 2 2 2 7 2 3 5 3" xfId="3502"/>
    <cellStyle name="Обычный 2 2 2 7 2 3 6" xfId="3503"/>
    <cellStyle name="Обычный 2 2 2 7 2 3 7" xfId="3504"/>
    <cellStyle name="Обычный 2 2 2 7 2 3 8" xfId="3505"/>
    <cellStyle name="Обычный 2 2 2 7 2 4" xfId="3506"/>
    <cellStyle name="Обычный 2 2 2 7 2 4 2" xfId="3507"/>
    <cellStyle name="Обычный 2 2 2 7 2 4 2 2" xfId="3508"/>
    <cellStyle name="Обычный 2 2 2 7 2 4 2 3" xfId="3509"/>
    <cellStyle name="Обычный 2 2 2 7 2 4 3" xfId="3510"/>
    <cellStyle name="Обычный 2 2 2 7 2 4 4" xfId="3511"/>
    <cellStyle name="Обычный 2 2 2 7 2 4 5" xfId="3512"/>
    <cellStyle name="Обычный 2 2 2 7 2 5" xfId="3513"/>
    <cellStyle name="Обычный 2 2 2 7 2 5 2" xfId="3514"/>
    <cellStyle name="Обычный 2 2 2 7 2 5 2 2" xfId="3515"/>
    <cellStyle name="Обычный 2 2 2 7 2 5 2 3" xfId="3516"/>
    <cellStyle name="Обычный 2 2 2 7 2 5 3" xfId="3517"/>
    <cellStyle name="Обычный 2 2 2 7 2 5 4" xfId="3518"/>
    <cellStyle name="Обычный 2 2 2 7 2 5 5" xfId="3519"/>
    <cellStyle name="Обычный 2 2 2 7 2 6" xfId="3520"/>
    <cellStyle name="Обычный 2 2 2 7 2 6 2" xfId="3521"/>
    <cellStyle name="Обычный 2 2 2 7 2 6 2 2" xfId="3522"/>
    <cellStyle name="Обычный 2 2 2 7 2 6 2 3" xfId="3523"/>
    <cellStyle name="Обычный 2 2 2 7 2 6 3" xfId="3524"/>
    <cellStyle name="Обычный 2 2 2 7 2 6 4" xfId="3525"/>
    <cellStyle name="Обычный 2 2 2 7 2 6 5" xfId="3526"/>
    <cellStyle name="Обычный 2 2 2 7 2 7" xfId="3527"/>
    <cellStyle name="Обычный 2 2 2 7 2 7 2" xfId="3528"/>
    <cellStyle name="Обычный 2 2 2 7 2 7 2 2" xfId="3529"/>
    <cellStyle name="Обычный 2 2 2 7 2 7 2 3" xfId="3530"/>
    <cellStyle name="Обычный 2 2 2 7 2 7 3" xfId="3531"/>
    <cellStyle name="Обычный 2 2 2 7 2 7 4" xfId="3532"/>
    <cellStyle name="Обычный 2 2 2 7 2 7 5" xfId="3533"/>
    <cellStyle name="Обычный 2 2 2 7 2 8" xfId="3534"/>
    <cellStyle name="Обычный 2 2 2 7 2 8 2" xfId="3535"/>
    <cellStyle name="Обычный 2 2 2 7 2 8 3" xfId="3536"/>
    <cellStyle name="Обычный 2 2 2 7 2 9" xfId="3537"/>
    <cellStyle name="Обычный 2 2 2 7 2 9 2" xfId="3538"/>
    <cellStyle name="Обычный 2 2 2 7 3" xfId="3539"/>
    <cellStyle name="Обычный 2 2 2 7 3 2" xfId="3540"/>
    <cellStyle name="Обычный 2 2 2 7 3 2 2" xfId="3541"/>
    <cellStyle name="Обычный 2 2 2 7 3 2 2 2" xfId="3542"/>
    <cellStyle name="Обычный 2 2 2 7 3 2 2 3" xfId="3543"/>
    <cellStyle name="Обычный 2 2 2 7 3 2 3" xfId="3544"/>
    <cellStyle name="Обычный 2 2 2 7 3 2 4" xfId="3545"/>
    <cellStyle name="Обычный 2 2 2 7 3 2 5" xfId="3546"/>
    <cellStyle name="Обычный 2 2 2 7 3 3" xfId="3547"/>
    <cellStyle name="Обычный 2 2 2 7 3 3 2" xfId="3548"/>
    <cellStyle name="Обычный 2 2 2 7 3 3 2 2" xfId="3549"/>
    <cellStyle name="Обычный 2 2 2 7 3 3 2 3" xfId="3550"/>
    <cellStyle name="Обычный 2 2 2 7 3 3 3" xfId="3551"/>
    <cellStyle name="Обычный 2 2 2 7 3 3 4" xfId="3552"/>
    <cellStyle name="Обычный 2 2 2 7 3 3 5" xfId="3553"/>
    <cellStyle name="Обычный 2 2 2 7 3 4" xfId="3554"/>
    <cellStyle name="Обычный 2 2 2 7 3 4 2" xfId="3555"/>
    <cellStyle name="Обычный 2 2 2 7 3 4 2 2" xfId="3556"/>
    <cellStyle name="Обычный 2 2 2 7 3 4 2 3" xfId="3557"/>
    <cellStyle name="Обычный 2 2 2 7 3 4 3" xfId="3558"/>
    <cellStyle name="Обычный 2 2 2 7 3 4 4" xfId="3559"/>
    <cellStyle name="Обычный 2 2 2 7 3 4 5" xfId="3560"/>
    <cellStyle name="Обычный 2 2 2 7 3 5" xfId="3561"/>
    <cellStyle name="Обычный 2 2 2 7 3 5 2" xfId="3562"/>
    <cellStyle name="Обычный 2 2 2 7 3 5 2 2" xfId="3563"/>
    <cellStyle name="Обычный 2 2 2 7 3 5 2 3" xfId="3564"/>
    <cellStyle name="Обычный 2 2 2 7 3 5 3" xfId="3565"/>
    <cellStyle name="Обычный 2 2 2 7 3 5 4" xfId="3566"/>
    <cellStyle name="Обычный 2 2 2 7 3 5 5" xfId="3567"/>
    <cellStyle name="Обычный 2 2 2 7 3 6" xfId="3568"/>
    <cellStyle name="Обычный 2 2 2 7 3 6 2" xfId="3569"/>
    <cellStyle name="Обычный 2 2 2 7 3 6 3" xfId="3570"/>
    <cellStyle name="Обычный 2 2 2 7 3 7" xfId="3571"/>
    <cellStyle name="Обычный 2 2 2 7 3 8" xfId="3572"/>
    <cellStyle name="Обычный 2 2 2 7 3 9" xfId="3573"/>
    <cellStyle name="Обычный 2 2 2 7 4" xfId="3574"/>
    <cellStyle name="Обычный 2 2 2 7 4 2" xfId="3575"/>
    <cellStyle name="Обычный 2 2 2 7 4 2 2" xfId="3576"/>
    <cellStyle name="Обычный 2 2 2 7 4 2 2 2" xfId="3577"/>
    <cellStyle name="Обычный 2 2 2 7 4 2 2 3" xfId="3578"/>
    <cellStyle name="Обычный 2 2 2 7 4 2 3" xfId="3579"/>
    <cellStyle name="Обычный 2 2 2 7 4 2 4" xfId="3580"/>
    <cellStyle name="Обычный 2 2 2 7 4 2 5" xfId="3581"/>
    <cellStyle name="Обычный 2 2 2 7 4 3" xfId="3582"/>
    <cellStyle name="Обычный 2 2 2 7 4 3 2" xfId="3583"/>
    <cellStyle name="Обычный 2 2 2 7 4 3 2 2" xfId="3584"/>
    <cellStyle name="Обычный 2 2 2 7 4 3 2 3" xfId="3585"/>
    <cellStyle name="Обычный 2 2 2 7 4 3 3" xfId="3586"/>
    <cellStyle name="Обычный 2 2 2 7 4 3 4" xfId="3587"/>
    <cellStyle name="Обычный 2 2 2 7 4 3 5" xfId="3588"/>
    <cellStyle name="Обычный 2 2 2 7 4 4" xfId="3589"/>
    <cellStyle name="Обычный 2 2 2 7 4 4 2" xfId="3590"/>
    <cellStyle name="Обычный 2 2 2 7 4 4 2 2" xfId="3591"/>
    <cellStyle name="Обычный 2 2 2 7 4 4 2 3" xfId="3592"/>
    <cellStyle name="Обычный 2 2 2 7 4 4 3" xfId="3593"/>
    <cellStyle name="Обычный 2 2 2 7 4 4 4" xfId="3594"/>
    <cellStyle name="Обычный 2 2 2 7 4 4 5" xfId="3595"/>
    <cellStyle name="Обычный 2 2 2 7 4 5" xfId="3596"/>
    <cellStyle name="Обычный 2 2 2 7 4 5 2" xfId="3597"/>
    <cellStyle name="Обычный 2 2 2 7 4 5 3" xfId="3598"/>
    <cellStyle name="Обычный 2 2 2 7 4 6" xfId="3599"/>
    <cellStyle name="Обычный 2 2 2 7 4 7" xfId="3600"/>
    <cellStyle name="Обычный 2 2 2 7 4 8" xfId="3601"/>
    <cellStyle name="Обычный 2 2 2 7 5" xfId="3602"/>
    <cellStyle name="Обычный 2 2 2 7 5 2" xfId="3603"/>
    <cellStyle name="Обычный 2 2 2 7 5 2 2" xfId="3604"/>
    <cellStyle name="Обычный 2 2 2 7 5 2 3" xfId="3605"/>
    <cellStyle name="Обычный 2 2 2 7 5 3" xfId="3606"/>
    <cellStyle name="Обычный 2 2 2 7 5 4" xfId="3607"/>
    <cellStyle name="Обычный 2 2 2 7 5 5" xfId="3608"/>
    <cellStyle name="Обычный 2 2 2 7 6" xfId="3609"/>
    <cellStyle name="Обычный 2 2 2 7 6 2" xfId="3610"/>
    <cellStyle name="Обычный 2 2 2 7 6 2 2" xfId="3611"/>
    <cellStyle name="Обычный 2 2 2 7 6 2 3" xfId="3612"/>
    <cellStyle name="Обычный 2 2 2 7 6 3" xfId="3613"/>
    <cellStyle name="Обычный 2 2 2 7 6 4" xfId="3614"/>
    <cellStyle name="Обычный 2 2 2 7 6 5" xfId="3615"/>
    <cellStyle name="Обычный 2 2 2 7 7" xfId="3616"/>
    <cellStyle name="Обычный 2 2 2 7 7 2" xfId="3617"/>
    <cellStyle name="Обычный 2 2 2 7 7 2 2" xfId="3618"/>
    <cellStyle name="Обычный 2 2 2 7 7 2 3" xfId="3619"/>
    <cellStyle name="Обычный 2 2 2 7 7 3" xfId="3620"/>
    <cellStyle name="Обычный 2 2 2 7 7 4" xfId="3621"/>
    <cellStyle name="Обычный 2 2 2 7 7 5" xfId="3622"/>
    <cellStyle name="Обычный 2 2 2 7 8" xfId="3623"/>
    <cellStyle name="Обычный 2 2 2 7 8 2" xfId="3624"/>
    <cellStyle name="Обычный 2 2 2 7 8 2 2" xfId="3625"/>
    <cellStyle name="Обычный 2 2 2 7 8 2 3" xfId="3626"/>
    <cellStyle name="Обычный 2 2 2 7 8 3" xfId="3627"/>
    <cellStyle name="Обычный 2 2 2 7 8 4" xfId="3628"/>
    <cellStyle name="Обычный 2 2 2 7 8 5" xfId="3629"/>
    <cellStyle name="Обычный 2 2 2 7 9" xfId="3630"/>
    <cellStyle name="Обычный 2 2 2 7 9 2" xfId="3631"/>
    <cellStyle name="Обычный 2 2 2 7 9 3" xfId="3632"/>
    <cellStyle name="Обычный 2 2 2 8" xfId="3633"/>
    <cellStyle name="Обычный 2 2 2 8 10" xfId="3634"/>
    <cellStyle name="Обычный 2 2 2 8 10 2" xfId="3635"/>
    <cellStyle name="Обычный 2 2 2 8 11" xfId="3636"/>
    <cellStyle name="Обычный 2 2 2 8 12" xfId="3637"/>
    <cellStyle name="Обычный 2 2 2 8 2" xfId="3638"/>
    <cellStyle name="Обычный 2 2 2 8 2 10" xfId="3639"/>
    <cellStyle name="Обычный 2 2 2 8 2 11" xfId="3640"/>
    <cellStyle name="Обычный 2 2 2 8 2 2" xfId="3641"/>
    <cellStyle name="Обычный 2 2 2 8 2 2 2" xfId="3642"/>
    <cellStyle name="Обычный 2 2 2 8 2 2 2 2" xfId="3643"/>
    <cellStyle name="Обычный 2 2 2 8 2 2 2 2 2" xfId="3644"/>
    <cellStyle name="Обычный 2 2 2 8 2 2 2 2 3" xfId="3645"/>
    <cellStyle name="Обычный 2 2 2 8 2 2 2 3" xfId="3646"/>
    <cellStyle name="Обычный 2 2 2 8 2 2 2 4" xfId="3647"/>
    <cellStyle name="Обычный 2 2 2 8 2 2 2 5" xfId="3648"/>
    <cellStyle name="Обычный 2 2 2 8 2 2 3" xfId="3649"/>
    <cellStyle name="Обычный 2 2 2 8 2 2 3 2" xfId="3650"/>
    <cellStyle name="Обычный 2 2 2 8 2 2 3 2 2" xfId="3651"/>
    <cellStyle name="Обычный 2 2 2 8 2 2 3 2 3" xfId="3652"/>
    <cellStyle name="Обычный 2 2 2 8 2 2 3 3" xfId="3653"/>
    <cellStyle name="Обычный 2 2 2 8 2 2 3 4" xfId="3654"/>
    <cellStyle name="Обычный 2 2 2 8 2 2 3 5" xfId="3655"/>
    <cellStyle name="Обычный 2 2 2 8 2 2 4" xfId="3656"/>
    <cellStyle name="Обычный 2 2 2 8 2 2 4 2" xfId="3657"/>
    <cellStyle name="Обычный 2 2 2 8 2 2 4 2 2" xfId="3658"/>
    <cellStyle name="Обычный 2 2 2 8 2 2 4 2 3" xfId="3659"/>
    <cellStyle name="Обычный 2 2 2 8 2 2 4 3" xfId="3660"/>
    <cellStyle name="Обычный 2 2 2 8 2 2 4 4" xfId="3661"/>
    <cellStyle name="Обычный 2 2 2 8 2 2 4 5" xfId="3662"/>
    <cellStyle name="Обычный 2 2 2 8 2 2 5" xfId="3663"/>
    <cellStyle name="Обычный 2 2 2 8 2 2 5 2" xfId="3664"/>
    <cellStyle name="Обычный 2 2 2 8 2 2 5 2 2" xfId="3665"/>
    <cellStyle name="Обычный 2 2 2 8 2 2 5 2 3" xfId="3666"/>
    <cellStyle name="Обычный 2 2 2 8 2 2 5 3" xfId="3667"/>
    <cellStyle name="Обычный 2 2 2 8 2 2 5 4" xfId="3668"/>
    <cellStyle name="Обычный 2 2 2 8 2 2 5 5" xfId="3669"/>
    <cellStyle name="Обычный 2 2 2 8 2 2 6" xfId="3670"/>
    <cellStyle name="Обычный 2 2 2 8 2 2 6 2" xfId="3671"/>
    <cellStyle name="Обычный 2 2 2 8 2 2 6 3" xfId="3672"/>
    <cellStyle name="Обычный 2 2 2 8 2 2 7" xfId="3673"/>
    <cellStyle name="Обычный 2 2 2 8 2 2 8" xfId="3674"/>
    <cellStyle name="Обычный 2 2 2 8 2 2 9" xfId="3675"/>
    <cellStyle name="Обычный 2 2 2 8 2 3" xfId="3676"/>
    <cellStyle name="Обычный 2 2 2 8 2 3 2" xfId="3677"/>
    <cellStyle name="Обычный 2 2 2 8 2 3 2 2" xfId="3678"/>
    <cellStyle name="Обычный 2 2 2 8 2 3 2 2 2" xfId="3679"/>
    <cellStyle name="Обычный 2 2 2 8 2 3 2 2 3" xfId="3680"/>
    <cellStyle name="Обычный 2 2 2 8 2 3 2 3" xfId="3681"/>
    <cellStyle name="Обычный 2 2 2 8 2 3 2 4" xfId="3682"/>
    <cellStyle name="Обычный 2 2 2 8 2 3 2 5" xfId="3683"/>
    <cellStyle name="Обычный 2 2 2 8 2 3 3" xfId="3684"/>
    <cellStyle name="Обычный 2 2 2 8 2 3 3 2" xfId="3685"/>
    <cellStyle name="Обычный 2 2 2 8 2 3 3 2 2" xfId="3686"/>
    <cellStyle name="Обычный 2 2 2 8 2 3 3 2 3" xfId="3687"/>
    <cellStyle name="Обычный 2 2 2 8 2 3 3 3" xfId="3688"/>
    <cellStyle name="Обычный 2 2 2 8 2 3 3 4" xfId="3689"/>
    <cellStyle name="Обычный 2 2 2 8 2 3 3 5" xfId="3690"/>
    <cellStyle name="Обычный 2 2 2 8 2 3 4" xfId="3691"/>
    <cellStyle name="Обычный 2 2 2 8 2 3 4 2" xfId="3692"/>
    <cellStyle name="Обычный 2 2 2 8 2 3 4 2 2" xfId="3693"/>
    <cellStyle name="Обычный 2 2 2 8 2 3 4 2 3" xfId="3694"/>
    <cellStyle name="Обычный 2 2 2 8 2 3 4 3" xfId="3695"/>
    <cellStyle name="Обычный 2 2 2 8 2 3 4 4" xfId="3696"/>
    <cellStyle name="Обычный 2 2 2 8 2 3 4 5" xfId="3697"/>
    <cellStyle name="Обычный 2 2 2 8 2 3 5" xfId="3698"/>
    <cellStyle name="Обычный 2 2 2 8 2 3 5 2" xfId="3699"/>
    <cellStyle name="Обычный 2 2 2 8 2 3 5 3" xfId="3700"/>
    <cellStyle name="Обычный 2 2 2 8 2 3 6" xfId="3701"/>
    <cellStyle name="Обычный 2 2 2 8 2 3 7" xfId="3702"/>
    <cellStyle name="Обычный 2 2 2 8 2 3 8" xfId="3703"/>
    <cellStyle name="Обычный 2 2 2 8 2 4" xfId="3704"/>
    <cellStyle name="Обычный 2 2 2 8 2 4 2" xfId="3705"/>
    <cellStyle name="Обычный 2 2 2 8 2 4 2 2" xfId="3706"/>
    <cellStyle name="Обычный 2 2 2 8 2 4 2 3" xfId="3707"/>
    <cellStyle name="Обычный 2 2 2 8 2 4 3" xfId="3708"/>
    <cellStyle name="Обычный 2 2 2 8 2 4 4" xfId="3709"/>
    <cellStyle name="Обычный 2 2 2 8 2 4 5" xfId="3710"/>
    <cellStyle name="Обычный 2 2 2 8 2 5" xfId="3711"/>
    <cellStyle name="Обычный 2 2 2 8 2 5 2" xfId="3712"/>
    <cellStyle name="Обычный 2 2 2 8 2 5 2 2" xfId="3713"/>
    <cellStyle name="Обычный 2 2 2 8 2 5 2 3" xfId="3714"/>
    <cellStyle name="Обычный 2 2 2 8 2 5 3" xfId="3715"/>
    <cellStyle name="Обычный 2 2 2 8 2 5 4" xfId="3716"/>
    <cellStyle name="Обычный 2 2 2 8 2 5 5" xfId="3717"/>
    <cellStyle name="Обычный 2 2 2 8 2 6" xfId="3718"/>
    <cellStyle name="Обычный 2 2 2 8 2 6 2" xfId="3719"/>
    <cellStyle name="Обычный 2 2 2 8 2 6 2 2" xfId="3720"/>
    <cellStyle name="Обычный 2 2 2 8 2 6 2 3" xfId="3721"/>
    <cellStyle name="Обычный 2 2 2 8 2 6 3" xfId="3722"/>
    <cellStyle name="Обычный 2 2 2 8 2 6 4" xfId="3723"/>
    <cellStyle name="Обычный 2 2 2 8 2 6 5" xfId="3724"/>
    <cellStyle name="Обычный 2 2 2 8 2 7" xfId="3725"/>
    <cellStyle name="Обычный 2 2 2 8 2 7 2" xfId="3726"/>
    <cellStyle name="Обычный 2 2 2 8 2 7 2 2" xfId="3727"/>
    <cellStyle name="Обычный 2 2 2 8 2 7 2 3" xfId="3728"/>
    <cellStyle name="Обычный 2 2 2 8 2 7 3" xfId="3729"/>
    <cellStyle name="Обычный 2 2 2 8 2 7 4" xfId="3730"/>
    <cellStyle name="Обычный 2 2 2 8 2 7 5" xfId="3731"/>
    <cellStyle name="Обычный 2 2 2 8 2 8" xfId="3732"/>
    <cellStyle name="Обычный 2 2 2 8 2 8 2" xfId="3733"/>
    <cellStyle name="Обычный 2 2 2 8 2 8 3" xfId="3734"/>
    <cellStyle name="Обычный 2 2 2 8 2 9" xfId="3735"/>
    <cellStyle name="Обычный 2 2 2 8 2 9 2" xfId="3736"/>
    <cellStyle name="Обычный 2 2 2 8 3" xfId="3737"/>
    <cellStyle name="Обычный 2 2 2 8 3 2" xfId="3738"/>
    <cellStyle name="Обычный 2 2 2 8 3 2 2" xfId="3739"/>
    <cellStyle name="Обычный 2 2 2 8 3 2 2 2" xfId="3740"/>
    <cellStyle name="Обычный 2 2 2 8 3 2 2 3" xfId="3741"/>
    <cellStyle name="Обычный 2 2 2 8 3 2 3" xfId="3742"/>
    <cellStyle name="Обычный 2 2 2 8 3 2 4" xfId="3743"/>
    <cellStyle name="Обычный 2 2 2 8 3 2 5" xfId="3744"/>
    <cellStyle name="Обычный 2 2 2 8 3 3" xfId="3745"/>
    <cellStyle name="Обычный 2 2 2 8 3 3 2" xfId="3746"/>
    <cellStyle name="Обычный 2 2 2 8 3 3 2 2" xfId="3747"/>
    <cellStyle name="Обычный 2 2 2 8 3 3 2 3" xfId="3748"/>
    <cellStyle name="Обычный 2 2 2 8 3 3 3" xfId="3749"/>
    <cellStyle name="Обычный 2 2 2 8 3 3 4" xfId="3750"/>
    <cellStyle name="Обычный 2 2 2 8 3 3 5" xfId="3751"/>
    <cellStyle name="Обычный 2 2 2 8 3 4" xfId="3752"/>
    <cellStyle name="Обычный 2 2 2 8 3 4 2" xfId="3753"/>
    <cellStyle name="Обычный 2 2 2 8 3 4 2 2" xfId="3754"/>
    <cellStyle name="Обычный 2 2 2 8 3 4 2 3" xfId="3755"/>
    <cellStyle name="Обычный 2 2 2 8 3 4 3" xfId="3756"/>
    <cellStyle name="Обычный 2 2 2 8 3 4 4" xfId="3757"/>
    <cellStyle name="Обычный 2 2 2 8 3 4 5" xfId="3758"/>
    <cellStyle name="Обычный 2 2 2 8 3 5" xfId="3759"/>
    <cellStyle name="Обычный 2 2 2 8 3 5 2" xfId="3760"/>
    <cellStyle name="Обычный 2 2 2 8 3 5 2 2" xfId="3761"/>
    <cellStyle name="Обычный 2 2 2 8 3 5 2 3" xfId="3762"/>
    <cellStyle name="Обычный 2 2 2 8 3 5 3" xfId="3763"/>
    <cellStyle name="Обычный 2 2 2 8 3 5 4" xfId="3764"/>
    <cellStyle name="Обычный 2 2 2 8 3 5 5" xfId="3765"/>
    <cellStyle name="Обычный 2 2 2 8 3 6" xfId="3766"/>
    <cellStyle name="Обычный 2 2 2 8 3 6 2" xfId="3767"/>
    <cellStyle name="Обычный 2 2 2 8 3 6 3" xfId="3768"/>
    <cellStyle name="Обычный 2 2 2 8 3 7" xfId="3769"/>
    <cellStyle name="Обычный 2 2 2 8 3 8" xfId="3770"/>
    <cellStyle name="Обычный 2 2 2 8 3 9" xfId="3771"/>
    <cellStyle name="Обычный 2 2 2 8 4" xfId="3772"/>
    <cellStyle name="Обычный 2 2 2 8 4 2" xfId="3773"/>
    <cellStyle name="Обычный 2 2 2 8 4 2 2" xfId="3774"/>
    <cellStyle name="Обычный 2 2 2 8 4 2 2 2" xfId="3775"/>
    <cellStyle name="Обычный 2 2 2 8 4 2 2 3" xfId="3776"/>
    <cellStyle name="Обычный 2 2 2 8 4 2 3" xfId="3777"/>
    <cellStyle name="Обычный 2 2 2 8 4 2 4" xfId="3778"/>
    <cellStyle name="Обычный 2 2 2 8 4 2 5" xfId="3779"/>
    <cellStyle name="Обычный 2 2 2 8 4 3" xfId="3780"/>
    <cellStyle name="Обычный 2 2 2 8 4 3 2" xfId="3781"/>
    <cellStyle name="Обычный 2 2 2 8 4 3 2 2" xfId="3782"/>
    <cellStyle name="Обычный 2 2 2 8 4 3 2 3" xfId="3783"/>
    <cellStyle name="Обычный 2 2 2 8 4 3 3" xfId="3784"/>
    <cellStyle name="Обычный 2 2 2 8 4 3 4" xfId="3785"/>
    <cellStyle name="Обычный 2 2 2 8 4 3 5" xfId="3786"/>
    <cellStyle name="Обычный 2 2 2 8 4 4" xfId="3787"/>
    <cellStyle name="Обычный 2 2 2 8 4 4 2" xfId="3788"/>
    <cellStyle name="Обычный 2 2 2 8 4 4 2 2" xfId="3789"/>
    <cellStyle name="Обычный 2 2 2 8 4 4 2 3" xfId="3790"/>
    <cellStyle name="Обычный 2 2 2 8 4 4 3" xfId="3791"/>
    <cellStyle name="Обычный 2 2 2 8 4 4 4" xfId="3792"/>
    <cellStyle name="Обычный 2 2 2 8 4 4 5" xfId="3793"/>
    <cellStyle name="Обычный 2 2 2 8 4 5" xfId="3794"/>
    <cellStyle name="Обычный 2 2 2 8 4 5 2" xfId="3795"/>
    <cellStyle name="Обычный 2 2 2 8 4 5 3" xfId="3796"/>
    <cellStyle name="Обычный 2 2 2 8 4 6" xfId="3797"/>
    <cellStyle name="Обычный 2 2 2 8 4 7" xfId="3798"/>
    <cellStyle name="Обычный 2 2 2 8 4 8" xfId="3799"/>
    <cellStyle name="Обычный 2 2 2 8 5" xfId="3800"/>
    <cellStyle name="Обычный 2 2 2 8 5 2" xfId="3801"/>
    <cellStyle name="Обычный 2 2 2 8 5 2 2" xfId="3802"/>
    <cellStyle name="Обычный 2 2 2 8 5 2 3" xfId="3803"/>
    <cellStyle name="Обычный 2 2 2 8 5 3" xfId="3804"/>
    <cellStyle name="Обычный 2 2 2 8 5 4" xfId="3805"/>
    <cellStyle name="Обычный 2 2 2 8 5 5" xfId="3806"/>
    <cellStyle name="Обычный 2 2 2 8 6" xfId="3807"/>
    <cellStyle name="Обычный 2 2 2 8 6 2" xfId="3808"/>
    <cellStyle name="Обычный 2 2 2 8 6 2 2" xfId="3809"/>
    <cellStyle name="Обычный 2 2 2 8 6 2 3" xfId="3810"/>
    <cellStyle name="Обычный 2 2 2 8 6 3" xfId="3811"/>
    <cellStyle name="Обычный 2 2 2 8 6 4" xfId="3812"/>
    <cellStyle name="Обычный 2 2 2 8 6 5" xfId="3813"/>
    <cellStyle name="Обычный 2 2 2 8 7" xfId="3814"/>
    <cellStyle name="Обычный 2 2 2 8 7 2" xfId="3815"/>
    <cellStyle name="Обычный 2 2 2 8 7 2 2" xfId="3816"/>
    <cellStyle name="Обычный 2 2 2 8 7 2 3" xfId="3817"/>
    <cellStyle name="Обычный 2 2 2 8 7 3" xfId="3818"/>
    <cellStyle name="Обычный 2 2 2 8 7 4" xfId="3819"/>
    <cellStyle name="Обычный 2 2 2 8 7 5" xfId="3820"/>
    <cellStyle name="Обычный 2 2 2 8 8" xfId="3821"/>
    <cellStyle name="Обычный 2 2 2 8 8 2" xfId="3822"/>
    <cellStyle name="Обычный 2 2 2 8 8 2 2" xfId="3823"/>
    <cellStyle name="Обычный 2 2 2 8 8 2 3" xfId="3824"/>
    <cellStyle name="Обычный 2 2 2 8 8 3" xfId="3825"/>
    <cellStyle name="Обычный 2 2 2 8 8 4" xfId="3826"/>
    <cellStyle name="Обычный 2 2 2 8 8 5" xfId="3827"/>
    <cellStyle name="Обычный 2 2 2 8 9" xfId="3828"/>
    <cellStyle name="Обычный 2 2 2 8 9 2" xfId="3829"/>
    <cellStyle name="Обычный 2 2 2 8 9 3" xfId="3830"/>
    <cellStyle name="Обычный 2 2 2 9" xfId="3831"/>
    <cellStyle name="Обычный 2 2 2 9 10" xfId="3832"/>
    <cellStyle name="Обычный 2 2 2 9 10 2" xfId="3833"/>
    <cellStyle name="Обычный 2 2 2 9 11" xfId="3834"/>
    <cellStyle name="Обычный 2 2 2 9 12" xfId="3835"/>
    <cellStyle name="Обычный 2 2 2 9 2" xfId="3836"/>
    <cellStyle name="Обычный 2 2 2 9 2 10" xfId="3837"/>
    <cellStyle name="Обычный 2 2 2 9 2 11" xfId="3838"/>
    <cellStyle name="Обычный 2 2 2 9 2 2" xfId="3839"/>
    <cellStyle name="Обычный 2 2 2 9 2 2 2" xfId="3840"/>
    <cellStyle name="Обычный 2 2 2 9 2 2 2 2" xfId="3841"/>
    <cellStyle name="Обычный 2 2 2 9 2 2 2 2 2" xfId="3842"/>
    <cellStyle name="Обычный 2 2 2 9 2 2 2 2 3" xfId="3843"/>
    <cellStyle name="Обычный 2 2 2 9 2 2 2 3" xfId="3844"/>
    <cellStyle name="Обычный 2 2 2 9 2 2 2 4" xfId="3845"/>
    <cellStyle name="Обычный 2 2 2 9 2 2 2 5" xfId="3846"/>
    <cellStyle name="Обычный 2 2 2 9 2 2 3" xfId="3847"/>
    <cellStyle name="Обычный 2 2 2 9 2 2 3 2" xfId="3848"/>
    <cellStyle name="Обычный 2 2 2 9 2 2 3 2 2" xfId="3849"/>
    <cellStyle name="Обычный 2 2 2 9 2 2 3 2 3" xfId="3850"/>
    <cellStyle name="Обычный 2 2 2 9 2 2 3 3" xfId="3851"/>
    <cellStyle name="Обычный 2 2 2 9 2 2 3 4" xfId="3852"/>
    <cellStyle name="Обычный 2 2 2 9 2 2 3 5" xfId="3853"/>
    <cellStyle name="Обычный 2 2 2 9 2 2 4" xfId="3854"/>
    <cellStyle name="Обычный 2 2 2 9 2 2 4 2" xfId="3855"/>
    <cellStyle name="Обычный 2 2 2 9 2 2 4 2 2" xfId="3856"/>
    <cellStyle name="Обычный 2 2 2 9 2 2 4 2 3" xfId="3857"/>
    <cellStyle name="Обычный 2 2 2 9 2 2 4 3" xfId="3858"/>
    <cellStyle name="Обычный 2 2 2 9 2 2 4 4" xfId="3859"/>
    <cellStyle name="Обычный 2 2 2 9 2 2 4 5" xfId="3860"/>
    <cellStyle name="Обычный 2 2 2 9 2 2 5" xfId="3861"/>
    <cellStyle name="Обычный 2 2 2 9 2 2 5 2" xfId="3862"/>
    <cellStyle name="Обычный 2 2 2 9 2 2 5 2 2" xfId="3863"/>
    <cellStyle name="Обычный 2 2 2 9 2 2 5 2 3" xfId="3864"/>
    <cellStyle name="Обычный 2 2 2 9 2 2 5 3" xfId="3865"/>
    <cellStyle name="Обычный 2 2 2 9 2 2 5 4" xfId="3866"/>
    <cellStyle name="Обычный 2 2 2 9 2 2 5 5" xfId="3867"/>
    <cellStyle name="Обычный 2 2 2 9 2 2 6" xfId="3868"/>
    <cellStyle name="Обычный 2 2 2 9 2 2 6 2" xfId="3869"/>
    <cellStyle name="Обычный 2 2 2 9 2 2 6 3" xfId="3870"/>
    <cellStyle name="Обычный 2 2 2 9 2 2 7" xfId="3871"/>
    <cellStyle name="Обычный 2 2 2 9 2 2 8" xfId="3872"/>
    <cellStyle name="Обычный 2 2 2 9 2 2 9" xfId="3873"/>
    <cellStyle name="Обычный 2 2 2 9 2 3" xfId="3874"/>
    <cellStyle name="Обычный 2 2 2 9 2 3 2" xfId="3875"/>
    <cellStyle name="Обычный 2 2 2 9 2 3 2 2" xfId="3876"/>
    <cellStyle name="Обычный 2 2 2 9 2 3 2 2 2" xfId="3877"/>
    <cellStyle name="Обычный 2 2 2 9 2 3 2 2 3" xfId="3878"/>
    <cellStyle name="Обычный 2 2 2 9 2 3 2 3" xfId="3879"/>
    <cellStyle name="Обычный 2 2 2 9 2 3 2 4" xfId="3880"/>
    <cellStyle name="Обычный 2 2 2 9 2 3 2 5" xfId="3881"/>
    <cellStyle name="Обычный 2 2 2 9 2 3 3" xfId="3882"/>
    <cellStyle name="Обычный 2 2 2 9 2 3 3 2" xfId="3883"/>
    <cellStyle name="Обычный 2 2 2 9 2 3 3 2 2" xfId="3884"/>
    <cellStyle name="Обычный 2 2 2 9 2 3 3 2 3" xfId="3885"/>
    <cellStyle name="Обычный 2 2 2 9 2 3 3 3" xfId="3886"/>
    <cellStyle name="Обычный 2 2 2 9 2 3 3 4" xfId="3887"/>
    <cellStyle name="Обычный 2 2 2 9 2 3 3 5" xfId="3888"/>
    <cellStyle name="Обычный 2 2 2 9 2 3 4" xfId="3889"/>
    <cellStyle name="Обычный 2 2 2 9 2 3 4 2" xfId="3890"/>
    <cellStyle name="Обычный 2 2 2 9 2 3 4 2 2" xfId="3891"/>
    <cellStyle name="Обычный 2 2 2 9 2 3 4 2 3" xfId="3892"/>
    <cellStyle name="Обычный 2 2 2 9 2 3 4 3" xfId="3893"/>
    <cellStyle name="Обычный 2 2 2 9 2 3 4 4" xfId="3894"/>
    <cellStyle name="Обычный 2 2 2 9 2 3 4 5" xfId="3895"/>
    <cellStyle name="Обычный 2 2 2 9 2 3 5" xfId="3896"/>
    <cellStyle name="Обычный 2 2 2 9 2 3 5 2" xfId="3897"/>
    <cellStyle name="Обычный 2 2 2 9 2 3 5 3" xfId="3898"/>
    <cellStyle name="Обычный 2 2 2 9 2 3 6" xfId="3899"/>
    <cellStyle name="Обычный 2 2 2 9 2 3 7" xfId="3900"/>
    <cellStyle name="Обычный 2 2 2 9 2 3 8" xfId="3901"/>
    <cellStyle name="Обычный 2 2 2 9 2 4" xfId="3902"/>
    <cellStyle name="Обычный 2 2 2 9 2 4 2" xfId="3903"/>
    <cellStyle name="Обычный 2 2 2 9 2 4 2 2" xfId="3904"/>
    <cellStyle name="Обычный 2 2 2 9 2 4 2 3" xfId="3905"/>
    <cellStyle name="Обычный 2 2 2 9 2 4 3" xfId="3906"/>
    <cellStyle name="Обычный 2 2 2 9 2 4 4" xfId="3907"/>
    <cellStyle name="Обычный 2 2 2 9 2 4 5" xfId="3908"/>
    <cellStyle name="Обычный 2 2 2 9 2 5" xfId="3909"/>
    <cellStyle name="Обычный 2 2 2 9 2 5 2" xfId="3910"/>
    <cellStyle name="Обычный 2 2 2 9 2 5 2 2" xfId="3911"/>
    <cellStyle name="Обычный 2 2 2 9 2 5 2 3" xfId="3912"/>
    <cellStyle name="Обычный 2 2 2 9 2 5 3" xfId="3913"/>
    <cellStyle name="Обычный 2 2 2 9 2 5 4" xfId="3914"/>
    <cellStyle name="Обычный 2 2 2 9 2 5 5" xfId="3915"/>
    <cellStyle name="Обычный 2 2 2 9 2 6" xfId="3916"/>
    <cellStyle name="Обычный 2 2 2 9 2 6 2" xfId="3917"/>
    <cellStyle name="Обычный 2 2 2 9 2 6 2 2" xfId="3918"/>
    <cellStyle name="Обычный 2 2 2 9 2 6 2 3" xfId="3919"/>
    <cellStyle name="Обычный 2 2 2 9 2 6 3" xfId="3920"/>
    <cellStyle name="Обычный 2 2 2 9 2 6 4" xfId="3921"/>
    <cellStyle name="Обычный 2 2 2 9 2 6 5" xfId="3922"/>
    <cellStyle name="Обычный 2 2 2 9 2 7" xfId="3923"/>
    <cellStyle name="Обычный 2 2 2 9 2 7 2" xfId="3924"/>
    <cellStyle name="Обычный 2 2 2 9 2 7 2 2" xfId="3925"/>
    <cellStyle name="Обычный 2 2 2 9 2 7 2 3" xfId="3926"/>
    <cellStyle name="Обычный 2 2 2 9 2 7 3" xfId="3927"/>
    <cellStyle name="Обычный 2 2 2 9 2 7 4" xfId="3928"/>
    <cellStyle name="Обычный 2 2 2 9 2 7 5" xfId="3929"/>
    <cellStyle name="Обычный 2 2 2 9 2 8" xfId="3930"/>
    <cellStyle name="Обычный 2 2 2 9 2 8 2" xfId="3931"/>
    <cellStyle name="Обычный 2 2 2 9 2 8 3" xfId="3932"/>
    <cellStyle name="Обычный 2 2 2 9 2 9" xfId="3933"/>
    <cellStyle name="Обычный 2 2 2 9 2 9 2" xfId="3934"/>
    <cellStyle name="Обычный 2 2 2 9 3" xfId="3935"/>
    <cellStyle name="Обычный 2 2 2 9 3 2" xfId="3936"/>
    <cellStyle name="Обычный 2 2 2 9 3 2 2" xfId="3937"/>
    <cellStyle name="Обычный 2 2 2 9 3 2 2 2" xfId="3938"/>
    <cellStyle name="Обычный 2 2 2 9 3 2 2 3" xfId="3939"/>
    <cellStyle name="Обычный 2 2 2 9 3 2 3" xfId="3940"/>
    <cellStyle name="Обычный 2 2 2 9 3 2 4" xfId="3941"/>
    <cellStyle name="Обычный 2 2 2 9 3 2 5" xfId="3942"/>
    <cellStyle name="Обычный 2 2 2 9 3 3" xfId="3943"/>
    <cellStyle name="Обычный 2 2 2 9 3 3 2" xfId="3944"/>
    <cellStyle name="Обычный 2 2 2 9 3 3 2 2" xfId="3945"/>
    <cellStyle name="Обычный 2 2 2 9 3 3 2 3" xfId="3946"/>
    <cellStyle name="Обычный 2 2 2 9 3 3 3" xfId="3947"/>
    <cellStyle name="Обычный 2 2 2 9 3 3 4" xfId="3948"/>
    <cellStyle name="Обычный 2 2 2 9 3 3 5" xfId="3949"/>
    <cellStyle name="Обычный 2 2 2 9 3 4" xfId="3950"/>
    <cellStyle name="Обычный 2 2 2 9 3 4 2" xfId="3951"/>
    <cellStyle name="Обычный 2 2 2 9 3 4 2 2" xfId="3952"/>
    <cellStyle name="Обычный 2 2 2 9 3 4 2 3" xfId="3953"/>
    <cellStyle name="Обычный 2 2 2 9 3 4 3" xfId="3954"/>
    <cellStyle name="Обычный 2 2 2 9 3 4 4" xfId="3955"/>
    <cellStyle name="Обычный 2 2 2 9 3 4 5" xfId="3956"/>
    <cellStyle name="Обычный 2 2 2 9 3 5" xfId="3957"/>
    <cellStyle name="Обычный 2 2 2 9 3 5 2" xfId="3958"/>
    <cellStyle name="Обычный 2 2 2 9 3 5 2 2" xfId="3959"/>
    <cellStyle name="Обычный 2 2 2 9 3 5 2 3" xfId="3960"/>
    <cellStyle name="Обычный 2 2 2 9 3 5 3" xfId="3961"/>
    <cellStyle name="Обычный 2 2 2 9 3 5 4" xfId="3962"/>
    <cellStyle name="Обычный 2 2 2 9 3 5 5" xfId="3963"/>
    <cellStyle name="Обычный 2 2 2 9 3 6" xfId="3964"/>
    <cellStyle name="Обычный 2 2 2 9 3 6 2" xfId="3965"/>
    <cellStyle name="Обычный 2 2 2 9 3 6 3" xfId="3966"/>
    <cellStyle name="Обычный 2 2 2 9 3 7" xfId="3967"/>
    <cellStyle name="Обычный 2 2 2 9 3 8" xfId="3968"/>
    <cellStyle name="Обычный 2 2 2 9 3 9" xfId="3969"/>
    <cellStyle name="Обычный 2 2 2 9 4" xfId="3970"/>
    <cellStyle name="Обычный 2 2 2 9 4 2" xfId="3971"/>
    <cellStyle name="Обычный 2 2 2 9 4 2 2" xfId="3972"/>
    <cellStyle name="Обычный 2 2 2 9 4 2 2 2" xfId="3973"/>
    <cellStyle name="Обычный 2 2 2 9 4 2 2 3" xfId="3974"/>
    <cellStyle name="Обычный 2 2 2 9 4 2 3" xfId="3975"/>
    <cellStyle name="Обычный 2 2 2 9 4 2 4" xfId="3976"/>
    <cellStyle name="Обычный 2 2 2 9 4 2 5" xfId="3977"/>
    <cellStyle name="Обычный 2 2 2 9 4 3" xfId="3978"/>
    <cellStyle name="Обычный 2 2 2 9 4 3 2" xfId="3979"/>
    <cellStyle name="Обычный 2 2 2 9 4 3 2 2" xfId="3980"/>
    <cellStyle name="Обычный 2 2 2 9 4 3 2 3" xfId="3981"/>
    <cellStyle name="Обычный 2 2 2 9 4 3 3" xfId="3982"/>
    <cellStyle name="Обычный 2 2 2 9 4 3 4" xfId="3983"/>
    <cellStyle name="Обычный 2 2 2 9 4 3 5" xfId="3984"/>
    <cellStyle name="Обычный 2 2 2 9 4 4" xfId="3985"/>
    <cellStyle name="Обычный 2 2 2 9 4 4 2" xfId="3986"/>
    <cellStyle name="Обычный 2 2 2 9 4 4 2 2" xfId="3987"/>
    <cellStyle name="Обычный 2 2 2 9 4 4 2 3" xfId="3988"/>
    <cellStyle name="Обычный 2 2 2 9 4 4 3" xfId="3989"/>
    <cellStyle name="Обычный 2 2 2 9 4 4 4" xfId="3990"/>
    <cellStyle name="Обычный 2 2 2 9 4 4 5" xfId="3991"/>
    <cellStyle name="Обычный 2 2 2 9 4 5" xfId="3992"/>
    <cellStyle name="Обычный 2 2 2 9 4 5 2" xfId="3993"/>
    <cellStyle name="Обычный 2 2 2 9 4 5 3" xfId="3994"/>
    <cellStyle name="Обычный 2 2 2 9 4 6" xfId="3995"/>
    <cellStyle name="Обычный 2 2 2 9 4 7" xfId="3996"/>
    <cellStyle name="Обычный 2 2 2 9 4 8" xfId="3997"/>
    <cellStyle name="Обычный 2 2 2 9 5" xfId="3998"/>
    <cellStyle name="Обычный 2 2 2 9 5 2" xfId="3999"/>
    <cellStyle name="Обычный 2 2 2 9 5 2 2" xfId="4000"/>
    <cellStyle name="Обычный 2 2 2 9 5 2 3" xfId="4001"/>
    <cellStyle name="Обычный 2 2 2 9 5 3" xfId="4002"/>
    <cellStyle name="Обычный 2 2 2 9 5 4" xfId="4003"/>
    <cellStyle name="Обычный 2 2 2 9 5 5" xfId="4004"/>
    <cellStyle name="Обычный 2 2 2 9 6" xfId="4005"/>
    <cellStyle name="Обычный 2 2 2 9 6 2" xfId="4006"/>
    <cellStyle name="Обычный 2 2 2 9 6 2 2" xfId="4007"/>
    <cellStyle name="Обычный 2 2 2 9 6 2 3" xfId="4008"/>
    <cellStyle name="Обычный 2 2 2 9 6 3" xfId="4009"/>
    <cellStyle name="Обычный 2 2 2 9 6 4" xfId="4010"/>
    <cellStyle name="Обычный 2 2 2 9 6 5" xfId="4011"/>
    <cellStyle name="Обычный 2 2 2 9 7" xfId="4012"/>
    <cellStyle name="Обычный 2 2 2 9 7 2" xfId="4013"/>
    <cellStyle name="Обычный 2 2 2 9 7 2 2" xfId="4014"/>
    <cellStyle name="Обычный 2 2 2 9 7 2 3" xfId="4015"/>
    <cellStyle name="Обычный 2 2 2 9 7 3" xfId="4016"/>
    <cellStyle name="Обычный 2 2 2 9 7 4" xfId="4017"/>
    <cellStyle name="Обычный 2 2 2 9 7 5" xfId="4018"/>
    <cellStyle name="Обычный 2 2 2 9 8" xfId="4019"/>
    <cellStyle name="Обычный 2 2 2 9 8 2" xfId="4020"/>
    <cellStyle name="Обычный 2 2 2 9 8 2 2" xfId="4021"/>
    <cellStyle name="Обычный 2 2 2 9 8 2 2 2" xfId="4022"/>
    <cellStyle name="Обычный 2 2 2 9 8 2 3" xfId="4023"/>
    <cellStyle name="Обычный 2 2 2 9 8 2 3 2" xfId="4024"/>
    <cellStyle name="Обычный 2 2 2 9 8 2 4" xfId="4025"/>
    <cellStyle name="Обычный 2 2 2 9 8 3" xfId="4026"/>
    <cellStyle name="Обычный 2 2 2 9 8 3 2" xfId="4027"/>
    <cellStyle name="Обычный 2 2 2 9 8 4" xfId="4028"/>
    <cellStyle name="Обычный 2 2 2 9 8 4 2" xfId="4029"/>
    <cellStyle name="Обычный 2 2 2 9 8 5" xfId="4030"/>
    <cellStyle name="Обычный 2 2 2 9 8 5 2" xfId="4031"/>
    <cellStyle name="Обычный 2 2 2 9 8 6" xfId="4032"/>
    <cellStyle name="Обычный 2 2 2 9 9" xfId="4033"/>
    <cellStyle name="Обычный 2 2 2 9 9 2" xfId="4034"/>
    <cellStyle name="Обычный 2 2 2 9 9 2 2" xfId="4035"/>
    <cellStyle name="Обычный 2 2 2 9 9 3" xfId="4036"/>
    <cellStyle name="Обычный 2 2 2 9 9 3 2" xfId="4037"/>
    <cellStyle name="Обычный 2 2 2 9 9 4" xfId="4038"/>
    <cellStyle name="Обычный 2 2 20" xfId="4039"/>
    <cellStyle name="Обычный 2 2 20 10" xfId="4040"/>
    <cellStyle name="Обычный 2 2 20 10 2" xfId="4041"/>
    <cellStyle name="Обычный 2 2 20 11" xfId="4042"/>
    <cellStyle name="Обычный 2 2 20 2" xfId="4043"/>
    <cellStyle name="Обычный 2 2 20 2 2" xfId="4044"/>
    <cellStyle name="Обычный 2 2 20 2 2 2" xfId="4045"/>
    <cellStyle name="Обычный 2 2 20 2 2 2 2" xfId="4046"/>
    <cellStyle name="Обычный 2 2 20 2 2 3" xfId="4047"/>
    <cellStyle name="Обычный 2 2 20 2 2 3 2" xfId="4048"/>
    <cellStyle name="Обычный 2 2 20 2 2 4" xfId="4049"/>
    <cellStyle name="Обычный 2 2 20 2 3" xfId="4050"/>
    <cellStyle name="Обычный 2 2 20 2 3 2" xfId="4051"/>
    <cellStyle name="Обычный 2 2 20 2 4" xfId="4052"/>
    <cellStyle name="Обычный 2 2 20 2 4 2" xfId="4053"/>
    <cellStyle name="Обычный 2 2 20 2 5" xfId="4054"/>
    <cellStyle name="Обычный 2 2 20 2 5 2" xfId="4055"/>
    <cellStyle name="Обычный 2 2 20 2 6" xfId="4056"/>
    <cellStyle name="Обычный 2 2 20 3" xfId="4057"/>
    <cellStyle name="Обычный 2 2 20 3 2" xfId="4058"/>
    <cellStyle name="Обычный 2 2 20 3 2 2" xfId="4059"/>
    <cellStyle name="Обычный 2 2 20 3 2 2 2" xfId="4060"/>
    <cellStyle name="Обычный 2 2 20 3 2 3" xfId="4061"/>
    <cellStyle name="Обычный 2 2 20 3 2 3 2" xfId="4062"/>
    <cellStyle name="Обычный 2 2 20 3 2 4" xfId="4063"/>
    <cellStyle name="Обычный 2 2 20 3 3" xfId="4064"/>
    <cellStyle name="Обычный 2 2 20 3 3 2" xfId="4065"/>
    <cellStyle name="Обычный 2 2 20 3 4" xfId="4066"/>
    <cellStyle name="Обычный 2 2 20 3 4 2" xfId="4067"/>
    <cellStyle name="Обычный 2 2 20 3 5" xfId="4068"/>
    <cellStyle name="Обычный 2 2 20 3 5 2" xfId="4069"/>
    <cellStyle name="Обычный 2 2 20 3 6" xfId="4070"/>
    <cellStyle name="Обычный 2 2 20 4" xfId="4071"/>
    <cellStyle name="Обычный 2 2 20 4 2" xfId="4072"/>
    <cellStyle name="Обычный 2 2 20 4 2 2" xfId="4073"/>
    <cellStyle name="Обычный 2 2 20 4 2 2 2" xfId="4074"/>
    <cellStyle name="Обычный 2 2 20 4 2 3" xfId="4075"/>
    <cellStyle name="Обычный 2 2 20 4 2 3 2" xfId="4076"/>
    <cellStyle name="Обычный 2 2 20 4 2 4" xfId="4077"/>
    <cellStyle name="Обычный 2 2 20 4 3" xfId="4078"/>
    <cellStyle name="Обычный 2 2 20 4 3 2" xfId="4079"/>
    <cellStyle name="Обычный 2 2 20 4 4" xfId="4080"/>
    <cellStyle name="Обычный 2 2 20 4 4 2" xfId="4081"/>
    <cellStyle name="Обычный 2 2 20 4 5" xfId="4082"/>
    <cellStyle name="Обычный 2 2 20 4 5 2" xfId="4083"/>
    <cellStyle name="Обычный 2 2 20 4 6" xfId="4084"/>
    <cellStyle name="Обычный 2 2 20 5" xfId="4085"/>
    <cellStyle name="Обычный 2 2 20 5 2" xfId="4086"/>
    <cellStyle name="Обычный 2 2 20 5 2 2" xfId="4087"/>
    <cellStyle name="Обычный 2 2 20 5 2 2 2" xfId="4088"/>
    <cellStyle name="Обычный 2 2 20 5 2 3" xfId="4089"/>
    <cellStyle name="Обычный 2 2 20 5 2 3 2" xfId="4090"/>
    <cellStyle name="Обычный 2 2 20 5 2 4" xfId="4091"/>
    <cellStyle name="Обычный 2 2 20 5 3" xfId="4092"/>
    <cellStyle name="Обычный 2 2 20 5 3 2" xfId="4093"/>
    <cellStyle name="Обычный 2 2 20 5 4" xfId="4094"/>
    <cellStyle name="Обычный 2 2 20 5 4 2" xfId="4095"/>
    <cellStyle name="Обычный 2 2 20 5 5" xfId="4096"/>
    <cellStyle name="Обычный 2 2 20 5 5 2" xfId="4097"/>
    <cellStyle name="Обычный 2 2 20 5 6" xfId="4098"/>
    <cellStyle name="Обычный 2 2 20 6" xfId="4099"/>
    <cellStyle name="Обычный 2 2 20 6 2" xfId="4100"/>
    <cellStyle name="Обычный 2 2 20 6 2 2" xfId="4101"/>
    <cellStyle name="Обычный 2 2 20 6 2 2 2" xfId="4102"/>
    <cellStyle name="Обычный 2 2 20 6 2 3" xfId="4103"/>
    <cellStyle name="Обычный 2 2 20 6 2 3 2" xfId="4104"/>
    <cellStyle name="Обычный 2 2 20 6 2 4" xfId="4105"/>
    <cellStyle name="Обычный 2 2 20 6 3" xfId="4106"/>
    <cellStyle name="Обычный 2 2 20 6 3 2" xfId="4107"/>
    <cellStyle name="Обычный 2 2 20 6 4" xfId="4108"/>
    <cellStyle name="Обычный 2 2 20 6 4 2" xfId="4109"/>
    <cellStyle name="Обычный 2 2 20 6 5" xfId="4110"/>
    <cellStyle name="Обычный 2 2 20 6 5 2" xfId="4111"/>
    <cellStyle name="Обычный 2 2 20 6 6" xfId="4112"/>
    <cellStyle name="Обычный 2 2 20 7" xfId="4113"/>
    <cellStyle name="Обычный 2 2 20 7 2" xfId="4114"/>
    <cellStyle name="Обычный 2 2 20 7 2 2" xfId="4115"/>
    <cellStyle name="Обычный 2 2 20 7 3" xfId="4116"/>
    <cellStyle name="Обычный 2 2 20 7 3 2" xfId="4117"/>
    <cellStyle name="Обычный 2 2 20 7 4" xfId="4118"/>
    <cellStyle name="Обычный 2 2 20 8" xfId="4119"/>
    <cellStyle name="Обычный 2 2 20 8 2" xfId="4120"/>
    <cellStyle name="Обычный 2 2 20 9" xfId="4121"/>
    <cellStyle name="Обычный 2 2 20 9 2" xfId="4122"/>
    <cellStyle name="Обычный 2 2 21" xfId="4123"/>
    <cellStyle name="Обычный 2 2 21 10" xfId="4124"/>
    <cellStyle name="Обычный 2 2 21 10 2" xfId="4125"/>
    <cellStyle name="Обычный 2 2 21 11" xfId="4126"/>
    <cellStyle name="Обычный 2 2 21 2" xfId="4127"/>
    <cellStyle name="Обычный 2 2 21 2 2" xfId="4128"/>
    <cellStyle name="Обычный 2 2 21 2 2 2" xfId="4129"/>
    <cellStyle name="Обычный 2 2 21 2 2 2 2" xfId="4130"/>
    <cellStyle name="Обычный 2 2 21 2 2 3" xfId="4131"/>
    <cellStyle name="Обычный 2 2 21 2 2 3 2" xfId="4132"/>
    <cellStyle name="Обычный 2 2 21 2 2 4" xfId="4133"/>
    <cellStyle name="Обычный 2 2 21 2 3" xfId="4134"/>
    <cellStyle name="Обычный 2 2 21 2 3 2" xfId="4135"/>
    <cellStyle name="Обычный 2 2 21 2 4" xfId="4136"/>
    <cellStyle name="Обычный 2 2 21 2 4 2" xfId="4137"/>
    <cellStyle name="Обычный 2 2 21 2 5" xfId="4138"/>
    <cellStyle name="Обычный 2 2 21 2 5 2" xfId="4139"/>
    <cellStyle name="Обычный 2 2 21 2 6" xfId="4140"/>
    <cellStyle name="Обычный 2 2 21 3" xfId="4141"/>
    <cellStyle name="Обычный 2 2 21 3 2" xfId="4142"/>
    <cellStyle name="Обычный 2 2 21 3 2 2" xfId="4143"/>
    <cellStyle name="Обычный 2 2 21 3 2 2 2" xfId="4144"/>
    <cellStyle name="Обычный 2 2 21 3 2 3" xfId="4145"/>
    <cellStyle name="Обычный 2 2 21 3 2 3 2" xfId="4146"/>
    <cellStyle name="Обычный 2 2 21 3 2 4" xfId="4147"/>
    <cellStyle name="Обычный 2 2 21 3 3" xfId="4148"/>
    <cellStyle name="Обычный 2 2 21 3 3 2" xfId="4149"/>
    <cellStyle name="Обычный 2 2 21 3 4" xfId="4150"/>
    <cellStyle name="Обычный 2 2 21 3 4 2" xfId="4151"/>
    <cellStyle name="Обычный 2 2 21 3 5" xfId="4152"/>
    <cellStyle name="Обычный 2 2 21 3 5 2" xfId="4153"/>
    <cellStyle name="Обычный 2 2 21 3 6" xfId="4154"/>
    <cellStyle name="Обычный 2 2 21 4" xfId="4155"/>
    <cellStyle name="Обычный 2 2 21 4 2" xfId="4156"/>
    <cellStyle name="Обычный 2 2 21 4 2 2" xfId="4157"/>
    <cellStyle name="Обычный 2 2 21 4 2 2 2" xfId="4158"/>
    <cellStyle name="Обычный 2 2 21 4 2 3" xfId="4159"/>
    <cellStyle name="Обычный 2 2 21 4 2 3 2" xfId="4160"/>
    <cellStyle name="Обычный 2 2 21 4 2 4" xfId="4161"/>
    <cellStyle name="Обычный 2 2 21 4 3" xfId="4162"/>
    <cellStyle name="Обычный 2 2 21 4 3 2" xfId="4163"/>
    <cellStyle name="Обычный 2 2 21 4 4" xfId="4164"/>
    <cellStyle name="Обычный 2 2 21 4 4 2" xfId="4165"/>
    <cellStyle name="Обычный 2 2 21 4 5" xfId="4166"/>
    <cellStyle name="Обычный 2 2 21 4 5 2" xfId="4167"/>
    <cellStyle name="Обычный 2 2 21 4 6" xfId="4168"/>
    <cellStyle name="Обычный 2 2 21 5" xfId="4169"/>
    <cellStyle name="Обычный 2 2 21 5 2" xfId="4170"/>
    <cellStyle name="Обычный 2 2 21 5 2 2" xfId="4171"/>
    <cellStyle name="Обычный 2 2 21 5 2 2 2" xfId="4172"/>
    <cellStyle name="Обычный 2 2 21 5 2 3" xfId="4173"/>
    <cellStyle name="Обычный 2 2 21 5 2 3 2" xfId="4174"/>
    <cellStyle name="Обычный 2 2 21 5 2 4" xfId="4175"/>
    <cellStyle name="Обычный 2 2 21 5 3" xfId="4176"/>
    <cellStyle name="Обычный 2 2 21 5 3 2" xfId="4177"/>
    <cellStyle name="Обычный 2 2 21 5 4" xfId="4178"/>
    <cellStyle name="Обычный 2 2 21 5 4 2" xfId="4179"/>
    <cellStyle name="Обычный 2 2 21 5 5" xfId="4180"/>
    <cellStyle name="Обычный 2 2 21 5 5 2" xfId="4181"/>
    <cellStyle name="Обычный 2 2 21 5 6" xfId="4182"/>
    <cellStyle name="Обычный 2 2 21 6" xfId="4183"/>
    <cellStyle name="Обычный 2 2 21 6 2" xfId="4184"/>
    <cellStyle name="Обычный 2 2 21 6 2 2" xfId="4185"/>
    <cellStyle name="Обычный 2 2 21 6 2 2 2" xfId="4186"/>
    <cellStyle name="Обычный 2 2 21 6 2 3" xfId="4187"/>
    <cellStyle name="Обычный 2 2 21 6 2 3 2" xfId="4188"/>
    <cellStyle name="Обычный 2 2 21 6 2 4" xfId="4189"/>
    <cellStyle name="Обычный 2 2 21 6 3" xfId="4190"/>
    <cellStyle name="Обычный 2 2 21 6 3 2" xfId="4191"/>
    <cellStyle name="Обычный 2 2 21 6 4" xfId="4192"/>
    <cellStyle name="Обычный 2 2 21 6 4 2" xfId="4193"/>
    <cellStyle name="Обычный 2 2 21 6 5" xfId="4194"/>
    <cellStyle name="Обычный 2 2 21 6 5 2" xfId="4195"/>
    <cellStyle name="Обычный 2 2 21 6 6" xfId="4196"/>
    <cellStyle name="Обычный 2 2 21 7" xfId="4197"/>
    <cellStyle name="Обычный 2 2 21 7 2" xfId="4198"/>
    <cellStyle name="Обычный 2 2 21 7 2 2" xfId="4199"/>
    <cellStyle name="Обычный 2 2 21 7 3" xfId="4200"/>
    <cellStyle name="Обычный 2 2 21 7 3 2" xfId="4201"/>
    <cellStyle name="Обычный 2 2 21 7 4" xfId="4202"/>
    <cellStyle name="Обычный 2 2 21 8" xfId="4203"/>
    <cellStyle name="Обычный 2 2 21 8 2" xfId="4204"/>
    <cellStyle name="Обычный 2 2 21 9" xfId="4205"/>
    <cellStyle name="Обычный 2 2 21 9 2" xfId="4206"/>
    <cellStyle name="Обычный 2 2 22" xfId="4207"/>
    <cellStyle name="Обычный 2 2 22 2" xfId="4208"/>
    <cellStyle name="Обычный 2 2 22 2 2" xfId="4209"/>
    <cellStyle name="Обычный 2 2 22 2 2 2" xfId="4210"/>
    <cellStyle name="Обычный 2 2 22 2 2 2 2" xfId="4211"/>
    <cellStyle name="Обычный 2 2 22 2 2 3" xfId="4212"/>
    <cellStyle name="Обычный 2 2 22 2 2 3 2" xfId="4213"/>
    <cellStyle name="Обычный 2 2 22 2 2 4" xfId="4214"/>
    <cellStyle name="Обычный 2 2 22 2 3" xfId="4215"/>
    <cellStyle name="Обычный 2 2 22 2 3 2" xfId="4216"/>
    <cellStyle name="Обычный 2 2 22 2 4" xfId="4217"/>
    <cellStyle name="Обычный 2 2 22 2 4 2" xfId="4218"/>
    <cellStyle name="Обычный 2 2 22 2 5" xfId="4219"/>
    <cellStyle name="Обычный 2 2 22 2 5 2" xfId="4220"/>
    <cellStyle name="Обычный 2 2 22 2 6" xfId="4221"/>
    <cellStyle name="Обычный 2 2 22 3" xfId="4222"/>
    <cellStyle name="Обычный 2 2 22 3 2" xfId="4223"/>
    <cellStyle name="Обычный 2 2 22 3 2 2" xfId="4224"/>
    <cellStyle name="Обычный 2 2 22 3 2 2 2" xfId="4225"/>
    <cellStyle name="Обычный 2 2 22 3 2 3" xfId="4226"/>
    <cellStyle name="Обычный 2 2 22 3 2 3 2" xfId="4227"/>
    <cellStyle name="Обычный 2 2 22 3 2 4" xfId="4228"/>
    <cellStyle name="Обычный 2 2 22 3 3" xfId="4229"/>
    <cellStyle name="Обычный 2 2 22 3 3 2" xfId="4230"/>
    <cellStyle name="Обычный 2 2 22 3 4" xfId="4231"/>
    <cellStyle name="Обычный 2 2 22 3 4 2" xfId="4232"/>
    <cellStyle name="Обычный 2 2 22 3 5" xfId="4233"/>
    <cellStyle name="Обычный 2 2 22 3 5 2" xfId="4234"/>
    <cellStyle name="Обычный 2 2 22 3 6" xfId="4235"/>
    <cellStyle name="Обычный 2 2 22 4" xfId="4236"/>
    <cellStyle name="Обычный 2 2 22 4 2" xfId="4237"/>
    <cellStyle name="Обычный 2 2 22 4 2 2" xfId="4238"/>
    <cellStyle name="Обычный 2 2 22 4 2 2 2" xfId="4239"/>
    <cellStyle name="Обычный 2 2 22 4 2 3" xfId="4240"/>
    <cellStyle name="Обычный 2 2 22 4 2 3 2" xfId="4241"/>
    <cellStyle name="Обычный 2 2 22 4 2 4" xfId="4242"/>
    <cellStyle name="Обычный 2 2 22 4 3" xfId="4243"/>
    <cellStyle name="Обычный 2 2 22 4 3 2" xfId="4244"/>
    <cellStyle name="Обычный 2 2 22 4 4" xfId="4245"/>
    <cellStyle name="Обычный 2 2 22 4 4 2" xfId="4246"/>
    <cellStyle name="Обычный 2 2 22 4 5" xfId="4247"/>
    <cellStyle name="Обычный 2 2 22 4 5 2" xfId="4248"/>
    <cellStyle name="Обычный 2 2 22 4 6" xfId="4249"/>
    <cellStyle name="Обычный 2 2 22 5" xfId="4250"/>
    <cellStyle name="Обычный 2 2 22 5 2" xfId="4251"/>
    <cellStyle name="Обычный 2 2 22 5 2 2" xfId="4252"/>
    <cellStyle name="Обычный 2 2 22 5 3" xfId="4253"/>
    <cellStyle name="Обычный 2 2 22 5 3 2" xfId="4254"/>
    <cellStyle name="Обычный 2 2 22 5 4" xfId="4255"/>
    <cellStyle name="Обычный 2 2 22 6" xfId="4256"/>
    <cellStyle name="Обычный 2 2 22 6 2" xfId="4257"/>
    <cellStyle name="Обычный 2 2 22 7" xfId="4258"/>
    <cellStyle name="Обычный 2 2 22 7 2" xfId="4259"/>
    <cellStyle name="Обычный 2 2 22 8" xfId="4260"/>
    <cellStyle name="Обычный 2 2 22 8 2" xfId="4261"/>
    <cellStyle name="Обычный 2 2 22 9" xfId="4262"/>
    <cellStyle name="Обычный 2 2 23" xfId="4263"/>
    <cellStyle name="Обычный 2 2 23 2" xfId="4264"/>
    <cellStyle name="Обычный 2 2 23 2 2" xfId="4265"/>
    <cellStyle name="Обычный 2 2 23 2 2 2" xfId="4266"/>
    <cellStyle name="Обычный 2 2 23 2 3" xfId="4267"/>
    <cellStyle name="Обычный 2 2 23 2 3 2" xfId="4268"/>
    <cellStyle name="Обычный 2 2 23 2 4" xfId="4269"/>
    <cellStyle name="Обычный 2 2 23 3" xfId="4270"/>
    <cellStyle name="Обычный 2 2 23 3 2" xfId="4271"/>
    <cellStyle name="Обычный 2 2 23 4" xfId="4272"/>
    <cellStyle name="Обычный 2 2 23 4 2" xfId="4273"/>
    <cellStyle name="Обычный 2 2 23 5" xfId="4274"/>
    <cellStyle name="Обычный 2 2 23 5 2" xfId="4275"/>
    <cellStyle name="Обычный 2 2 23 6" xfId="4276"/>
    <cellStyle name="Обычный 2 2 24" xfId="4277"/>
    <cellStyle name="Обычный 2 2 24 2" xfId="4278"/>
    <cellStyle name="Обычный 2 2 24 2 2" xfId="4279"/>
    <cellStyle name="Обычный 2 2 24 2 2 2" xfId="4280"/>
    <cellStyle name="Обычный 2 2 24 2 3" xfId="4281"/>
    <cellStyle name="Обычный 2 2 24 2 3 2" xfId="4282"/>
    <cellStyle name="Обычный 2 2 24 2 4" xfId="4283"/>
    <cellStyle name="Обычный 2 2 24 3" xfId="4284"/>
    <cellStyle name="Обычный 2 2 24 3 2" xfId="4285"/>
    <cellStyle name="Обычный 2 2 24 4" xfId="4286"/>
    <cellStyle name="Обычный 2 2 24 4 2" xfId="4287"/>
    <cellStyle name="Обычный 2 2 24 5" xfId="4288"/>
    <cellStyle name="Обычный 2 2 24 5 2" xfId="4289"/>
    <cellStyle name="Обычный 2 2 24 6" xfId="4290"/>
    <cellStyle name="Обычный 2 2 25" xfId="4291"/>
    <cellStyle name="Обычный 2 2 25 2" xfId="4292"/>
    <cellStyle name="Обычный 2 2 25 2 2" xfId="4293"/>
    <cellStyle name="Обычный 2 2 25 2 2 2" xfId="4294"/>
    <cellStyle name="Обычный 2 2 25 2 3" xfId="4295"/>
    <cellStyle name="Обычный 2 2 25 2 3 2" xfId="4296"/>
    <cellStyle name="Обычный 2 2 25 2 4" xfId="4297"/>
    <cellStyle name="Обычный 2 2 25 3" xfId="4298"/>
    <cellStyle name="Обычный 2 2 25 3 2" xfId="4299"/>
    <cellStyle name="Обычный 2 2 25 4" xfId="4300"/>
    <cellStyle name="Обычный 2 2 25 4 2" xfId="4301"/>
    <cellStyle name="Обычный 2 2 25 5" xfId="4302"/>
    <cellStyle name="Обычный 2 2 25 5 2" xfId="4303"/>
    <cellStyle name="Обычный 2 2 25 6" xfId="4304"/>
    <cellStyle name="Обычный 2 2 26" xfId="4305"/>
    <cellStyle name="Обычный 2 2 26 2" xfId="4306"/>
    <cellStyle name="Обычный 2 2 26 2 2" xfId="4307"/>
    <cellStyle name="Обычный 2 2 26 2 2 2" xfId="4308"/>
    <cellStyle name="Обычный 2 2 26 2 3" xfId="4309"/>
    <cellStyle name="Обычный 2 2 26 2 3 2" xfId="4310"/>
    <cellStyle name="Обычный 2 2 26 2 4" xfId="4311"/>
    <cellStyle name="Обычный 2 2 26 3" xfId="4312"/>
    <cellStyle name="Обычный 2 2 26 3 2" xfId="4313"/>
    <cellStyle name="Обычный 2 2 26 4" xfId="4314"/>
    <cellStyle name="Обычный 2 2 26 4 2" xfId="4315"/>
    <cellStyle name="Обычный 2 2 26 5" xfId="4316"/>
    <cellStyle name="Обычный 2 2 26 5 2" xfId="4317"/>
    <cellStyle name="Обычный 2 2 26 6" xfId="4318"/>
    <cellStyle name="Обычный 2 2 27" xfId="4319"/>
    <cellStyle name="Обычный 2 2 27 2" xfId="4320"/>
    <cellStyle name="Обычный 2 2 27 2 2" xfId="4321"/>
    <cellStyle name="Обычный 2 2 27 3" xfId="4322"/>
    <cellStyle name="Обычный 2 2 27 3 2" xfId="4323"/>
    <cellStyle name="Обычный 2 2 27 4" xfId="4324"/>
    <cellStyle name="Обычный 2 2 28" xfId="4325"/>
    <cellStyle name="Обычный 2 2 28 2" xfId="4326"/>
    <cellStyle name="Обычный 2 2 28 2 2" xfId="4327"/>
    <cellStyle name="Обычный 2 2 28 3" xfId="4328"/>
    <cellStyle name="Обычный 2 2 29" xfId="4329"/>
    <cellStyle name="Обычный 2 2 29 2" xfId="4330"/>
    <cellStyle name="Обычный 2 2 3" xfId="4331"/>
    <cellStyle name="Обычный 2 2 3 10" xfId="4332"/>
    <cellStyle name="Обычный 2 2 3 10 2" xfId="4333"/>
    <cellStyle name="Обычный 2 2 3 10 2 2" xfId="4334"/>
    <cellStyle name="Обычный 2 2 3 10 3" xfId="4335"/>
    <cellStyle name="Обычный 2 2 3 11" xfId="4336"/>
    <cellStyle name="Обычный 2 2 3 11 2" xfId="4337"/>
    <cellStyle name="Обычный 2 2 3 12" xfId="4338"/>
    <cellStyle name="Обычный 2 2 3 12 2" xfId="4339"/>
    <cellStyle name="Обычный 2 2 3 13" xfId="4340"/>
    <cellStyle name="Обычный 2 2 3 14" xfId="4341"/>
    <cellStyle name="Обычный 2 2 3 2" xfId="4342"/>
    <cellStyle name="Обычный 2 2 3 2 10" xfId="4343"/>
    <cellStyle name="Обычный 2 2 3 2 10 2" xfId="4344"/>
    <cellStyle name="Обычный 2 2 3 2 11" xfId="4345"/>
    <cellStyle name="Обычный 2 2 3 2 11 2" xfId="4346"/>
    <cellStyle name="Обычный 2 2 3 2 12" xfId="4347"/>
    <cellStyle name="Обычный 2 2 3 2 13" xfId="4348"/>
    <cellStyle name="Обычный 2 2 3 2 2" xfId="4349"/>
    <cellStyle name="Обычный 2 2 3 2 2 10" xfId="4350"/>
    <cellStyle name="Обычный 2 2 3 2 2 2" xfId="4351"/>
    <cellStyle name="Обычный 2 2 3 2 2 2 2" xfId="4352"/>
    <cellStyle name="Обычный 2 2 3 2 2 2 2 2" xfId="4353"/>
    <cellStyle name="Обычный 2 2 3 2 2 2 2 2 2" xfId="4354"/>
    <cellStyle name="Обычный 2 2 3 2 2 2 2 3" xfId="4355"/>
    <cellStyle name="Обычный 2 2 3 2 2 2 2 3 2" xfId="4356"/>
    <cellStyle name="Обычный 2 2 3 2 2 2 2 4" xfId="4357"/>
    <cellStyle name="Обычный 2 2 3 2 2 2 3" xfId="4358"/>
    <cellStyle name="Обычный 2 2 3 2 2 2 3 2" xfId="4359"/>
    <cellStyle name="Обычный 2 2 3 2 2 2 4" xfId="4360"/>
    <cellStyle name="Обычный 2 2 3 2 2 2 4 2" xfId="4361"/>
    <cellStyle name="Обычный 2 2 3 2 2 2 5" xfId="4362"/>
    <cellStyle name="Обычный 2 2 3 2 2 2 5 2" xfId="4363"/>
    <cellStyle name="Обычный 2 2 3 2 2 2 6" xfId="4364"/>
    <cellStyle name="Обычный 2 2 3 2 2 3" xfId="4365"/>
    <cellStyle name="Обычный 2 2 3 2 2 3 2" xfId="4366"/>
    <cellStyle name="Обычный 2 2 3 2 2 3 2 2" xfId="4367"/>
    <cellStyle name="Обычный 2 2 3 2 2 3 2 2 2" xfId="4368"/>
    <cellStyle name="Обычный 2 2 3 2 2 3 2 3" xfId="4369"/>
    <cellStyle name="Обычный 2 2 3 2 2 3 2 3 2" xfId="4370"/>
    <cellStyle name="Обычный 2 2 3 2 2 3 2 4" xfId="4371"/>
    <cellStyle name="Обычный 2 2 3 2 2 3 3" xfId="4372"/>
    <cellStyle name="Обычный 2 2 3 2 2 3 3 2" xfId="4373"/>
    <cellStyle name="Обычный 2 2 3 2 2 3 4" xfId="4374"/>
    <cellStyle name="Обычный 2 2 3 2 2 3 4 2" xfId="4375"/>
    <cellStyle name="Обычный 2 2 3 2 2 3 5" xfId="4376"/>
    <cellStyle name="Обычный 2 2 3 2 2 3 5 2" xfId="4377"/>
    <cellStyle name="Обычный 2 2 3 2 2 3 6" xfId="4378"/>
    <cellStyle name="Обычный 2 2 3 2 2 4" xfId="4379"/>
    <cellStyle name="Обычный 2 2 3 2 2 4 2" xfId="4380"/>
    <cellStyle name="Обычный 2 2 3 2 2 4 2 2" xfId="4381"/>
    <cellStyle name="Обычный 2 2 3 2 2 4 2 2 2" xfId="4382"/>
    <cellStyle name="Обычный 2 2 3 2 2 4 2 3" xfId="4383"/>
    <cellStyle name="Обычный 2 2 3 2 2 4 2 3 2" xfId="4384"/>
    <cellStyle name="Обычный 2 2 3 2 2 4 2 4" xfId="4385"/>
    <cellStyle name="Обычный 2 2 3 2 2 4 3" xfId="4386"/>
    <cellStyle name="Обычный 2 2 3 2 2 4 3 2" xfId="4387"/>
    <cellStyle name="Обычный 2 2 3 2 2 4 4" xfId="4388"/>
    <cellStyle name="Обычный 2 2 3 2 2 4 4 2" xfId="4389"/>
    <cellStyle name="Обычный 2 2 3 2 2 4 5" xfId="4390"/>
    <cellStyle name="Обычный 2 2 3 2 2 4 5 2" xfId="4391"/>
    <cellStyle name="Обычный 2 2 3 2 2 4 6" xfId="4392"/>
    <cellStyle name="Обычный 2 2 3 2 2 5" xfId="4393"/>
    <cellStyle name="Обычный 2 2 3 2 2 5 2" xfId="4394"/>
    <cellStyle name="Обычный 2 2 3 2 2 5 2 2" xfId="4395"/>
    <cellStyle name="Обычный 2 2 3 2 2 5 2 2 2" xfId="4396"/>
    <cellStyle name="Обычный 2 2 3 2 2 5 2 3" xfId="4397"/>
    <cellStyle name="Обычный 2 2 3 2 2 5 2 3 2" xfId="4398"/>
    <cellStyle name="Обычный 2 2 3 2 2 5 2 4" xfId="4399"/>
    <cellStyle name="Обычный 2 2 3 2 2 5 3" xfId="4400"/>
    <cellStyle name="Обычный 2 2 3 2 2 5 3 2" xfId="4401"/>
    <cellStyle name="Обычный 2 2 3 2 2 5 4" xfId="4402"/>
    <cellStyle name="Обычный 2 2 3 2 2 5 4 2" xfId="4403"/>
    <cellStyle name="Обычный 2 2 3 2 2 5 5" xfId="4404"/>
    <cellStyle name="Обычный 2 2 3 2 2 5 5 2" xfId="4405"/>
    <cellStyle name="Обычный 2 2 3 2 2 5 6" xfId="4406"/>
    <cellStyle name="Обычный 2 2 3 2 2 6" xfId="4407"/>
    <cellStyle name="Обычный 2 2 3 2 2 6 2" xfId="4408"/>
    <cellStyle name="Обычный 2 2 3 2 2 6 2 2" xfId="4409"/>
    <cellStyle name="Обычный 2 2 3 2 2 6 3" xfId="4410"/>
    <cellStyle name="Обычный 2 2 3 2 2 6 3 2" xfId="4411"/>
    <cellStyle name="Обычный 2 2 3 2 2 6 4" xfId="4412"/>
    <cellStyle name="Обычный 2 2 3 2 2 7" xfId="4413"/>
    <cellStyle name="Обычный 2 2 3 2 2 7 2" xfId="4414"/>
    <cellStyle name="Обычный 2 2 3 2 2 8" xfId="4415"/>
    <cellStyle name="Обычный 2 2 3 2 2 8 2" xfId="4416"/>
    <cellStyle name="Обычный 2 2 3 2 2 9" xfId="4417"/>
    <cellStyle name="Обычный 2 2 3 2 2 9 2" xfId="4418"/>
    <cellStyle name="Обычный 2 2 3 2 3" xfId="4419"/>
    <cellStyle name="Обычный 2 2 3 2 3 2" xfId="4420"/>
    <cellStyle name="Обычный 2 2 3 2 3 2 2" xfId="4421"/>
    <cellStyle name="Обычный 2 2 3 2 3 2 2 2" xfId="4422"/>
    <cellStyle name="Обычный 2 2 3 2 3 2 2 2 2" xfId="4423"/>
    <cellStyle name="Обычный 2 2 3 2 3 2 2 3" xfId="4424"/>
    <cellStyle name="Обычный 2 2 3 2 3 2 2 3 2" xfId="4425"/>
    <cellStyle name="Обычный 2 2 3 2 3 2 2 4" xfId="4426"/>
    <cellStyle name="Обычный 2 2 3 2 3 2 3" xfId="4427"/>
    <cellStyle name="Обычный 2 2 3 2 3 2 3 2" xfId="4428"/>
    <cellStyle name="Обычный 2 2 3 2 3 2 4" xfId="4429"/>
    <cellStyle name="Обычный 2 2 3 2 3 2 4 2" xfId="4430"/>
    <cellStyle name="Обычный 2 2 3 2 3 2 5" xfId="4431"/>
    <cellStyle name="Обычный 2 2 3 2 3 2 5 2" xfId="4432"/>
    <cellStyle name="Обычный 2 2 3 2 3 2 6" xfId="4433"/>
    <cellStyle name="Обычный 2 2 3 2 3 3" xfId="4434"/>
    <cellStyle name="Обычный 2 2 3 2 3 3 2" xfId="4435"/>
    <cellStyle name="Обычный 2 2 3 2 3 3 2 2" xfId="4436"/>
    <cellStyle name="Обычный 2 2 3 2 3 3 2 2 2" xfId="4437"/>
    <cellStyle name="Обычный 2 2 3 2 3 3 2 3" xfId="4438"/>
    <cellStyle name="Обычный 2 2 3 2 3 3 2 3 2" xfId="4439"/>
    <cellStyle name="Обычный 2 2 3 2 3 3 2 4" xfId="4440"/>
    <cellStyle name="Обычный 2 2 3 2 3 3 3" xfId="4441"/>
    <cellStyle name="Обычный 2 2 3 2 3 3 3 2" xfId="4442"/>
    <cellStyle name="Обычный 2 2 3 2 3 3 4" xfId="4443"/>
    <cellStyle name="Обычный 2 2 3 2 3 3 4 2" xfId="4444"/>
    <cellStyle name="Обычный 2 2 3 2 3 3 5" xfId="4445"/>
    <cellStyle name="Обычный 2 2 3 2 3 3 5 2" xfId="4446"/>
    <cellStyle name="Обычный 2 2 3 2 3 3 6" xfId="4447"/>
    <cellStyle name="Обычный 2 2 3 2 3 4" xfId="4448"/>
    <cellStyle name="Обычный 2 2 3 2 3 4 2" xfId="4449"/>
    <cellStyle name="Обычный 2 2 3 2 3 4 2 2" xfId="4450"/>
    <cellStyle name="Обычный 2 2 3 2 3 4 2 2 2" xfId="4451"/>
    <cellStyle name="Обычный 2 2 3 2 3 4 2 3" xfId="4452"/>
    <cellStyle name="Обычный 2 2 3 2 3 4 2 3 2" xfId="4453"/>
    <cellStyle name="Обычный 2 2 3 2 3 4 2 4" xfId="4454"/>
    <cellStyle name="Обычный 2 2 3 2 3 4 3" xfId="4455"/>
    <cellStyle name="Обычный 2 2 3 2 3 4 3 2" xfId="4456"/>
    <cellStyle name="Обычный 2 2 3 2 3 4 4" xfId="4457"/>
    <cellStyle name="Обычный 2 2 3 2 3 4 4 2" xfId="4458"/>
    <cellStyle name="Обычный 2 2 3 2 3 4 5" xfId="4459"/>
    <cellStyle name="Обычный 2 2 3 2 3 4 5 2" xfId="4460"/>
    <cellStyle name="Обычный 2 2 3 2 3 4 6" xfId="4461"/>
    <cellStyle name="Обычный 2 2 3 2 3 5" xfId="4462"/>
    <cellStyle name="Обычный 2 2 3 2 3 5 2" xfId="4463"/>
    <cellStyle name="Обычный 2 2 3 2 3 5 2 2" xfId="4464"/>
    <cellStyle name="Обычный 2 2 3 2 3 5 3" xfId="4465"/>
    <cellStyle name="Обычный 2 2 3 2 3 5 3 2" xfId="4466"/>
    <cellStyle name="Обычный 2 2 3 2 3 5 4" xfId="4467"/>
    <cellStyle name="Обычный 2 2 3 2 3 6" xfId="4468"/>
    <cellStyle name="Обычный 2 2 3 2 3 6 2" xfId="4469"/>
    <cellStyle name="Обычный 2 2 3 2 3 7" xfId="4470"/>
    <cellStyle name="Обычный 2 2 3 2 3 7 2" xfId="4471"/>
    <cellStyle name="Обычный 2 2 3 2 3 8" xfId="4472"/>
    <cellStyle name="Обычный 2 2 3 2 3 8 2" xfId="4473"/>
    <cellStyle name="Обычный 2 2 3 2 3 9" xfId="4474"/>
    <cellStyle name="Обычный 2 2 3 2 4" xfId="4475"/>
    <cellStyle name="Обычный 2 2 3 2 4 2" xfId="4476"/>
    <cellStyle name="Обычный 2 2 3 2 4 2 2" xfId="4477"/>
    <cellStyle name="Обычный 2 2 3 2 4 2 2 2" xfId="4478"/>
    <cellStyle name="Обычный 2 2 3 2 4 2 3" xfId="4479"/>
    <cellStyle name="Обычный 2 2 3 2 4 2 3 2" xfId="4480"/>
    <cellStyle name="Обычный 2 2 3 2 4 2 4" xfId="4481"/>
    <cellStyle name="Обычный 2 2 3 2 4 3" xfId="4482"/>
    <cellStyle name="Обычный 2 2 3 2 4 3 2" xfId="4483"/>
    <cellStyle name="Обычный 2 2 3 2 4 4" xfId="4484"/>
    <cellStyle name="Обычный 2 2 3 2 4 4 2" xfId="4485"/>
    <cellStyle name="Обычный 2 2 3 2 4 5" xfId="4486"/>
    <cellStyle name="Обычный 2 2 3 2 4 5 2" xfId="4487"/>
    <cellStyle name="Обычный 2 2 3 2 4 6" xfId="4488"/>
    <cellStyle name="Обычный 2 2 3 2 5" xfId="4489"/>
    <cellStyle name="Обычный 2 2 3 2 5 2" xfId="4490"/>
    <cellStyle name="Обычный 2 2 3 2 5 2 2" xfId="4491"/>
    <cellStyle name="Обычный 2 2 3 2 5 2 2 2" xfId="4492"/>
    <cellStyle name="Обычный 2 2 3 2 5 2 3" xfId="4493"/>
    <cellStyle name="Обычный 2 2 3 2 5 2 3 2" xfId="4494"/>
    <cellStyle name="Обычный 2 2 3 2 5 2 4" xfId="4495"/>
    <cellStyle name="Обычный 2 2 3 2 5 3" xfId="4496"/>
    <cellStyle name="Обычный 2 2 3 2 5 3 2" xfId="4497"/>
    <cellStyle name="Обычный 2 2 3 2 5 4" xfId="4498"/>
    <cellStyle name="Обычный 2 2 3 2 5 4 2" xfId="4499"/>
    <cellStyle name="Обычный 2 2 3 2 5 5" xfId="4500"/>
    <cellStyle name="Обычный 2 2 3 2 5 5 2" xfId="4501"/>
    <cellStyle name="Обычный 2 2 3 2 5 6" xfId="4502"/>
    <cellStyle name="Обычный 2 2 3 2 6" xfId="4503"/>
    <cellStyle name="Обычный 2 2 3 2 6 2" xfId="4504"/>
    <cellStyle name="Обычный 2 2 3 2 6 2 2" xfId="4505"/>
    <cellStyle name="Обычный 2 2 3 2 6 2 2 2" xfId="4506"/>
    <cellStyle name="Обычный 2 2 3 2 6 2 3" xfId="4507"/>
    <cellStyle name="Обычный 2 2 3 2 6 2 3 2" xfId="4508"/>
    <cellStyle name="Обычный 2 2 3 2 6 2 4" xfId="4509"/>
    <cellStyle name="Обычный 2 2 3 2 6 3" xfId="4510"/>
    <cellStyle name="Обычный 2 2 3 2 6 3 2" xfId="4511"/>
    <cellStyle name="Обычный 2 2 3 2 6 4" xfId="4512"/>
    <cellStyle name="Обычный 2 2 3 2 6 4 2" xfId="4513"/>
    <cellStyle name="Обычный 2 2 3 2 6 5" xfId="4514"/>
    <cellStyle name="Обычный 2 2 3 2 6 5 2" xfId="4515"/>
    <cellStyle name="Обычный 2 2 3 2 6 6" xfId="4516"/>
    <cellStyle name="Обычный 2 2 3 2 7" xfId="4517"/>
    <cellStyle name="Обычный 2 2 3 2 7 2" xfId="4518"/>
    <cellStyle name="Обычный 2 2 3 2 7 2 2" xfId="4519"/>
    <cellStyle name="Обычный 2 2 3 2 7 2 2 2" xfId="4520"/>
    <cellStyle name="Обычный 2 2 3 2 7 2 3" xfId="4521"/>
    <cellStyle name="Обычный 2 2 3 2 7 2 3 2" xfId="4522"/>
    <cellStyle name="Обычный 2 2 3 2 7 2 4" xfId="4523"/>
    <cellStyle name="Обычный 2 2 3 2 7 3" xfId="4524"/>
    <cellStyle name="Обычный 2 2 3 2 7 3 2" xfId="4525"/>
    <cellStyle name="Обычный 2 2 3 2 7 4" xfId="4526"/>
    <cellStyle name="Обычный 2 2 3 2 7 4 2" xfId="4527"/>
    <cellStyle name="Обычный 2 2 3 2 7 5" xfId="4528"/>
    <cellStyle name="Обычный 2 2 3 2 7 5 2" xfId="4529"/>
    <cellStyle name="Обычный 2 2 3 2 7 6" xfId="4530"/>
    <cellStyle name="Обычный 2 2 3 2 8" xfId="4531"/>
    <cellStyle name="Обычный 2 2 3 2 8 2" xfId="4532"/>
    <cellStyle name="Обычный 2 2 3 2 8 2 2" xfId="4533"/>
    <cellStyle name="Обычный 2 2 3 2 8 3" xfId="4534"/>
    <cellStyle name="Обычный 2 2 3 2 8 3 2" xfId="4535"/>
    <cellStyle name="Обычный 2 2 3 2 8 4" xfId="4536"/>
    <cellStyle name="Обычный 2 2 3 2 9" xfId="4537"/>
    <cellStyle name="Обычный 2 2 3 2 9 2" xfId="4538"/>
    <cellStyle name="Обычный 2 2 3 2 9 2 2" xfId="4539"/>
    <cellStyle name="Обычный 2 2 3 2 9 3" xfId="4540"/>
    <cellStyle name="Обычный 2 2 3 3" xfId="4541"/>
    <cellStyle name="Обычный 2 2 3 3 10" xfId="4542"/>
    <cellStyle name="Обычный 2 2 3 3 2" xfId="4543"/>
    <cellStyle name="Обычный 2 2 3 3 2 2" xfId="4544"/>
    <cellStyle name="Обычный 2 2 3 3 2 2 2" xfId="4545"/>
    <cellStyle name="Обычный 2 2 3 3 2 2 2 2" xfId="4546"/>
    <cellStyle name="Обычный 2 2 3 3 2 2 3" xfId="4547"/>
    <cellStyle name="Обычный 2 2 3 3 2 2 3 2" xfId="4548"/>
    <cellStyle name="Обычный 2 2 3 3 2 2 4" xfId="4549"/>
    <cellStyle name="Обычный 2 2 3 3 2 3" xfId="4550"/>
    <cellStyle name="Обычный 2 2 3 3 2 3 2" xfId="4551"/>
    <cellStyle name="Обычный 2 2 3 3 2 4" xfId="4552"/>
    <cellStyle name="Обычный 2 2 3 3 2 4 2" xfId="4553"/>
    <cellStyle name="Обычный 2 2 3 3 2 5" xfId="4554"/>
    <cellStyle name="Обычный 2 2 3 3 2 5 2" xfId="4555"/>
    <cellStyle name="Обычный 2 2 3 3 2 6" xfId="4556"/>
    <cellStyle name="Обычный 2 2 3 3 3" xfId="4557"/>
    <cellStyle name="Обычный 2 2 3 3 3 2" xfId="4558"/>
    <cellStyle name="Обычный 2 2 3 3 3 2 2" xfId="4559"/>
    <cellStyle name="Обычный 2 2 3 3 3 2 2 2" xfId="4560"/>
    <cellStyle name="Обычный 2 2 3 3 3 2 3" xfId="4561"/>
    <cellStyle name="Обычный 2 2 3 3 3 2 3 2" xfId="4562"/>
    <cellStyle name="Обычный 2 2 3 3 3 2 4" xfId="4563"/>
    <cellStyle name="Обычный 2 2 3 3 3 3" xfId="4564"/>
    <cellStyle name="Обычный 2 2 3 3 3 3 2" xfId="4565"/>
    <cellStyle name="Обычный 2 2 3 3 3 4" xfId="4566"/>
    <cellStyle name="Обычный 2 2 3 3 3 4 2" xfId="4567"/>
    <cellStyle name="Обычный 2 2 3 3 3 5" xfId="4568"/>
    <cellStyle name="Обычный 2 2 3 3 3 5 2" xfId="4569"/>
    <cellStyle name="Обычный 2 2 3 3 3 6" xfId="4570"/>
    <cellStyle name="Обычный 2 2 3 3 4" xfId="4571"/>
    <cellStyle name="Обычный 2 2 3 3 4 2" xfId="4572"/>
    <cellStyle name="Обычный 2 2 3 3 4 2 2" xfId="4573"/>
    <cellStyle name="Обычный 2 2 3 3 4 2 2 2" xfId="4574"/>
    <cellStyle name="Обычный 2 2 3 3 4 2 3" xfId="4575"/>
    <cellStyle name="Обычный 2 2 3 3 4 2 3 2" xfId="4576"/>
    <cellStyle name="Обычный 2 2 3 3 4 2 4" xfId="4577"/>
    <cellStyle name="Обычный 2 2 3 3 4 3" xfId="4578"/>
    <cellStyle name="Обычный 2 2 3 3 4 3 2" xfId="4579"/>
    <cellStyle name="Обычный 2 2 3 3 4 4" xfId="4580"/>
    <cellStyle name="Обычный 2 2 3 3 4 4 2" xfId="4581"/>
    <cellStyle name="Обычный 2 2 3 3 4 5" xfId="4582"/>
    <cellStyle name="Обычный 2 2 3 3 4 5 2" xfId="4583"/>
    <cellStyle name="Обычный 2 2 3 3 4 6" xfId="4584"/>
    <cellStyle name="Обычный 2 2 3 3 5" xfId="4585"/>
    <cellStyle name="Обычный 2 2 3 3 5 2" xfId="4586"/>
    <cellStyle name="Обычный 2 2 3 3 5 2 2" xfId="4587"/>
    <cellStyle name="Обычный 2 2 3 3 5 2 2 2" xfId="4588"/>
    <cellStyle name="Обычный 2 2 3 3 5 2 3" xfId="4589"/>
    <cellStyle name="Обычный 2 2 3 3 5 2 3 2" xfId="4590"/>
    <cellStyle name="Обычный 2 2 3 3 5 2 4" xfId="4591"/>
    <cellStyle name="Обычный 2 2 3 3 5 3" xfId="4592"/>
    <cellStyle name="Обычный 2 2 3 3 5 3 2" xfId="4593"/>
    <cellStyle name="Обычный 2 2 3 3 5 4" xfId="4594"/>
    <cellStyle name="Обычный 2 2 3 3 5 4 2" xfId="4595"/>
    <cellStyle name="Обычный 2 2 3 3 5 5" xfId="4596"/>
    <cellStyle name="Обычный 2 2 3 3 5 5 2" xfId="4597"/>
    <cellStyle name="Обычный 2 2 3 3 5 6" xfId="4598"/>
    <cellStyle name="Обычный 2 2 3 3 6" xfId="4599"/>
    <cellStyle name="Обычный 2 2 3 3 6 2" xfId="4600"/>
    <cellStyle name="Обычный 2 2 3 3 6 2 2" xfId="4601"/>
    <cellStyle name="Обычный 2 2 3 3 6 3" xfId="4602"/>
    <cellStyle name="Обычный 2 2 3 3 6 3 2" xfId="4603"/>
    <cellStyle name="Обычный 2 2 3 3 6 4" xfId="4604"/>
    <cellStyle name="Обычный 2 2 3 3 7" xfId="4605"/>
    <cellStyle name="Обычный 2 2 3 3 7 2" xfId="4606"/>
    <cellStyle name="Обычный 2 2 3 3 8" xfId="4607"/>
    <cellStyle name="Обычный 2 2 3 3 8 2" xfId="4608"/>
    <cellStyle name="Обычный 2 2 3 3 9" xfId="4609"/>
    <cellStyle name="Обычный 2 2 3 3 9 2" xfId="4610"/>
    <cellStyle name="Обычный 2 2 3 4" xfId="4611"/>
    <cellStyle name="Обычный 2 2 3 4 2" xfId="4612"/>
    <cellStyle name="Обычный 2 2 3 4 2 2" xfId="4613"/>
    <cellStyle name="Обычный 2 2 3 4 2 2 2" xfId="4614"/>
    <cellStyle name="Обычный 2 2 3 4 2 2 2 2" xfId="4615"/>
    <cellStyle name="Обычный 2 2 3 4 2 2 3" xfId="4616"/>
    <cellStyle name="Обычный 2 2 3 4 2 2 3 2" xfId="4617"/>
    <cellStyle name="Обычный 2 2 3 4 2 2 4" xfId="4618"/>
    <cellStyle name="Обычный 2 2 3 4 2 3" xfId="4619"/>
    <cellStyle name="Обычный 2 2 3 4 2 3 2" xfId="4620"/>
    <cellStyle name="Обычный 2 2 3 4 2 4" xfId="4621"/>
    <cellStyle name="Обычный 2 2 3 4 2 4 2" xfId="4622"/>
    <cellStyle name="Обычный 2 2 3 4 2 5" xfId="4623"/>
    <cellStyle name="Обычный 2 2 3 4 2 5 2" xfId="4624"/>
    <cellStyle name="Обычный 2 2 3 4 2 6" xfId="4625"/>
    <cellStyle name="Обычный 2 2 3 4 3" xfId="4626"/>
    <cellStyle name="Обычный 2 2 3 4 3 2" xfId="4627"/>
    <cellStyle name="Обычный 2 2 3 4 3 2 2" xfId="4628"/>
    <cellStyle name="Обычный 2 2 3 4 3 2 2 2" xfId="4629"/>
    <cellStyle name="Обычный 2 2 3 4 3 2 3" xfId="4630"/>
    <cellStyle name="Обычный 2 2 3 4 3 2 3 2" xfId="4631"/>
    <cellStyle name="Обычный 2 2 3 4 3 2 4" xfId="4632"/>
    <cellStyle name="Обычный 2 2 3 4 3 3" xfId="4633"/>
    <cellStyle name="Обычный 2 2 3 4 3 3 2" xfId="4634"/>
    <cellStyle name="Обычный 2 2 3 4 3 4" xfId="4635"/>
    <cellStyle name="Обычный 2 2 3 4 3 4 2" xfId="4636"/>
    <cellStyle name="Обычный 2 2 3 4 3 5" xfId="4637"/>
    <cellStyle name="Обычный 2 2 3 4 3 5 2" xfId="4638"/>
    <cellStyle name="Обычный 2 2 3 4 3 6" xfId="4639"/>
    <cellStyle name="Обычный 2 2 3 4 4" xfId="4640"/>
    <cellStyle name="Обычный 2 2 3 4 4 2" xfId="4641"/>
    <cellStyle name="Обычный 2 2 3 4 4 2 2" xfId="4642"/>
    <cellStyle name="Обычный 2 2 3 4 4 2 2 2" xfId="4643"/>
    <cellStyle name="Обычный 2 2 3 4 4 2 3" xfId="4644"/>
    <cellStyle name="Обычный 2 2 3 4 4 2 3 2" xfId="4645"/>
    <cellStyle name="Обычный 2 2 3 4 4 2 4" xfId="4646"/>
    <cellStyle name="Обычный 2 2 3 4 4 3" xfId="4647"/>
    <cellStyle name="Обычный 2 2 3 4 4 3 2" xfId="4648"/>
    <cellStyle name="Обычный 2 2 3 4 4 4" xfId="4649"/>
    <cellStyle name="Обычный 2 2 3 4 4 4 2" xfId="4650"/>
    <cellStyle name="Обычный 2 2 3 4 4 5" xfId="4651"/>
    <cellStyle name="Обычный 2 2 3 4 4 5 2" xfId="4652"/>
    <cellStyle name="Обычный 2 2 3 4 4 6" xfId="4653"/>
    <cellStyle name="Обычный 2 2 3 4 5" xfId="4654"/>
    <cellStyle name="Обычный 2 2 3 4 5 2" xfId="4655"/>
    <cellStyle name="Обычный 2 2 3 4 5 2 2" xfId="4656"/>
    <cellStyle name="Обычный 2 2 3 4 5 3" xfId="4657"/>
    <cellStyle name="Обычный 2 2 3 4 5 3 2" xfId="4658"/>
    <cellStyle name="Обычный 2 2 3 4 5 4" xfId="4659"/>
    <cellStyle name="Обычный 2 2 3 4 6" xfId="4660"/>
    <cellStyle name="Обычный 2 2 3 4 6 2" xfId="4661"/>
    <cellStyle name="Обычный 2 2 3 4 7" xfId="4662"/>
    <cellStyle name="Обычный 2 2 3 4 7 2" xfId="4663"/>
    <cellStyle name="Обычный 2 2 3 4 8" xfId="4664"/>
    <cellStyle name="Обычный 2 2 3 4 8 2" xfId="4665"/>
    <cellStyle name="Обычный 2 2 3 4 9" xfId="4666"/>
    <cellStyle name="Обычный 2 2 3 5" xfId="4667"/>
    <cellStyle name="Обычный 2 2 3 5 2" xfId="4668"/>
    <cellStyle name="Обычный 2 2 3 5 2 2" xfId="4669"/>
    <cellStyle name="Обычный 2 2 3 5 2 2 2" xfId="4670"/>
    <cellStyle name="Обычный 2 2 3 5 2 3" xfId="4671"/>
    <cellStyle name="Обычный 2 2 3 5 2 3 2" xfId="4672"/>
    <cellStyle name="Обычный 2 2 3 5 2 4" xfId="4673"/>
    <cellStyle name="Обычный 2 2 3 5 3" xfId="4674"/>
    <cellStyle name="Обычный 2 2 3 5 3 2" xfId="4675"/>
    <cellStyle name="Обычный 2 2 3 5 4" xfId="4676"/>
    <cellStyle name="Обычный 2 2 3 5 4 2" xfId="4677"/>
    <cellStyle name="Обычный 2 2 3 5 5" xfId="4678"/>
    <cellStyle name="Обычный 2 2 3 5 5 2" xfId="4679"/>
    <cellStyle name="Обычный 2 2 3 5 6" xfId="4680"/>
    <cellStyle name="Обычный 2 2 3 6" xfId="4681"/>
    <cellStyle name="Обычный 2 2 3 6 2" xfId="4682"/>
    <cellStyle name="Обычный 2 2 3 6 2 2" xfId="4683"/>
    <cellStyle name="Обычный 2 2 3 6 2 2 2" xfId="4684"/>
    <cellStyle name="Обычный 2 2 3 6 2 3" xfId="4685"/>
    <cellStyle name="Обычный 2 2 3 6 2 3 2" xfId="4686"/>
    <cellStyle name="Обычный 2 2 3 6 2 4" xfId="4687"/>
    <cellStyle name="Обычный 2 2 3 6 3" xfId="4688"/>
    <cellStyle name="Обычный 2 2 3 6 3 2" xfId="4689"/>
    <cellStyle name="Обычный 2 2 3 6 4" xfId="4690"/>
    <cellStyle name="Обычный 2 2 3 6 4 2" xfId="4691"/>
    <cellStyle name="Обычный 2 2 3 6 5" xfId="4692"/>
    <cellStyle name="Обычный 2 2 3 6 5 2" xfId="4693"/>
    <cellStyle name="Обычный 2 2 3 6 6" xfId="4694"/>
    <cellStyle name="Обычный 2 2 3 7" xfId="4695"/>
    <cellStyle name="Обычный 2 2 3 7 2" xfId="4696"/>
    <cellStyle name="Обычный 2 2 3 7 2 2" xfId="4697"/>
    <cellStyle name="Обычный 2 2 3 7 2 2 2" xfId="4698"/>
    <cellStyle name="Обычный 2 2 3 7 2 3" xfId="4699"/>
    <cellStyle name="Обычный 2 2 3 7 2 3 2" xfId="4700"/>
    <cellStyle name="Обычный 2 2 3 7 2 4" xfId="4701"/>
    <cellStyle name="Обычный 2 2 3 7 3" xfId="4702"/>
    <cellStyle name="Обычный 2 2 3 7 3 2" xfId="4703"/>
    <cellStyle name="Обычный 2 2 3 7 4" xfId="4704"/>
    <cellStyle name="Обычный 2 2 3 7 4 2" xfId="4705"/>
    <cellStyle name="Обычный 2 2 3 7 5" xfId="4706"/>
    <cellStyle name="Обычный 2 2 3 7 5 2" xfId="4707"/>
    <cellStyle name="Обычный 2 2 3 7 6" xfId="4708"/>
    <cellStyle name="Обычный 2 2 3 8" xfId="4709"/>
    <cellStyle name="Обычный 2 2 3 8 2" xfId="4710"/>
    <cellStyle name="Обычный 2 2 3 8 2 2" xfId="4711"/>
    <cellStyle name="Обычный 2 2 3 8 2 2 2" xfId="4712"/>
    <cellStyle name="Обычный 2 2 3 8 2 3" xfId="4713"/>
    <cellStyle name="Обычный 2 2 3 8 2 3 2" xfId="4714"/>
    <cellStyle name="Обычный 2 2 3 8 2 4" xfId="4715"/>
    <cellStyle name="Обычный 2 2 3 8 3" xfId="4716"/>
    <cellStyle name="Обычный 2 2 3 8 3 2" xfId="4717"/>
    <cellStyle name="Обычный 2 2 3 8 4" xfId="4718"/>
    <cellStyle name="Обычный 2 2 3 8 4 2" xfId="4719"/>
    <cellStyle name="Обычный 2 2 3 8 5" xfId="4720"/>
    <cellStyle name="Обычный 2 2 3 8 5 2" xfId="4721"/>
    <cellStyle name="Обычный 2 2 3 8 6" xfId="4722"/>
    <cellStyle name="Обычный 2 2 3 9" xfId="4723"/>
    <cellStyle name="Обычный 2 2 3 9 2" xfId="4724"/>
    <cellStyle name="Обычный 2 2 3 9 2 2" xfId="4725"/>
    <cellStyle name="Обычный 2 2 3 9 3" xfId="4726"/>
    <cellStyle name="Обычный 2 2 3 9 3 2" xfId="4727"/>
    <cellStyle name="Обычный 2 2 3 9 4" xfId="4728"/>
    <cellStyle name="Обычный 2 2 30" xfId="4729"/>
    <cellStyle name="Обычный 2 2 30 2" xfId="4730"/>
    <cellStyle name="Обычный 2 2 31" xfId="39"/>
    <cellStyle name="Обычный 2 2 4" xfId="4731"/>
    <cellStyle name="Обычный 2 2 4 10" xfId="4732"/>
    <cellStyle name="Обычный 2 2 4 10 2" xfId="4733"/>
    <cellStyle name="Обычный 2 2 4 10 2 2" xfId="4734"/>
    <cellStyle name="Обычный 2 2 4 10 3" xfId="4735"/>
    <cellStyle name="Обычный 2 2 4 11" xfId="4736"/>
    <cellStyle name="Обычный 2 2 4 11 2" xfId="4737"/>
    <cellStyle name="Обычный 2 2 4 12" xfId="4738"/>
    <cellStyle name="Обычный 2 2 4 12 2" xfId="4739"/>
    <cellStyle name="Обычный 2 2 4 13" xfId="4740"/>
    <cellStyle name="Обычный 2 2 4 14" xfId="4741"/>
    <cellStyle name="Обычный 2 2 4 2" xfId="4742"/>
    <cellStyle name="Обычный 2 2 4 2 10" xfId="4743"/>
    <cellStyle name="Обычный 2 2 4 2 10 2" xfId="4744"/>
    <cellStyle name="Обычный 2 2 4 2 11" xfId="4745"/>
    <cellStyle name="Обычный 2 2 4 2 11 2" xfId="4746"/>
    <cellStyle name="Обычный 2 2 4 2 12" xfId="4747"/>
    <cellStyle name="Обычный 2 2 4 2 13" xfId="4748"/>
    <cellStyle name="Обычный 2 2 4 2 2" xfId="4749"/>
    <cellStyle name="Обычный 2 2 4 2 2 10" xfId="4750"/>
    <cellStyle name="Обычный 2 2 4 2 2 2" xfId="4751"/>
    <cellStyle name="Обычный 2 2 4 2 2 2 2" xfId="4752"/>
    <cellStyle name="Обычный 2 2 4 2 2 2 2 2" xfId="4753"/>
    <cellStyle name="Обычный 2 2 4 2 2 2 2 2 2" xfId="4754"/>
    <cellStyle name="Обычный 2 2 4 2 2 2 2 3" xfId="4755"/>
    <cellStyle name="Обычный 2 2 4 2 2 2 2 3 2" xfId="4756"/>
    <cellStyle name="Обычный 2 2 4 2 2 2 2 4" xfId="4757"/>
    <cellStyle name="Обычный 2 2 4 2 2 2 3" xfId="4758"/>
    <cellStyle name="Обычный 2 2 4 2 2 2 3 2" xfId="4759"/>
    <cellStyle name="Обычный 2 2 4 2 2 2 4" xfId="4760"/>
    <cellStyle name="Обычный 2 2 4 2 2 2 4 2" xfId="4761"/>
    <cellStyle name="Обычный 2 2 4 2 2 2 5" xfId="4762"/>
    <cellStyle name="Обычный 2 2 4 2 2 2 5 2" xfId="4763"/>
    <cellStyle name="Обычный 2 2 4 2 2 2 6" xfId="4764"/>
    <cellStyle name="Обычный 2 2 4 2 2 3" xfId="4765"/>
    <cellStyle name="Обычный 2 2 4 2 2 3 2" xfId="4766"/>
    <cellStyle name="Обычный 2 2 4 2 2 3 2 2" xfId="4767"/>
    <cellStyle name="Обычный 2 2 4 2 2 3 2 2 2" xfId="4768"/>
    <cellStyle name="Обычный 2 2 4 2 2 3 2 3" xfId="4769"/>
    <cellStyle name="Обычный 2 2 4 2 2 3 2 3 2" xfId="4770"/>
    <cellStyle name="Обычный 2 2 4 2 2 3 2 4" xfId="4771"/>
    <cellStyle name="Обычный 2 2 4 2 2 3 3" xfId="4772"/>
    <cellStyle name="Обычный 2 2 4 2 2 3 3 2" xfId="4773"/>
    <cellStyle name="Обычный 2 2 4 2 2 3 4" xfId="4774"/>
    <cellStyle name="Обычный 2 2 4 2 2 3 4 2" xfId="4775"/>
    <cellStyle name="Обычный 2 2 4 2 2 3 5" xfId="4776"/>
    <cellStyle name="Обычный 2 2 4 2 2 3 5 2" xfId="4777"/>
    <cellStyle name="Обычный 2 2 4 2 2 3 6" xfId="4778"/>
    <cellStyle name="Обычный 2 2 4 2 2 4" xfId="4779"/>
    <cellStyle name="Обычный 2 2 4 2 2 4 2" xfId="4780"/>
    <cellStyle name="Обычный 2 2 4 2 2 4 2 2" xfId="4781"/>
    <cellStyle name="Обычный 2 2 4 2 2 4 2 2 2" xfId="4782"/>
    <cellStyle name="Обычный 2 2 4 2 2 4 2 3" xfId="4783"/>
    <cellStyle name="Обычный 2 2 4 2 2 4 2 3 2" xfId="4784"/>
    <cellStyle name="Обычный 2 2 4 2 2 4 2 4" xfId="4785"/>
    <cellStyle name="Обычный 2 2 4 2 2 4 3" xfId="4786"/>
    <cellStyle name="Обычный 2 2 4 2 2 4 3 2" xfId="4787"/>
    <cellStyle name="Обычный 2 2 4 2 2 4 4" xfId="4788"/>
    <cellStyle name="Обычный 2 2 4 2 2 4 4 2" xfId="4789"/>
    <cellStyle name="Обычный 2 2 4 2 2 4 5" xfId="4790"/>
    <cellStyle name="Обычный 2 2 4 2 2 4 5 2" xfId="4791"/>
    <cellStyle name="Обычный 2 2 4 2 2 4 6" xfId="4792"/>
    <cellStyle name="Обычный 2 2 4 2 2 5" xfId="4793"/>
    <cellStyle name="Обычный 2 2 4 2 2 5 2" xfId="4794"/>
    <cellStyle name="Обычный 2 2 4 2 2 5 2 2" xfId="4795"/>
    <cellStyle name="Обычный 2 2 4 2 2 5 2 2 2" xfId="4796"/>
    <cellStyle name="Обычный 2 2 4 2 2 5 2 3" xfId="4797"/>
    <cellStyle name="Обычный 2 2 4 2 2 5 2 3 2" xfId="4798"/>
    <cellStyle name="Обычный 2 2 4 2 2 5 2 4" xfId="4799"/>
    <cellStyle name="Обычный 2 2 4 2 2 5 3" xfId="4800"/>
    <cellStyle name="Обычный 2 2 4 2 2 5 3 2" xfId="4801"/>
    <cellStyle name="Обычный 2 2 4 2 2 5 4" xfId="4802"/>
    <cellStyle name="Обычный 2 2 4 2 2 5 4 2" xfId="4803"/>
    <cellStyle name="Обычный 2 2 4 2 2 5 5" xfId="4804"/>
    <cellStyle name="Обычный 2 2 4 2 2 5 5 2" xfId="4805"/>
    <cellStyle name="Обычный 2 2 4 2 2 5 6" xfId="4806"/>
    <cellStyle name="Обычный 2 2 4 2 2 6" xfId="4807"/>
    <cellStyle name="Обычный 2 2 4 2 2 6 2" xfId="4808"/>
    <cellStyle name="Обычный 2 2 4 2 2 6 2 2" xfId="4809"/>
    <cellStyle name="Обычный 2 2 4 2 2 6 3" xfId="4810"/>
    <cellStyle name="Обычный 2 2 4 2 2 6 3 2" xfId="4811"/>
    <cellStyle name="Обычный 2 2 4 2 2 6 4" xfId="4812"/>
    <cellStyle name="Обычный 2 2 4 2 2 7" xfId="4813"/>
    <cellStyle name="Обычный 2 2 4 2 2 7 2" xfId="4814"/>
    <cellStyle name="Обычный 2 2 4 2 2 8" xfId="4815"/>
    <cellStyle name="Обычный 2 2 4 2 2 8 2" xfId="4816"/>
    <cellStyle name="Обычный 2 2 4 2 2 9" xfId="4817"/>
    <cellStyle name="Обычный 2 2 4 2 2 9 2" xfId="4818"/>
    <cellStyle name="Обычный 2 2 4 2 3" xfId="4819"/>
    <cellStyle name="Обычный 2 2 4 2 3 2" xfId="4820"/>
    <cellStyle name="Обычный 2 2 4 2 3 2 2" xfId="4821"/>
    <cellStyle name="Обычный 2 2 4 2 3 2 2 2" xfId="4822"/>
    <cellStyle name="Обычный 2 2 4 2 3 2 2 2 2" xfId="4823"/>
    <cellStyle name="Обычный 2 2 4 2 3 2 2 3" xfId="4824"/>
    <cellStyle name="Обычный 2 2 4 2 3 2 2 3 2" xfId="4825"/>
    <cellStyle name="Обычный 2 2 4 2 3 2 2 4" xfId="4826"/>
    <cellStyle name="Обычный 2 2 4 2 3 2 3" xfId="4827"/>
    <cellStyle name="Обычный 2 2 4 2 3 2 3 2" xfId="4828"/>
    <cellStyle name="Обычный 2 2 4 2 3 2 4" xfId="4829"/>
    <cellStyle name="Обычный 2 2 4 2 3 2 4 2" xfId="4830"/>
    <cellStyle name="Обычный 2 2 4 2 3 2 5" xfId="4831"/>
    <cellStyle name="Обычный 2 2 4 2 3 2 5 2" xfId="4832"/>
    <cellStyle name="Обычный 2 2 4 2 3 2 6" xfId="4833"/>
    <cellStyle name="Обычный 2 2 4 2 3 3" xfId="4834"/>
    <cellStyle name="Обычный 2 2 4 2 3 3 2" xfId="4835"/>
    <cellStyle name="Обычный 2 2 4 2 3 3 2 2" xfId="4836"/>
    <cellStyle name="Обычный 2 2 4 2 3 3 2 2 2" xfId="4837"/>
    <cellStyle name="Обычный 2 2 4 2 3 3 2 3" xfId="4838"/>
    <cellStyle name="Обычный 2 2 4 2 3 3 2 3 2" xfId="4839"/>
    <cellStyle name="Обычный 2 2 4 2 3 3 2 4" xfId="4840"/>
    <cellStyle name="Обычный 2 2 4 2 3 3 3" xfId="4841"/>
    <cellStyle name="Обычный 2 2 4 2 3 3 3 2" xfId="4842"/>
    <cellStyle name="Обычный 2 2 4 2 3 3 4" xfId="4843"/>
    <cellStyle name="Обычный 2 2 4 2 3 3 4 2" xfId="4844"/>
    <cellStyle name="Обычный 2 2 4 2 3 3 5" xfId="4845"/>
    <cellStyle name="Обычный 2 2 4 2 3 3 5 2" xfId="4846"/>
    <cellStyle name="Обычный 2 2 4 2 3 3 6" xfId="4847"/>
    <cellStyle name="Обычный 2 2 4 2 3 4" xfId="4848"/>
    <cellStyle name="Обычный 2 2 4 2 3 4 2" xfId="4849"/>
    <cellStyle name="Обычный 2 2 4 2 3 4 2 2" xfId="4850"/>
    <cellStyle name="Обычный 2 2 4 2 3 4 2 2 2" xfId="4851"/>
    <cellStyle name="Обычный 2 2 4 2 3 4 2 3" xfId="4852"/>
    <cellStyle name="Обычный 2 2 4 2 3 4 2 3 2" xfId="4853"/>
    <cellStyle name="Обычный 2 2 4 2 3 4 2 4" xfId="4854"/>
    <cellStyle name="Обычный 2 2 4 2 3 4 3" xfId="4855"/>
    <cellStyle name="Обычный 2 2 4 2 3 4 3 2" xfId="4856"/>
    <cellStyle name="Обычный 2 2 4 2 3 4 4" xfId="4857"/>
    <cellStyle name="Обычный 2 2 4 2 3 4 4 2" xfId="4858"/>
    <cellStyle name="Обычный 2 2 4 2 3 4 5" xfId="4859"/>
    <cellStyle name="Обычный 2 2 4 2 3 4 5 2" xfId="4860"/>
    <cellStyle name="Обычный 2 2 4 2 3 4 6" xfId="4861"/>
    <cellStyle name="Обычный 2 2 4 2 3 5" xfId="4862"/>
    <cellStyle name="Обычный 2 2 4 2 3 5 2" xfId="4863"/>
    <cellStyle name="Обычный 2 2 4 2 3 5 2 2" xfId="4864"/>
    <cellStyle name="Обычный 2 2 4 2 3 5 3" xfId="4865"/>
    <cellStyle name="Обычный 2 2 4 2 3 5 3 2" xfId="4866"/>
    <cellStyle name="Обычный 2 2 4 2 3 5 4" xfId="4867"/>
    <cellStyle name="Обычный 2 2 4 2 3 6" xfId="4868"/>
    <cellStyle name="Обычный 2 2 4 2 3 6 2" xfId="4869"/>
    <cellStyle name="Обычный 2 2 4 2 3 7" xfId="4870"/>
    <cellStyle name="Обычный 2 2 4 2 3 7 2" xfId="4871"/>
    <cellStyle name="Обычный 2 2 4 2 3 8" xfId="4872"/>
    <cellStyle name="Обычный 2 2 4 2 3 8 2" xfId="4873"/>
    <cellStyle name="Обычный 2 2 4 2 3 9" xfId="4874"/>
    <cellStyle name="Обычный 2 2 4 2 4" xfId="4875"/>
    <cellStyle name="Обычный 2 2 4 2 4 2" xfId="4876"/>
    <cellStyle name="Обычный 2 2 4 2 4 2 2" xfId="4877"/>
    <cellStyle name="Обычный 2 2 4 2 4 2 2 2" xfId="4878"/>
    <cellStyle name="Обычный 2 2 4 2 4 2 3" xfId="4879"/>
    <cellStyle name="Обычный 2 2 4 2 4 2 3 2" xfId="4880"/>
    <cellStyle name="Обычный 2 2 4 2 4 2 4" xfId="4881"/>
    <cellStyle name="Обычный 2 2 4 2 4 3" xfId="4882"/>
    <cellStyle name="Обычный 2 2 4 2 4 3 2" xfId="4883"/>
    <cellStyle name="Обычный 2 2 4 2 4 4" xfId="4884"/>
    <cellStyle name="Обычный 2 2 4 2 4 4 2" xfId="4885"/>
    <cellStyle name="Обычный 2 2 4 2 4 5" xfId="4886"/>
    <cellStyle name="Обычный 2 2 4 2 4 5 2" xfId="4887"/>
    <cellStyle name="Обычный 2 2 4 2 4 6" xfId="4888"/>
    <cellStyle name="Обычный 2 2 4 2 5" xfId="4889"/>
    <cellStyle name="Обычный 2 2 4 2 5 2" xfId="4890"/>
    <cellStyle name="Обычный 2 2 4 2 5 2 2" xfId="4891"/>
    <cellStyle name="Обычный 2 2 4 2 5 2 2 2" xfId="4892"/>
    <cellStyle name="Обычный 2 2 4 2 5 2 3" xfId="4893"/>
    <cellStyle name="Обычный 2 2 4 2 5 2 3 2" xfId="4894"/>
    <cellStyle name="Обычный 2 2 4 2 5 2 4" xfId="4895"/>
    <cellStyle name="Обычный 2 2 4 2 5 3" xfId="4896"/>
    <cellStyle name="Обычный 2 2 4 2 5 3 2" xfId="4897"/>
    <cellStyle name="Обычный 2 2 4 2 5 4" xfId="4898"/>
    <cellStyle name="Обычный 2 2 4 2 5 4 2" xfId="4899"/>
    <cellStyle name="Обычный 2 2 4 2 5 5" xfId="4900"/>
    <cellStyle name="Обычный 2 2 4 2 5 5 2" xfId="4901"/>
    <cellStyle name="Обычный 2 2 4 2 5 6" xfId="4902"/>
    <cellStyle name="Обычный 2 2 4 2 6" xfId="4903"/>
    <cellStyle name="Обычный 2 2 4 2 6 2" xfId="4904"/>
    <cellStyle name="Обычный 2 2 4 2 6 2 2" xfId="4905"/>
    <cellStyle name="Обычный 2 2 4 2 6 2 2 2" xfId="4906"/>
    <cellStyle name="Обычный 2 2 4 2 6 2 3" xfId="4907"/>
    <cellStyle name="Обычный 2 2 4 2 6 2 3 2" xfId="4908"/>
    <cellStyle name="Обычный 2 2 4 2 6 2 4" xfId="4909"/>
    <cellStyle name="Обычный 2 2 4 2 6 3" xfId="4910"/>
    <cellStyle name="Обычный 2 2 4 2 6 3 2" xfId="4911"/>
    <cellStyle name="Обычный 2 2 4 2 6 4" xfId="4912"/>
    <cellStyle name="Обычный 2 2 4 2 6 4 2" xfId="4913"/>
    <cellStyle name="Обычный 2 2 4 2 6 5" xfId="4914"/>
    <cellStyle name="Обычный 2 2 4 2 6 5 2" xfId="4915"/>
    <cellStyle name="Обычный 2 2 4 2 6 6" xfId="4916"/>
    <cellStyle name="Обычный 2 2 4 2 7" xfId="4917"/>
    <cellStyle name="Обычный 2 2 4 2 7 2" xfId="4918"/>
    <cellStyle name="Обычный 2 2 4 2 7 2 2" xfId="4919"/>
    <cellStyle name="Обычный 2 2 4 2 7 2 2 2" xfId="4920"/>
    <cellStyle name="Обычный 2 2 4 2 7 2 3" xfId="4921"/>
    <cellStyle name="Обычный 2 2 4 2 7 2 3 2" xfId="4922"/>
    <cellStyle name="Обычный 2 2 4 2 7 2 4" xfId="4923"/>
    <cellStyle name="Обычный 2 2 4 2 7 3" xfId="4924"/>
    <cellStyle name="Обычный 2 2 4 2 7 3 2" xfId="4925"/>
    <cellStyle name="Обычный 2 2 4 2 7 4" xfId="4926"/>
    <cellStyle name="Обычный 2 2 4 2 7 4 2" xfId="4927"/>
    <cellStyle name="Обычный 2 2 4 2 7 5" xfId="4928"/>
    <cellStyle name="Обычный 2 2 4 2 7 5 2" xfId="4929"/>
    <cellStyle name="Обычный 2 2 4 2 7 6" xfId="4930"/>
    <cellStyle name="Обычный 2 2 4 2 8" xfId="4931"/>
    <cellStyle name="Обычный 2 2 4 2 8 2" xfId="4932"/>
    <cellStyle name="Обычный 2 2 4 2 8 2 2" xfId="4933"/>
    <cellStyle name="Обычный 2 2 4 2 8 3" xfId="4934"/>
    <cellStyle name="Обычный 2 2 4 2 8 3 2" xfId="4935"/>
    <cellStyle name="Обычный 2 2 4 2 8 4" xfId="4936"/>
    <cellStyle name="Обычный 2 2 4 2 9" xfId="4937"/>
    <cellStyle name="Обычный 2 2 4 2 9 2" xfId="4938"/>
    <cellStyle name="Обычный 2 2 4 2 9 2 2" xfId="4939"/>
    <cellStyle name="Обычный 2 2 4 2 9 3" xfId="4940"/>
    <cellStyle name="Обычный 2 2 4 3" xfId="4941"/>
    <cellStyle name="Обычный 2 2 4 3 10" xfId="4942"/>
    <cellStyle name="Обычный 2 2 4 3 2" xfId="4943"/>
    <cellStyle name="Обычный 2 2 4 3 2 2" xfId="4944"/>
    <cellStyle name="Обычный 2 2 4 3 2 2 2" xfId="4945"/>
    <cellStyle name="Обычный 2 2 4 3 2 2 2 2" xfId="4946"/>
    <cellStyle name="Обычный 2 2 4 3 2 2 3" xfId="4947"/>
    <cellStyle name="Обычный 2 2 4 3 2 2 3 2" xfId="4948"/>
    <cellStyle name="Обычный 2 2 4 3 2 2 4" xfId="4949"/>
    <cellStyle name="Обычный 2 2 4 3 2 3" xfId="4950"/>
    <cellStyle name="Обычный 2 2 4 3 2 3 2" xfId="4951"/>
    <cellStyle name="Обычный 2 2 4 3 2 4" xfId="4952"/>
    <cellStyle name="Обычный 2 2 4 3 2 4 2" xfId="4953"/>
    <cellStyle name="Обычный 2 2 4 3 2 5" xfId="4954"/>
    <cellStyle name="Обычный 2 2 4 3 2 5 2" xfId="4955"/>
    <cellStyle name="Обычный 2 2 4 3 2 6" xfId="4956"/>
    <cellStyle name="Обычный 2 2 4 3 3" xfId="4957"/>
    <cellStyle name="Обычный 2 2 4 3 3 2" xfId="4958"/>
    <cellStyle name="Обычный 2 2 4 3 3 2 2" xfId="4959"/>
    <cellStyle name="Обычный 2 2 4 3 3 2 2 2" xfId="4960"/>
    <cellStyle name="Обычный 2 2 4 3 3 2 3" xfId="4961"/>
    <cellStyle name="Обычный 2 2 4 3 3 2 3 2" xfId="4962"/>
    <cellStyle name="Обычный 2 2 4 3 3 2 4" xfId="4963"/>
    <cellStyle name="Обычный 2 2 4 3 3 3" xfId="4964"/>
    <cellStyle name="Обычный 2 2 4 3 3 3 2" xfId="4965"/>
    <cellStyle name="Обычный 2 2 4 3 3 4" xfId="4966"/>
    <cellStyle name="Обычный 2 2 4 3 3 4 2" xfId="4967"/>
    <cellStyle name="Обычный 2 2 4 3 3 5" xfId="4968"/>
    <cellStyle name="Обычный 2 2 4 3 3 5 2" xfId="4969"/>
    <cellStyle name="Обычный 2 2 4 3 3 6" xfId="4970"/>
    <cellStyle name="Обычный 2 2 4 3 4" xfId="4971"/>
    <cellStyle name="Обычный 2 2 4 3 4 2" xfId="4972"/>
    <cellStyle name="Обычный 2 2 4 3 4 2 2" xfId="4973"/>
    <cellStyle name="Обычный 2 2 4 3 4 2 2 2" xfId="4974"/>
    <cellStyle name="Обычный 2 2 4 3 4 2 3" xfId="4975"/>
    <cellStyle name="Обычный 2 2 4 3 4 2 3 2" xfId="4976"/>
    <cellStyle name="Обычный 2 2 4 3 4 2 4" xfId="4977"/>
    <cellStyle name="Обычный 2 2 4 3 4 3" xfId="4978"/>
    <cellStyle name="Обычный 2 2 4 3 4 3 2" xfId="4979"/>
    <cellStyle name="Обычный 2 2 4 3 4 4" xfId="4980"/>
    <cellStyle name="Обычный 2 2 4 3 4 4 2" xfId="4981"/>
    <cellStyle name="Обычный 2 2 4 3 4 5" xfId="4982"/>
    <cellStyle name="Обычный 2 2 4 3 4 5 2" xfId="4983"/>
    <cellStyle name="Обычный 2 2 4 3 4 6" xfId="4984"/>
    <cellStyle name="Обычный 2 2 4 3 5" xfId="4985"/>
    <cellStyle name="Обычный 2 2 4 3 5 2" xfId="4986"/>
    <cellStyle name="Обычный 2 2 4 3 5 2 2" xfId="4987"/>
    <cellStyle name="Обычный 2 2 4 3 5 2 2 2" xfId="4988"/>
    <cellStyle name="Обычный 2 2 4 3 5 2 3" xfId="4989"/>
    <cellStyle name="Обычный 2 2 4 3 5 2 3 2" xfId="4990"/>
    <cellStyle name="Обычный 2 2 4 3 5 2 4" xfId="4991"/>
    <cellStyle name="Обычный 2 2 4 3 5 3" xfId="4992"/>
    <cellStyle name="Обычный 2 2 4 3 5 3 2" xfId="4993"/>
    <cellStyle name="Обычный 2 2 4 3 5 4" xfId="4994"/>
    <cellStyle name="Обычный 2 2 4 3 5 4 2" xfId="4995"/>
    <cellStyle name="Обычный 2 2 4 3 5 5" xfId="4996"/>
    <cellStyle name="Обычный 2 2 4 3 5 5 2" xfId="4997"/>
    <cellStyle name="Обычный 2 2 4 3 5 6" xfId="4998"/>
    <cellStyle name="Обычный 2 2 4 3 6" xfId="4999"/>
    <cellStyle name="Обычный 2 2 4 3 6 2" xfId="5000"/>
    <cellStyle name="Обычный 2 2 4 3 6 2 2" xfId="5001"/>
    <cellStyle name="Обычный 2 2 4 3 6 3" xfId="5002"/>
    <cellStyle name="Обычный 2 2 4 3 6 3 2" xfId="5003"/>
    <cellStyle name="Обычный 2 2 4 3 6 4" xfId="5004"/>
    <cellStyle name="Обычный 2 2 4 3 7" xfId="5005"/>
    <cellStyle name="Обычный 2 2 4 3 7 2" xfId="5006"/>
    <cellStyle name="Обычный 2 2 4 3 8" xfId="5007"/>
    <cellStyle name="Обычный 2 2 4 3 8 2" xfId="5008"/>
    <cellStyle name="Обычный 2 2 4 3 9" xfId="5009"/>
    <cellStyle name="Обычный 2 2 4 3 9 2" xfId="5010"/>
    <cellStyle name="Обычный 2 2 4 4" xfId="5011"/>
    <cellStyle name="Обычный 2 2 4 4 2" xfId="5012"/>
    <cellStyle name="Обычный 2 2 4 4 2 2" xfId="5013"/>
    <cellStyle name="Обычный 2 2 4 4 2 2 2" xfId="5014"/>
    <cellStyle name="Обычный 2 2 4 4 2 2 2 2" xfId="5015"/>
    <cellStyle name="Обычный 2 2 4 4 2 2 3" xfId="5016"/>
    <cellStyle name="Обычный 2 2 4 4 2 2 3 2" xfId="5017"/>
    <cellStyle name="Обычный 2 2 4 4 2 2 4" xfId="5018"/>
    <cellStyle name="Обычный 2 2 4 4 2 3" xfId="5019"/>
    <cellStyle name="Обычный 2 2 4 4 2 3 2" xfId="5020"/>
    <cellStyle name="Обычный 2 2 4 4 2 4" xfId="5021"/>
    <cellStyle name="Обычный 2 2 4 4 2 4 2" xfId="5022"/>
    <cellStyle name="Обычный 2 2 4 4 2 5" xfId="5023"/>
    <cellStyle name="Обычный 2 2 4 4 2 5 2" xfId="5024"/>
    <cellStyle name="Обычный 2 2 4 4 2 6" xfId="5025"/>
    <cellStyle name="Обычный 2 2 4 4 3" xfId="5026"/>
    <cellStyle name="Обычный 2 2 4 4 3 2" xfId="5027"/>
    <cellStyle name="Обычный 2 2 4 4 3 2 2" xfId="5028"/>
    <cellStyle name="Обычный 2 2 4 4 3 2 2 2" xfId="5029"/>
    <cellStyle name="Обычный 2 2 4 4 3 2 3" xfId="5030"/>
    <cellStyle name="Обычный 2 2 4 4 3 2 3 2" xfId="5031"/>
    <cellStyle name="Обычный 2 2 4 4 3 2 4" xfId="5032"/>
    <cellStyle name="Обычный 2 2 4 4 3 3" xfId="5033"/>
    <cellStyle name="Обычный 2 2 4 4 3 3 2" xfId="5034"/>
    <cellStyle name="Обычный 2 2 4 4 3 4" xfId="5035"/>
    <cellStyle name="Обычный 2 2 4 4 3 4 2" xfId="5036"/>
    <cellStyle name="Обычный 2 2 4 4 3 5" xfId="5037"/>
    <cellStyle name="Обычный 2 2 4 4 3 5 2" xfId="5038"/>
    <cellStyle name="Обычный 2 2 4 4 3 6" xfId="5039"/>
    <cellStyle name="Обычный 2 2 4 4 4" xfId="5040"/>
    <cellStyle name="Обычный 2 2 4 4 4 2" xfId="5041"/>
    <cellStyle name="Обычный 2 2 4 4 4 2 2" xfId="5042"/>
    <cellStyle name="Обычный 2 2 4 4 4 2 2 2" xfId="5043"/>
    <cellStyle name="Обычный 2 2 4 4 4 2 3" xfId="5044"/>
    <cellStyle name="Обычный 2 2 4 4 4 2 3 2" xfId="5045"/>
    <cellStyle name="Обычный 2 2 4 4 4 2 4" xfId="5046"/>
    <cellStyle name="Обычный 2 2 4 4 4 3" xfId="5047"/>
    <cellStyle name="Обычный 2 2 4 4 4 3 2" xfId="5048"/>
    <cellStyle name="Обычный 2 2 4 4 4 4" xfId="5049"/>
    <cellStyle name="Обычный 2 2 4 4 4 4 2" xfId="5050"/>
    <cellStyle name="Обычный 2 2 4 4 4 5" xfId="5051"/>
    <cellStyle name="Обычный 2 2 4 4 4 5 2" xfId="5052"/>
    <cellStyle name="Обычный 2 2 4 4 4 6" xfId="5053"/>
    <cellStyle name="Обычный 2 2 4 4 5" xfId="5054"/>
    <cellStyle name="Обычный 2 2 4 4 5 2" xfId="5055"/>
    <cellStyle name="Обычный 2 2 4 4 5 2 2" xfId="5056"/>
    <cellStyle name="Обычный 2 2 4 4 5 3" xfId="5057"/>
    <cellStyle name="Обычный 2 2 4 4 5 3 2" xfId="5058"/>
    <cellStyle name="Обычный 2 2 4 4 5 4" xfId="5059"/>
    <cellStyle name="Обычный 2 2 4 4 6" xfId="5060"/>
    <cellStyle name="Обычный 2 2 4 4 6 2" xfId="5061"/>
    <cellStyle name="Обычный 2 2 4 4 7" xfId="5062"/>
    <cellStyle name="Обычный 2 2 4 4 7 2" xfId="5063"/>
    <cellStyle name="Обычный 2 2 4 4 8" xfId="5064"/>
    <cellStyle name="Обычный 2 2 4 4 8 2" xfId="5065"/>
    <cellStyle name="Обычный 2 2 4 4 9" xfId="5066"/>
    <cellStyle name="Обычный 2 2 4 5" xfId="5067"/>
    <cellStyle name="Обычный 2 2 4 5 2" xfId="5068"/>
    <cellStyle name="Обычный 2 2 4 5 2 2" xfId="5069"/>
    <cellStyle name="Обычный 2 2 4 5 2 2 2" xfId="5070"/>
    <cellStyle name="Обычный 2 2 4 5 2 3" xfId="5071"/>
    <cellStyle name="Обычный 2 2 4 5 2 3 2" xfId="5072"/>
    <cellStyle name="Обычный 2 2 4 5 2 4" xfId="5073"/>
    <cellStyle name="Обычный 2 2 4 5 3" xfId="5074"/>
    <cellStyle name="Обычный 2 2 4 5 3 2" xfId="5075"/>
    <cellStyle name="Обычный 2 2 4 5 4" xfId="5076"/>
    <cellStyle name="Обычный 2 2 4 5 4 2" xfId="5077"/>
    <cellStyle name="Обычный 2 2 4 5 5" xfId="5078"/>
    <cellStyle name="Обычный 2 2 4 5 5 2" xfId="5079"/>
    <cellStyle name="Обычный 2 2 4 5 6" xfId="5080"/>
    <cellStyle name="Обычный 2 2 4 6" xfId="5081"/>
    <cellStyle name="Обычный 2 2 4 6 2" xfId="5082"/>
    <cellStyle name="Обычный 2 2 4 6 2 2" xfId="5083"/>
    <cellStyle name="Обычный 2 2 4 6 2 2 2" xfId="5084"/>
    <cellStyle name="Обычный 2 2 4 6 2 3" xfId="5085"/>
    <cellStyle name="Обычный 2 2 4 6 2 3 2" xfId="5086"/>
    <cellStyle name="Обычный 2 2 4 6 2 4" xfId="5087"/>
    <cellStyle name="Обычный 2 2 4 6 3" xfId="5088"/>
    <cellStyle name="Обычный 2 2 4 6 3 2" xfId="5089"/>
    <cellStyle name="Обычный 2 2 4 6 4" xfId="5090"/>
    <cellStyle name="Обычный 2 2 4 6 4 2" xfId="5091"/>
    <cellStyle name="Обычный 2 2 4 6 5" xfId="5092"/>
    <cellStyle name="Обычный 2 2 4 6 5 2" xfId="5093"/>
    <cellStyle name="Обычный 2 2 4 6 6" xfId="5094"/>
    <cellStyle name="Обычный 2 2 4 7" xfId="5095"/>
    <cellStyle name="Обычный 2 2 4 7 2" xfId="5096"/>
    <cellStyle name="Обычный 2 2 4 7 2 2" xfId="5097"/>
    <cellStyle name="Обычный 2 2 4 7 2 2 2" xfId="5098"/>
    <cellStyle name="Обычный 2 2 4 7 2 3" xfId="5099"/>
    <cellStyle name="Обычный 2 2 4 7 2 3 2" xfId="5100"/>
    <cellStyle name="Обычный 2 2 4 7 2 4" xfId="5101"/>
    <cellStyle name="Обычный 2 2 4 7 3" xfId="5102"/>
    <cellStyle name="Обычный 2 2 4 7 3 2" xfId="5103"/>
    <cellStyle name="Обычный 2 2 4 7 4" xfId="5104"/>
    <cellStyle name="Обычный 2 2 4 7 4 2" xfId="5105"/>
    <cellStyle name="Обычный 2 2 4 7 5" xfId="5106"/>
    <cellStyle name="Обычный 2 2 4 7 5 2" xfId="5107"/>
    <cellStyle name="Обычный 2 2 4 7 6" xfId="5108"/>
    <cellStyle name="Обычный 2 2 4 8" xfId="5109"/>
    <cellStyle name="Обычный 2 2 4 8 2" xfId="5110"/>
    <cellStyle name="Обычный 2 2 4 8 2 2" xfId="5111"/>
    <cellStyle name="Обычный 2 2 4 8 2 2 2" xfId="5112"/>
    <cellStyle name="Обычный 2 2 4 8 2 3" xfId="5113"/>
    <cellStyle name="Обычный 2 2 4 8 2 3 2" xfId="5114"/>
    <cellStyle name="Обычный 2 2 4 8 2 4" xfId="5115"/>
    <cellStyle name="Обычный 2 2 4 8 3" xfId="5116"/>
    <cellStyle name="Обычный 2 2 4 8 3 2" xfId="5117"/>
    <cellStyle name="Обычный 2 2 4 8 4" xfId="5118"/>
    <cellStyle name="Обычный 2 2 4 8 4 2" xfId="5119"/>
    <cellStyle name="Обычный 2 2 4 8 5" xfId="5120"/>
    <cellStyle name="Обычный 2 2 4 8 5 2" xfId="5121"/>
    <cellStyle name="Обычный 2 2 4 8 6" xfId="5122"/>
    <cellStyle name="Обычный 2 2 4 9" xfId="5123"/>
    <cellStyle name="Обычный 2 2 4 9 2" xfId="5124"/>
    <cellStyle name="Обычный 2 2 4 9 2 2" xfId="5125"/>
    <cellStyle name="Обычный 2 2 4 9 3" xfId="5126"/>
    <cellStyle name="Обычный 2 2 4 9 3 2" xfId="5127"/>
    <cellStyle name="Обычный 2 2 4 9 4" xfId="5128"/>
    <cellStyle name="Обычный 2 2 5" xfId="5129"/>
    <cellStyle name="Обычный 2 2 5 10" xfId="5130"/>
    <cellStyle name="Обычный 2 2 5 10 2" xfId="5131"/>
    <cellStyle name="Обычный 2 2 5 10 2 2" xfId="5132"/>
    <cellStyle name="Обычный 2 2 5 10 3" xfId="5133"/>
    <cellStyle name="Обычный 2 2 5 11" xfId="5134"/>
    <cellStyle name="Обычный 2 2 5 11 2" xfId="5135"/>
    <cellStyle name="Обычный 2 2 5 12" xfId="5136"/>
    <cellStyle name="Обычный 2 2 5 12 2" xfId="5137"/>
    <cellStyle name="Обычный 2 2 5 13" xfId="5138"/>
    <cellStyle name="Обычный 2 2 5 14" xfId="5139"/>
    <cellStyle name="Обычный 2 2 5 2" xfId="5140"/>
    <cellStyle name="Обычный 2 2 5 2 10" xfId="5141"/>
    <cellStyle name="Обычный 2 2 5 2 10 2" xfId="5142"/>
    <cellStyle name="Обычный 2 2 5 2 11" xfId="5143"/>
    <cellStyle name="Обычный 2 2 5 2 11 2" xfId="5144"/>
    <cellStyle name="Обычный 2 2 5 2 12" xfId="5145"/>
    <cellStyle name="Обычный 2 2 5 2 13" xfId="5146"/>
    <cellStyle name="Обычный 2 2 5 2 2" xfId="5147"/>
    <cellStyle name="Обычный 2 2 5 2 2 10" xfId="5148"/>
    <cellStyle name="Обычный 2 2 5 2 2 2" xfId="5149"/>
    <cellStyle name="Обычный 2 2 5 2 2 2 2" xfId="5150"/>
    <cellStyle name="Обычный 2 2 5 2 2 2 2 2" xfId="5151"/>
    <cellStyle name="Обычный 2 2 5 2 2 2 2 2 2" xfId="5152"/>
    <cellStyle name="Обычный 2 2 5 2 2 2 2 3" xfId="5153"/>
    <cellStyle name="Обычный 2 2 5 2 2 2 2 3 2" xfId="5154"/>
    <cellStyle name="Обычный 2 2 5 2 2 2 2 4" xfId="5155"/>
    <cellStyle name="Обычный 2 2 5 2 2 2 3" xfId="5156"/>
    <cellStyle name="Обычный 2 2 5 2 2 2 3 2" xfId="5157"/>
    <cellStyle name="Обычный 2 2 5 2 2 2 4" xfId="5158"/>
    <cellStyle name="Обычный 2 2 5 2 2 2 4 2" xfId="5159"/>
    <cellStyle name="Обычный 2 2 5 2 2 2 5" xfId="5160"/>
    <cellStyle name="Обычный 2 2 5 2 2 2 5 2" xfId="5161"/>
    <cellStyle name="Обычный 2 2 5 2 2 2 6" xfId="5162"/>
    <cellStyle name="Обычный 2 2 5 2 2 3" xfId="5163"/>
    <cellStyle name="Обычный 2 2 5 2 2 3 2" xfId="5164"/>
    <cellStyle name="Обычный 2 2 5 2 2 3 2 2" xfId="5165"/>
    <cellStyle name="Обычный 2 2 5 2 2 3 2 2 2" xfId="5166"/>
    <cellStyle name="Обычный 2 2 5 2 2 3 2 3" xfId="5167"/>
    <cellStyle name="Обычный 2 2 5 2 2 3 2 3 2" xfId="5168"/>
    <cellStyle name="Обычный 2 2 5 2 2 3 2 4" xfId="5169"/>
    <cellStyle name="Обычный 2 2 5 2 2 3 3" xfId="5170"/>
    <cellStyle name="Обычный 2 2 5 2 2 3 3 2" xfId="5171"/>
    <cellStyle name="Обычный 2 2 5 2 2 3 4" xfId="5172"/>
    <cellStyle name="Обычный 2 2 5 2 2 3 4 2" xfId="5173"/>
    <cellStyle name="Обычный 2 2 5 2 2 3 5" xfId="5174"/>
    <cellStyle name="Обычный 2 2 5 2 2 3 5 2" xfId="5175"/>
    <cellStyle name="Обычный 2 2 5 2 2 3 6" xfId="5176"/>
    <cellStyle name="Обычный 2 2 5 2 2 4" xfId="5177"/>
    <cellStyle name="Обычный 2 2 5 2 2 4 2" xfId="5178"/>
    <cellStyle name="Обычный 2 2 5 2 2 4 2 2" xfId="5179"/>
    <cellStyle name="Обычный 2 2 5 2 2 4 2 2 2" xfId="5180"/>
    <cellStyle name="Обычный 2 2 5 2 2 4 2 3" xfId="5181"/>
    <cellStyle name="Обычный 2 2 5 2 2 4 2 3 2" xfId="5182"/>
    <cellStyle name="Обычный 2 2 5 2 2 4 2 4" xfId="5183"/>
    <cellStyle name="Обычный 2 2 5 2 2 4 3" xfId="5184"/>
    <cellStyle name="Обычный 2 2 5 2 2 4 3 2" xfId="5185"/>
    <cellStyle name="Обычный 2 2 5 2 2 4 4" xfId="5186"/>
    <cellStyle name="Обычный 2 2 5 2 2 4 4 2" xfId="5187"/>
    <cellStyle name="Обычный 2 2 5 2 2 4 5" xfId="5188"/>
    <cellStyle name="Обычный 2 2 5 2 2 4 5 2" xfId="5189"/>
    <cellStyle name="Обычный 2 2 5 2 2 4 6" xfId="5190"/>
    <cellStyle name="Обычный 2 2 5 2 2 5" xfId="5191"/>
    <cellStyle name="Обычный 2 2 5 2 2 5 2" xfId="5192"/>
    <cellStyle name="Обычный 2 2 5 2 2 5 2 2" xfId="5193"/>
    <cellStyle name="Обычный 2 2 5 2 2 5 2 2 2" xfId="5194"/>
    <cellStyle name="Обычный 2 2 5 2 2 5 2 3" xfId="5195"/>
    <cellStyle name="Обычный 2 2 5 2 2 5 2 3 2" xfId="5196"/>
    <cellStyle name="Обычный 2 2 5 2 2 5 2 4" xfId="5197"/>
    <cellStyle name="Обычный 2 2 5 2 2 5 3" xfId="5198"/>
    <cellStyle name="Обычный 2 2 5 2 2 5 3 2" xfId="5199"/>
    <cellStyle name="Обычный 2 2 5 2 2 5 4" xfId="5200"/>
    <cellStyle name="Обычный 2 2 5 2 2 5 4 2" xfId="5201"/>
    <cellStyle name="Обычный 2 2 5 2 2 5 5" xfId="5202"/>
    <cellStyle name="Обычный 2 2 5 2 2 5 5 2" xfId="5203"/>
    <cellStyle name="Обычный 2 2 5 2 2 5 6" xfId="5204"/>
    <cellStyle name="Обычный 2 2 5 2 2 6" xfId="5205"/>
    <cellStyle name="Обычный 2 2 5 2 2 6 2" xfId="5206"/>
    <cellStyle name="Обычный 2 2 5 2 2 6 2 2" xfId="5207"/>
    <cellStyle name="Обычный 2 2 5 2 2 6 3" xfId="5208"/>
    <cellStyle name="Обычный 2 2 5 2 2 6 3 2" xfId="5209"/>
    <cellStyle name="Обычный 2 2 5 2 2 6 4" xfId="5210"/>
    <cellStyle name="Обычный 2 2 5 2 2 7" xfId="5211"/>
    <cellStyle name="Обычный 2 2 5 2 2 7 2" xfId="5212"/>
    <cellStyle name="Обычный 2 2 5 2 2 8" xfId="5213"/>
    <cellStyle name="Обычный 2 2 5 2 2 8 2" xfId="5214"/>
    <cellStyle name="Обычный 2 2 5 2 2 9" xfId="5215"/>
    <cellStyle name="Обычный 2 2 5 2 2 9 2" xfId="5216"/>
    <cellStyle name="Обычный 2 2 5 2 3" xfId="5217"/>
    <cellStyle name="Обычный 2 2 5 2 3 2" xfId="5218"/>
    <cellStyle name="Обычный 2 2 5 2 3 2 2" xfId="5219"/>
    <cellStyle name="Обычный 2 2 5 2 3 2 2 2" xfId="5220"/>
    <cellStyle name="Обычный 2 2 5 2 3 2 2 2 2" xfId="5221"/>
    <cellStyle name="Обычный 2 2 5 2 3 2 2 3" xfId="5222"/>
    <cellStyle name="Обычный 2 2 5 2 3 2 2 3 2" xfId="5223"/>
    <cellStyle name="Обычный 2 2 5 2 3 2 2 4" xfId="5224"/>
    <cellStyle name="Обычный 2 2 5 2 3 2 3" xfId="5225"/>
    <cellStyle name="Обычный 2 2 5 2 3 2 3 2" xfId="5226"/>
    <cellStyle name="Обычный 2 2 5 2 3 2 4" xfId="5227"/>
    <cellStyle name="Обычный 2 2 5 2 3 2 4 2" xfId="5228"/>
    <cellStyle name="Обычный 2 2 5 2 3 2 5" xfId="5229"/>
    <cellStyle name="Обычный 2 2 5 2 3 2 5 2" xfId="5230"/>
    <cellStyle name="Обычный 2 2 5 2 3 2 6" xfId="5231"/>
    <cellStyle name="Обычный 2 2 5 2 3 3" xfId="5232"/>
    <cellStyle name="Обычный 2 2 5 2 3 3 2" xfId="5233"/>
    <cellStyle name="Обычный 2 2 5 2 3 3 2 2" xfId="5234"/>
    <cellStyle name="Обычный 2 2 5 2 3 3 2 2 2" xfId="5235"/>
    <cellStyle name="Обычный 2 2 5 2 3 3 2 3" xfId="5236"/>
    <cellStyle name="Обычный 2 2 5 2 3 3 2 3 2" xfId="5237"/>
    <cellStyle name="Обычный 2 2 5 2 3 3 2 4" xfId="5238"/>
    <cellStyle name="Обычный 2 2 5 2 3 3 3" xfId="5239"/>
    <cellStyle name="Обычный 2 2 5 2 3 3 3 2" xfId="5240"/>
    <cellStyle name="Обычный 2 2 5 2 3 3 4" xfId="5241"/>
    <cellStyle name="Обычный 2 2 5 2 3 3 4 2" xfId="5242"/>
    <cellStyle name="Обычный 2 2 5 2 3 3 5" xfId="5243"/>
    <cellStyle name="Обычный 2 2 5 2 3 3 5 2" xfId="5244"/>
    <cellStyle name="Обычный 2 2 5 2 3 3 6" xfId="5245"/>
    <cellStyle name="Обычный 2 2 5 2 3 4" xfId="5246"/>
    <cellStyle name="Обычный 2 2 5 2 3 4 2" xfId="5247"/>
    <cellStyle name="Обычный 2 2 5 2 3 4 2 2" xfId="5248"/>
    <cellStyle name="Обычный 2 2 5 2 3 4 2 2 2" xfId="5249"/>
    <cellStyle name="Обычный 2 2 5 2 3 4 2 3" xfId="5250"/>
    <cellStyle name="Обычный 2 2 5 2 3 4 2 3 2" xfId="5251"/>
    <cellStyle name="Обычный 2 2 5 2 3 4 2 4" xfId="5252"/>
    <cellStyle name="Обычный 2 2 5 2 3 4 3" xfId="5253"/>
    <cellStyle name="Обычный 2 2 5 2 3 4 3 2" xfId="5254"/>
    <cellStyle name="Обычный 2 2 5 2 3 4 4" xfId="5255"/>
    <cellStyle name="Обычный 2 2 5 2 3 4 4 2" xfId="5256"/>
    <cellStyle name="Обычный 2 2 5 2 3 4 5" xfId="5257"/>
    <cellStyle name="Обычный 2 2 5 2 3 4 5 2" xfId="5258"/>
    <cellStyle name="Обычный 2 2 5 2 3 4 6" xfId="5259"/>
    <cellStyle name="Обычный 2 2 5 2 3 5" xfId="5260"/>
    <cellStyle name="Обычный 2 2 5 2 3 5 2" xfId="5261"/>
    <cellStyle name="Обычный 2 2 5 2 3 5 2 2" xfId="5262"/>
    <cellStyle name="Обычный 2 2 5 2 3 5 3" xfId="5263"/>
    <cellStyle name="Обычный 2 2 5 2 3 5 3 2" xfId="5264"/>
    <cellStyle name="Обычный 2 2 5 2 3 5 4" xfId="5265"/>
    <cellStyle name="Обычный 2 2 5 2 3 6" xfId="5266"/>
    <cellStyle name="Обычный 2 2 5 2 3 6 2" xfId="5267"/>
    <cellStyle name="Обычный 2 2 5 2 3 7" xfId="5268"/>
    <cellStyle name="Обычный 2 2 5 2 3 7 2" xfId="5269"/>
    <cellStyle name="Обычный 2 2 5 2 3 8" xfId="5270"/>
    <cellStyle name="Обычный 2 2 5 2 3 8 2" xfId="5271"/>
    <cellStyle name="Обычный 2 2 5 2 3 9" xfId="5272"/>
    <cellStyle name="Обычный 2 2 5 2 4" xfId="5273"/>
    <cellStyle name="Обычный 2 2 5 2 4 2" xfId="5274"/>
    <cellStyle name="Обычный 2 2 5 2 4 2 2" xfId="5275"/>
    <cellStyle name="Обычный 2 2 5 2 4 2 2 2" xfId="5276"/>
    <cellStyle name="Обычный 2 2 5 2 4 2 3" xfId="5277"/>
    <cellStyle name="Обычный 2 2 5 2 4 2 3 2" xfId="5278"/>
    <cellStyle name="Обычный 2 2 5 2 4 2 4" xfId="5279"/>
    <cellStyle name="Обычный 2 2 5 2 4 3" xfId="5280"/>
    <cellStyle name="Обычный 2 2 5 2 4 3 2" xfId="5281"/>
    <cellStyle name="Обычный 2 2 5 2 4 4" xfId="5282"/>
    <cellStyle name="Обычный 2 2 5 2 4 4 2" xfId="5283"/>
    <cellStyle name="Обычный 2 2 5 2 4 5" xfId="5284"/>
    <cellStyle name="Обычный 2 2 5 2 4 5 2" xfId="5285"/>
    <cellStyle name="Обычный 2 2 5 2 4 6" xfId="5286"/>
    <cellStyle name="Обычный 2 2 5 2 5" xfId="5287"/>
    <cellStyle name="Обычный 2 2 5 2 5 2" xfId="5288"/>
    <cellStyle name="Обычный 2 2 5 2 5 2 2" xfId="5289"/>
    <cellStyle name="Обычный 2 2 5 2 5 2 2 2" xfId="5290"/>
    <cellStyle name="Обычный 2 2 5 2 5 2 3" xfId="5291"/>
    <cellStyle name="Обычный 2 2 5 2 5 2 3 2" xfId="5292"/>
    <cellStyle name="Обычный 2 2 5 2 5 2 4" xfId="5293"/>
    <cellStyle name="Обычный 2 2 5 2 5 3" xfId="5294"/>
    <cellStyle name="Обычный 2 2 5 2 5 3 2" xfId="5295"/>
    <cellStyle name="Обычный 2 2 5 2 5 4" xfId="5296"/>
    <cellStyle name="Обычный 2 2 5 2 5 4 2" xfId="5297"/>
    <cellStyle name="Обычный 2 2 5 2 5 5" xfId="5298"/>
    <cellStyle name="Обычный 2 2 5 2 5 5 2" xfId="5299"/>
    <cellStyle name="Обычный 2 2 5 2 5 6" xfId="5300"/>
    <cellStyle name="Обычный 2 2 5 2 6" xfId="5301"/>
    <cellStyle name="Обычный 2 2 5 2 6 2" xfId="5302"/>
    <cellStyle name="Обычный 2 2 5 2 6 2 2" xfId="5303"/>
    <cellStyle name="Обычный 2 2 5 2 6 2 2 2" xfId="5304"/>
    <cellStyle name="Обычный 2 2 5 2 6 2 3" xfId="5305"/>
    <cellStyle name="Обычный 2 2 5 2 6 2 3 2" xfId="5306"/>
    <cellStyle name="Обычный 2 2 5 2 6 2 4" xfId="5307"/>
    <cellStyle name="Обычный 2 2 5 2 6 3" xfId="5308"/>
    <cellStyle name="Обычный 2 2 5 2 6 3 2" xfId="5309"/>
    <cellStyle name="Обычный 2 2 5 2 6 4" xfId="5310"/>
    <cellStyle name="Обычный 2 2 5 2 6 4 2" xfId="5311"/>
    <cellStyle name="Обычный 2 2 5 2 6 5" xfId="5312"/>
    <cellStyle name="Обычный 2 2 5 2 6 5 2" xfId="5313"/>
    <cellStyle name="Обычный 2 2 5 2 6 6" xfId="5314"/>
    <cellStyle name="Обычный 2 2 5 2 7" xfId="5315"/>
    <cellStyle name="Обычный 2 2 5 2 7 2" xfId="5316"/>
    <cellStyle name="Обычный 2 2 5 2 7 2 2" xfId="5317"/>
    <cellStyle name="Обычный 2 2 5 2 7 2 2 2" xfId="5318"/>
    <cellStyle name="Обычный 2 2 5 2 7 2 3" xfId="5319"/>
    <cellStyle name="Обычный 2 2 5 2 7 2 3 2" xfId="5320"/>
    <cellStyle name="Обычный 2 2 5 2 7 2 4" xfId="5321"/>
    <cellStyle name="Обычный 2 2 5 2 7 3" xfId="5322"/>
    <cellStyle name="Обычный 2 2 5 2 7 3 2" xfId="5323"/>
    <cellStyle name="Обычный 2 2 5 2 7 4" xfId="5324"/>
    <cellStyle name="Обычный 2 2 5 2 7 4 2" xfId="5325"/>
    <cellStyle name="Обычный 2 2 5 2 7 5" xfId="5326"/>
    <cellStyle name="Обычный 2 2 5 2 7 5 2" xfId="5327"/>
    <cellStyle name="Обычный 2 2 5 2 7 6" xfId="5328"/>
    <cellStyle name="Обычный 2 2 5 2 8" xfId="5329"/>
    <cellStyle name="Обычный 2 2 5 2 8 2" xfId="5330"/>
    <cellStyle name="Обычный 2 2 5 2 8 2 2" xfId="5331"/>
    <cellStyle name="Обычный 2 2 5 2 8 3" xfId="5332"/>
    <cellStyle name="Обычный 2 2 5 2 8 3 2" xfId="5333"/>
    <cellStyle name="Обычный 2 2 5 2 8 4" xfId="5334"/>
    <cellStyle name="Обычный 2 2 5 2 9" xfId="5335"/>
    <cellStyle name="Обычный 2 2 5 2 9 2" xfId="5336"/>
    <cellStyle name="Обычный 2 2 5 2 9 2 2" xfId="5337"/>
    <cellStyle name="Обычный 2 2 5 2 9 3" xfId="5338"/>
    <cellStyle name="Обычный 2 2 5 3" xfId="5339"/>
    <cellStyle name="Обычный 2 2 5 3 10" xfId="5340"/>
    <cellStyle name="Обычный 2 2 5 3 2" xfId="5341"/>
    <cellStyle name="Обычный 2 2 5 3 2 2" xfId="5342"/>
    <cellStyle name="Обычный 2 2 5 3 2 2 2" xfId="5343"/>
    <cellStyle name="Обычный 2 2 5 3 2 2 2 2" xfId="5344"/>
    <cellStyle name="Обычный 2 2 5 3 2 2 3" xfId="5345"/>
    <cellStyle name="Обычный 2 2 5 3 2 2 3 2" xfId="5346"/>
    <cellStyle name="Обычный 2 2 5 3 2 2 4" xfId="5347"/>
    <cellStyle name="Обычный 2 2 5 3 2 3" xfId="5348"/>
    <cellStyle name="Обычный 2 2 5 3 2 3 2" xfId="5349"/>
    <cellStyle name="Обычный 2 2 5 3 2 4" xfId="5350"/>
    <cellStyle name="Обычный 2 2 5 3 2 4 2" xfId="5351"/>
    <cellStyle name="Обычный 2 2 5 3 2 5" xfId="5352"/>
    <cellStyle name="Обычный 2 2 5 3 2 5 2" xfId="5353"/>
    <cellStyle name="Обычный 2 2 5 3 2 6" xfId="5354"/>
    <cellStyle name="Обычный 2 2 5 3 3" xfId="5355"/>
    <cellStyle name="Обычный 2 2 5 3 3 2" xfId="5356"/>
    <cellStyle name="Обычный 2 2 5 3 3 2 2" xfId="5357"/>
    <cellStyle name="Обычный 2 2 5 3 3 2 2 2" xfId="5358"/>
    <cellStyle name="Обычный 2 2 5 3 3 2 3" xfId="5359"/>
    <cellStyle name="Обычный 2 2 5 3 3 2 3 2" xfId="5360"/>
    <cellStyle name="Обычный 2 2 5 3 3 2 4" xfId="5361"/>
    <cellStyle name="Обычный 2 2 5 3 3 3" xfId="5362"/>
    <cellStyle name="Обычный 2 2 5 3 3 3 2" xfId="5363"/>
    <cellStyle name="Обычный 2 2 5 3 3 4" xfId="5364"/>
    <cellStyle name="Обычный 2 2 5 3 3 4 2" xfId="5365"/>
    <cellStyle name="Обычный 2 2 5 3 3 5" xfId="5366"/>
    <cellStyle name="Обычный 2 2 5 3 3 5 2" xfId="5367"/>
    <cellStyle name="Обычный 2 2 5 3 3 6" xfId="5368"/>
    <cellStyle name="Обычный 2 2 5 3 4" xfId="5369"/>
    <cellStyle name="Обычный 2 2 5 3 4 2" xfId="5370"/>
    <cellStyle name="Обычный 2 2 5 3 4 2 2" xfId="5371"/>
    <cellStyle name="Обычный 2 2 5 3 4 2 2 2" xfId="5372"/>
    <cellStyle name="Обычный 2 2 5 3 4 2 3" xfId="5373"/>
    <cellStyle name="Обычный 2 2 5 3 4 2 3 2" xfId="5374"/>
    <cellStyle name="Обычный 2 2 5 3 4 2 4" xfId="5375"/>
    <cellStyle name="Обычный 2 2 5 3 4 3" xfId="5376"/>
    <cellStyle name="Обычный 2 2 5 3 4 3 2" xfId="5377"/>
    <cellStyle name="Обычный 2 2 5 3 4 4" xfId="5378"/>
    <cellStyle name="Обычный 2 2 5 3 4 4 2" xfId="5379"/>
    <cellStyle name="Обычный 2 2 5 3 4 5" xfId="5380"/>
    <cellStyle name="Обычный 2 2 5 3 4 5 2" xfId="5381"/>
    <cellStyle name="Обычный 2 2 5 3 4 6" xfId="5382"/>
    <cellStyle name="Обычный 2 2 5 3 5" xfId="5383"/>
    <cellStyle name="Обычный 2 2 5 3 5 2" xfId="5384"/>
    <cellStyle name="Обычный 2 2 5 3 5 2 2" xfId="5385"/>
    <cellStyle name="Обычный 2 2 5 3 5 2 2 2" xfId="5386"/>
    <cellStyle name="Обычный 2 2 5 3 5 2 3" xfId="5387"/>
    <cellStyle name="Обычный 2 2 5 3 5 2 3 2" xfId="5388"/>
    <cellStyle name="Обычный 2 2 5 3 5 2 4" xfId="5389"/>
    <cellStyle name="Обычный 2 2 5 3 5 3" xfId="5390"/>
    <cellStyle name="Обычный 2 2 5 3 5 3 2" xfId="5391"/>
    <cellStyle name="Обычный 2 2 5 3 5 4" xfId="5392"/>
    <cellStyle name="Обычный 2 2 5 3 5 4 2" xfId="5393"/>
    <cellStyle name="Обычный 2 2 5 3 5 5" xfId="5394"/>
    <cellStyle name="Обычный 2 2 5 3 5 5 2" xfId="5395"/>
    <cellStyle name="Обычный 2 2 5 3 5 6" xfId="5396"/>
    <cellStyle name="Обычный 2 2 5 3 6" xfId="5397"/>
    <cellStyle name="Обычный 2 2 5 3 6 2" xfId="5398"/>
    <cellStyle name="Обычный 2 2 5 3 6 2 2" xfId="5399"/>
    <cellStyle name="Обычный 2 2 5 3 6 3" xfId="5400"/>
    <cellStyle name="Обычный 2 2 5 3 6 3 2" xfId="5401"/>
    <cellStyle name="Обычный 2 2 5 3 6 4" xfId="5402"/>
    <cellStyle name="Обычный 2 2 5 3 7" xfId="5403"/>
    <cellStyle name="Обычный 2 2 5 3 7 2" xfId="5404"/>
    <cellStyle name="Обычный 2 2 5 3 8" xfId="5405"/>
    <cellStyle name="Обычный 2 2 5 3 8 2" xfId="5406"/>
    <cellStyle name="Обычный 2 2 5 3 9" xfId="5407"/>
    <cellStyle name="Обычный 2 2 5 3 9 2" xfId="5408"/>
    <cellStyle name="Обычный 2 2 5 4" xfId="5409"/>
    <cellStyle name="Обычный 2 2 5 4 2" xfId="5410"/>
    <cellStyle name="Обычный 2 2 5 4 2 2" xfId="5411"/>
    <cellStyle name="Обычный 2 2 5 4 2 2 2" xfId="5412"/>
    <cellStyle name="Обычный 2 2 5 4 2 2 2 2" xfId="5413"/>
    <cellStyle name="Обычный 2 2 5 4 2 2 3" xfId="5414"/>
    <cellStyle name="Обычный 2 2 5 4 2 2 3 2" xfId="5415"/>
    <cellStyle name="Обычный 2 2 5 4 2 2 4" xfId="5416"/>
    <cellStyle name="Обычный 2 2 5 4 2 3" xfId="5417"/>
    <cellStyle name="Обычный 2 2 5 4 2 3 2" xfId="5418"/>
    <cellStyle name="Обычный 2 2 5 4 2 4" xfId="5419"/>
    <cellStyle name="Обычный 2 2 5 4 2 4 2" xfId="5420"/>
    <cellStyle name="Обычный 2 2 5 4 2 5" xfId="5421"/>
    <cellStyle name="Обычный 2 2 5 4 2 5 2" xfId="5422"/>
    <cellStyle name="Обычный 2 2 5 4 2 6" xfId="5423"/>
    <cellStyle name="Обычный 2 2 5 4 3" xfId="5424"/>
    <cellStyle name="Обычный 2 2 5 4 3 2" xfId="5425"/>
    <cellStyle name="Обычный 2 2 5 4 3 2 2" xfId="5426"/>
    <cellStyle name="Обычный 2 2 5 4 3 2 2 2" xfId="5427"/>
    <cellStyle name="Обычный 2 2 5 4 3 2 3" xfId="5428"/>
    <cellStyle name="Обычный 2 2 5 4 3 2 3 2" xfId="5429"/>
    <cellStyle name="Обычный 2 2 5 4 3 2 4" xfId="5430"/>
    <cellStyle name="Обычный 2 2 5 4 3 3" xfId="5431"/>
    <cellStyle name="Обычный 2 2 5 4 3 3 2" xfId="5432"/>
    <cellStyle name="Обычный 2 2 5 4 3 4" xfId="5433"/>
    <cellStyle name="Обычный 2 2 5 4 3 4 2" xfId="5434"/>
    <cellStyle name="Обычный 2 2 5 4 3 5" xfId="5435"/>
    <cellStyle name="Обычный 2 2 5 4 3 5 2" xfId="5436"/>
    <cellStyle name="Обычный 2 2 5 4 3 6" xfId="5437"/>
    <cellStyle name="Обычный 2 2 5 4 4" xfId="5438"/>
    <cellStyle name="Обычный 2 2 5 4 4 2" xfId="5439"/>
    <cellStyle name="Обычный 2 2 5 4 4 2 2" xfId="5440"/>
    <cellStyle name="Обычный 2 2 5 4 4 2 2 2" xfId="5441"/>
    <cellStyle name="Обычный 2 2 5 4 4 2 3" xfId="5442"/>
    <cellStyle name="Обычный 2 2 5 4 4 2 3 2" xfId="5443"/>
    <cellStyle name="Обычный 2 2 5 4 4 2 4" xfId="5444"/>
    <cellStyle name="Обычный 2 2 5 4 4 3" xfId="5445"/>
    <cellStyle name="Обычный 2 2 5 4 4 3 2" xfId="5446"/>
    <cellStyle name="Обычный 2 2 5 4 4 4" xfId="5447"/>
    <cellStyle name="Обычный 2 2 5 4 4 4 2" xfId="5448"/>
    <cellStyle name="Обычный 2 2 5 4 4 5" xfId="5449"/>
    <cellStyle name="Обычный 2 2 5 4 4 5 2" xfId="5450"/>
    <cellStyle name="Обычный 2 2 5 4 4 6" xfId="5451"/>
    <cellStyle name="Обычный 2 2 5 4 5" xfId="5452"/>
    <cellStyle name="Обычный 2 2 5 4 5 2" xfId="5453"/>
    <cellStyle name="Обычный 2 2 5 4 5 2 2" xfId="5454"/>
    <cellStyle name="Обычный 2 2 5 4 5 3" xfId="5455"/>
    <cellStyle name="Обычный 2 2 5 4 5 3 2" xfId="5456"/>
    <cellStyle name="Обычный 2 2 5 4 5 4" xfId="5457"/>
    <cellStyle name="Обычный 2 2 5 4 6" xfId="5458"/>
    <cellStyle name="Обычный 2 2 5 4 6 2" xfId="5459"/>
    <cellStyle name="Обычный 2 2 5 4 7" xfId="5460"/>
    <cellStyle name="Обычный 2 2 5 4 7 2" xfId="5461"/>
    <cellStyle name="Обычный 2 2 5 4 8" xfId="5462"/>
    <cellStyle name="Обычный 2 2 5 4 8 2" xfId="5463"/>
    <cellStyle name="Обычный 2 2 5 4 9" xfId="5464"/>
    <cellStyle name="Обычный 2 2 5 5" xfId="5465"/>
    <cellStyle name="Обычный 2 2 5 5 2" xfId="5466"/>
    <cellStyle name="Обычный 2 2 5 5 2 2" xfId="5467"/>
    <cellStyle name="Обычный 2 2 5 5 2 2 2" xfId="5468"/>
    <cellStyle name="Обычный 2 2 5 5 2 3" xfId="5469"/>
    <cellStyle name="Обычный 2 2 5 5 2 3 2" xfId="5470"/>
    <cellStyle name="Обычный 2 2 5 5 2 4" xfId="5471"/>
    <cellStyle name="Обычный 2 2 5 5 3" xfId="5472"/>
    <cellStyle name="Обычный 2 2 5 5 3 2" xfId="5473"/>
    <cellStyle name="Обычный 2 2 5 5 4" xfId="5474"/>
    <cellStyle name="Обычный 2 2 5 5 4 2" xfId="5475"/>
    <cellStyle name="Обычный 2 2 5 5 5" xfId="5476"/>
    <cellStyle name="Обычный 2 2 5 5 5 2" xfId="5477"/>
    <cellStyle name="Обычный 2 2 5 5 6" xfId="5478"/>
    <cellStyle name="Обычный 2 2 5 6" xfId="5479"/>
    <cellStyle name="Обычный 2 2 5 6 2" xfId="5480"/>
    <cellStyle name="Обычный 2 2 5 6 2 2" xfId="5481"/>
    <cellStyle name="Обычный 2 2 5 6 2 2 2" xfId="5482"/>
    <cellStyle name="Обычный 2 2 5 6 2 3" xfId="5483"/>
    <cellStyle name="Обычный 2 2 5 6 2 3 2" xfId="5484"/>
    <cellStyle name="Обычный 2 2 5 6 2 4" xfId="5485"/>
    <cellStyle name="Обычный 2 2 5 6 3" xfId="5486"/>
    <cellStyle name="Обычный 2 2 5 6 3 2" xfId="5487"/>
    <cellStyle name="Обычный 2 2 5 6 4" xfId="5488"/>
    <cellStyle name="Обычный 2 2 5 6 4 2" xfId="5489"/>
    <cellStyle name="Обычный 2 2 5 6 5" xfId="5490"/>
    <cellStyle name="Обычный 2 2 5 6 5 2" xfId="5491"/>
    <cellStyle name="Обычный 2 2 5 6 6" xfId="5492"/>
    <cellStyle name="Обычный 2 2 5 7" xfId="5493"/>
    <cellStyle name="Обычный 2 2 5 7 2" xfId="5494"/>
    <cellStyle name="Обычный 2 2 5 7 2 2" xfId="5495"/>
    <cellStyle name="Обычный 2 2 5 7 2 2 2" xfId="5496"/>
    <cellStyle name="Обычный 2 2 5 7 2 3" xfId="5497"/>
    <cellStyle name="Обычный 2 2 5 7 2 3 2" xfId="5498"/>
    <cellStyle name="Обычный 2 2 5 7 2 4" xfId="5499"/>
    <cellStyle name="Обычный 2 2 5 7 3" xfId="5500"/>
    <cellStyle name="Обычный 2 2 5 7 3 2" xfId="5501"/>
    <cellStyle name="Обычный 2 2 5 7 4" xfId="5502"/>
    <cellStyle name="Обычный 2 2 5 7 4 2" xfId="5503"/>
    <cellStyle name="Обычный 2 2 5 7 5" xfId="5504"/>
    <cellStyle name="Обычный 2 2 5 7 5 2" xfId="5505"/>
    <cellStyle name="Обычный 2 2 5 7 6" xfId="5506"/>
    <cellStyle name="Обычный 2 2 5 8" xfId="5507"/>
    <cellStyle name="Обычный 2 2 5 8 2" xfId="5508"/>
    <cellStyle name="Обычный 2 2 5 8 2 2" xfId="5509"/>
    <cellStyle name="Обычный 2 2 5 8 2 2 2" xfId="5510"/>
    <cellStyle name="Обычный 2 2 5 8 2 3" xfId="5511"/>
    <cellStyle name="Обычный 2 2 5 8 2 3 2" xfId="5512"/>
    <cellStyle name="Обычный 2 2 5 8 2 4" xfId="5513"/>
    <cellStyle name="Обычный 2 2 5 8 3" xfId="5514"/>
    <cellStyle name="Обычный 2 2 5 8 3 2" xfId="5515"/>
    <cellStyle name="Обычный 2 2 5 8 4" xfId="5516"/>
    <cellStyle name="Обычный 2 2 5 8 4 2" xfId="5517"/>
    <cellStyle name="Обычный 2 2 5 8 5" xfId="5518"/>
    <cellStyle name="Обычный 2 2 5 8 5 2" xfId="5519"/>
    <cellStyle name="Обычный 2 2 5 8 6" xfId="5520"/>
    <cellStyle name="Обычный 2 2 5 9" xfId="5521"/>
    <cellStyle name="Обычный 2 2 5 9 2" xfId="5522"/>
    <cellStyle name="Обычный 2 2 5 9 2 2" xfId="5523"/>
    <cellStyle name="Обычный 2 2 5 9 3" xfId="5524"/>
    <cellStyle name="Обычный 2 2 5 9 3 2" xfId="5525"/>
    <cellStyle name="Обычный 2 2 5 9 4" xfId="5526"/>
    <cellStyle name="Обычный 2 2 6" xfId="5527"/>
    <cellStyle name="Обычный 2 2 6 10" xfId="5528"/>
    <cellStyle name="Обычный 2 2 6 10 2" xfId="5529"/>
    <cellStyle name="Обычный 2 2 6 10 2 2" xfId="5530"/>
    <cellStyle name="Обычный 2 2 6 10 3" xfId="5531"/>
    <cellStyle name="Обычный 2 2 6 11" xfId="5532"/>
    <cellStyle name="Обычный 2 2 6 11 2" xfId="5533"/>
    <cellStyle name="Обычный 2 2 6 12" xfId="5534"/>
    <cellStyle name="Обычный 2 2 6 12 2" xfId="5535"/>
    <cellStyle name="Обычный 2 2 6 13" xfId="5536"/>
    <cellStyle name="Обычный 2 2 6 14" xfId="5537"/>
    <cellStyle name="Обычный 2 2 6 2" xfId="5538"/>
    <cellStyle name="Обычный 2 2 6 2 10" xfId="5539"/>
    <cellStyle name="Обычный 2 2 6 2 10 2" xfId="5540"/>
    <cellStyle name="Обычный 2 2 6 2 11" xfId="5541"/>
    <cellStyle name="Обычный 2 2 6 2 11 2" xfId="5542"/>
    <cellStyle name="Обычный 2 2 6 2 12" xfId="5543"/>
    <cellStyle name="Обычный 2 2 6 2 13" xfId="5544"/>
    <cellStyle name="Обычный 2 2 6 2 2" xfId="5545"/>
    <cellStyle name="Обычный 2 2 6 2 2 10" xfId="5546"/>
    <cellStyle name="Обычный 2 2 6 2 2 2" xfId="5547"/>
    <cellStyle name="Обычный 2 2 6 2 2 2 2" xfId="5548"/>
    <cellStyle name="Обычный 2 2 6 2 2 2 2 2" xfId="5549"/>
    <cellStyle name="Обычный 2 2 6 2 2 2 2 2 2" xfId="5550"/>
    <cellStyle name="Обычный 2 2 6 2 2 2 2 3" xfId="5551"/>
    <cellStyle name="Обычный 2 2 6 2 2 2 2 3 2" xfId="5552"/>
    <cellStyle name="Обычный 2 2 6 2 2 2 2 4" xfId="5553"/>
    <cellStyle name="Обычный 2 2 6 2 2 2 3" xfId="5554"/>
    <cellStyle name="Обычный 2 2 6 2 2 2 3 2" xfId="5555"/>
    <cellStyle name="Обычный 2 2 6 2 2 2 4" xfId="5556"/>
    <cellStyle name="Обычный 2 2 6 2 2 2 4 2" xfId="5557"/>
    <cellStyle name="Обычный 2 2 6 2 2 2 5" xfId="5558"/>
    <cellStyle name="Обычный 2 2 6 2 2 2 5 2" xfId="5559"/>
    <cellStyle name="Обычный 2 2 6 2 2 2 6" xfId="5560"/>
    <cellStyle name="Обычный 2 2 6 2 2 3" xfId="5561"/>
    <cellStyle name="Обычный 2 2 6 2 2 3 2" xfId="5562"/>
    <cellStyle name="Обычный 2 2 6 2 2 3 2 2" xfId="5563"/>
    <cellStyle name="Обычный 2 2 6 2 2 3 2 2 2" xfId="5564"/>
    <cellStyle name="Обычный 2 2 6 2 2 3 2 3" xfId="5565"/>
    <cellStyle name="Обычный 2 2 6 2 2 3 2 3 2" xfId="5566"/>
    <cellStyle name="Обычный 2 2 6 2 2 3 2 4" xfId="5567"/>
    <cellStyle name="Обычный 2 2 6 2 2 3 3" xfId="5568"/>
    <cellStyle name="Обычный 2 2 6 2 2 3 3 2" xfId="5569"/>
    <cellStyle name="Обычный 2 2 6 2 2 3 4" xfId="5570"/>
    <cellStyle name="Обычный 2 2 6 2 2 3 4 2" xfId="5571"/>
    <cellStyle name="Обычный 2 2 6 2 2 3 5" xfId="5572"/>
    <cellStyle name="Обычный 2 2 6 2 2 3 5 2" xfId="5573"/>
    <cellStyle name="Обычный 2 2 6 2 2 3 6" xfId="5574"/>
    <cellStyle name="Обычный 2 2 6 2 2 4" xfId="5575"/>
    <cellStyle name="Обычный 2 2 6 2 2 4 2" xfId="5576"/>
    <cellStyle name="Обычный 2 2 6 2 2 4 2 2" xfId="5577"/>
    <cellStyle name="Обычный 2 2 6 2 2 4 2 2 2" xfId="5578"/>
    <cellStyle name="Обычный 2 2 6 2 2 4 2 3" xfId="5579"/>
    <cellStyle name="Обычный 2 2 6 2 2 4 2 3 2" xfId="5580"/>
    <cellStyle name="Обычный 2 2 6 2 2 4 2 4" xfId="5581"/>
    <cellStyle name="Обычный 2 2 6 2 2 4 3" xfId="5582"/>
    <cellStyle name="Обычный 2 2 6 2 2 4 3 2" xfId="5583"/>
    <cellStyle name="Обычный 2 2 6 2 2 4 4" xfId="5584"/>
    <cellStyle name="Обычный 2 2 6 2 2 4 4 2" xfId="5585"/>
    <cellStyle name="Обычный 2 2 6 2 2 4 5" xfId="5586"/>
    <cellStyle name="Обычный 2 2 6 2 2 4 5 2" xfId="5587"/>
    <cellStyle name="Обычный 2 2 6 2 2 4 6" xfId="5588"/>
    <cellStyle name="Обычный 2 2 6 2 2 5" xfId="5589"/>
    <cellStyle name="Обычный 2 2 6 2 2 5 2" xfId="5590"/>
    <cellStyle name="Обычный 2 2 6 2 2 5 2 2" xfId="5591"/>
    <cellStyle name="Обычный 2 2 6 2 2 5 2 2 2" xfId="5592"/>
    <cellStyle name="Обычный 2 2 6 2 2 5 2 3" xfId="5593"/>
    <cellStyle name="Обычный 2 2 6 2 2 5 2 3 2" xfId="5594"/>
    <cellStyle name="Обычный 2 2 6 2 2 5 2 4" xfId="5595"/>
    <cellStyle name="Обычный 2 2 6 2 2 5 3" xfId="5596"/>
    <cellStyle name="Обычный 2 2 6 2 2 5 3 2" xfId="5597"/>
    <cellStyle name="Обычный 2 2 6 2 2 5 4" xfId="5598"/>
    <cellStyle name="Обычный 2 2 6 2 2 5 4 2" xfId="5599"/>
    <cellStyle name="Обычный 2 2 6 2 2 5 5" xfId="5600"/>
    <cellStyle name="Обычный 2 2 6 2 2 5 5 2" xfId="5601"/>
    <cellStyle name="Обычный 2 2 6 2 2 5 6" xfId="5602"/>
    <cellStyle name="Обычный 2 2 6 2 2 6" xfId="5603"/>
    <cellStyle name="Обычный 2 2 6 2 2 6 2" xfId="5604"/>
    <cellStyle name="Обычный 2 2 6 2 2 6 2 2" xfId="5605"/>
    <cellStyle name="Обычный 2 2 6 2 2 6 3" xfId="5606"/>
    <cellStyle name="Обычный 2 2 6 2 2 6 3 2" xfId="5607"/>
    <cellStyle name="Обычный 2 2 6 2 2 6 4" xfId="5608"/>
    <cellStyle name="Обычный 2 2 6 2 2 7" xfId="5609"/>
    <cellStyle name="Обычный 2 2 6 2 2 7 2" xfId="5610"/>
    <cellStyle name="Обычный 2 2 6 2 2 8" xfId="5611"/>
    <cellStyle name="Обычный 2 2 6 2 2 8 2" xfId="5612"/>
    <cellStyle name="Обычный 2 2 6 2 2 9" xfId="5613"/>
    <cellStyle name="Обычный 2 2 6 2 2 9 2" xfId="5614"/>
    <cellStyle name="Обычный 2 2 6 2 3" xfId="5615"/>
    <cellStyle name="Обычный 2 2 6 2 3 2" xfId="5616"/>
    <cellStyle name="Обычный 2 2 6 2 3 2 2" xfId="5617"/>
    <cellStyle name="Обычный 2 2 6 2 3 2 2 2" xfId="5618"/>
    <cellStyle name="Обычный 2 2 6 2 3 2 2 2 2" xfId="5619"/>
    <cellStyle name="Обычный 2 2 6 2 3 2 2 3" xfId="5620"/>
    <cellStyle name="Обычный 2 2 6 2 3 2 2 3 2" xfId="5621"/>
    <cellStyle name="Обычный 2 2 6 2 3 2 2 4" xfId="5622"/>
    <cellStyle name="Обычный 2 2 6 2 3 2 3" xfId="5623"/>
    <cellStyle name="Обычный 2 2 6 2 3 2 3 2" xfId="5624"/>
    <cellStyle name="Обычный 2 2 6 2 3 2 4" xfId="5625"/>
    <cellStyle name="Обычный 2 2 6 2 3 2 4 2" xfId="5626"/>
    <cellStyle name="Обычный 2 2 6 2 3 2 5" xfId="5627"/>
    <cellStyle name="Обычный 2 2 6 2 3 2 5 2" xfId="5628"/>
    <cellStyle name="Обычный 2 2 6 2 3 2 6" xfId="5629"/>
    <cellStyle name="Обычный 2 2 6 2 3 3" xfId="5630"/>
    <cellStyle name="Обычный 2 2 6 2 3 3 2" xfId="5631"/>
    <cellStyle name="Обычный 2 2 6 2 3 3 2 2" xfId="5632"/>
    <cellStyle name="Обычный 2 2 6 2 3 3 2 2 2" xfId="5633"/>
    <cellStyle name="Обычный 2 2 6 2 3 3 2 3" xfId="5634"/>
    <cellStyle name="Обычный 2 2 6 2 3 3 2 3 2" xfId="5635"/>
    <cellStyle name="Обычный 2 2 6 2 3 3 2 4" xfId="5636"/>
    <cellStyle name="Обычный 2 2 6 2 3 3 3" xfId="5637"/>
    <cellStyle name="Обычный 2 2 6 2 3 3 3 2" xfId="5638"/>
    <cellStyle name="Обычный 2 2 6 2 3 3 4" xfId="5639"/>
    <cellStyle name="Обычный 2 2 6 2 3 3 4 2" xfId="5640"/>
    <cellStyle name="Обычный 2 2 6 2 3 3 5" xfId="5641"/>
    <cellStyle name="Обычный 2 2 6 2 3 3 5 2" xfId="5642"/>
    <cellStyle name="Обычный 2 2 6 2 3 3 6" xfId="5643"/>
    <cellStyle name="Обычный 2 2 6 2 3 4" xfId="5644"/>
    <cellStyle name="Обычный 2 2 6 2 3 4 2" xfId="5645"/>
    <cellStyle name="Обычный 2 2 6 2 3 4 2 2" xfId="5646"/>
    <cellStyle name="Обычный 2 2 6 2 3 4 2 2 2" xfId="5647"/>
    <cellStyle name="Обычный 2 2 6 2 3 4 2 3" xfId="5648"/>
    <cellStyle name="Обычный 2 2 6 2 3 4 2 3 2" xfId="5649"/>
    <cellStyle name="Обычный 2 2 6 2 3 4 2 4" xfId="5650"/>
    <cellStyle name="Обычный 2 2 6 2 3 4 3" xfId="5651"/>
    <cellStyle name="Обычный 2 2 6 2 3 4 3 2" xfId="5652"/>
    <cellStyle name="Обычный 2 2 6 2 3 4 4" xfId="5653"/>
    <cellStyle name="Обычный 2 2 6 2 3 4 4 2" xfId="5654"/>
    <cellStyle name="Обычный 2 2 6 2 3 4 5" xfId="5655"/>
    <cellStyle name="Обычный 2 2 6 2 3 4 5 2" xfId="5656"/>
    <cellStyle name="Обычный 2 2 6 2 3 4 6" xfId="5657"/>
    <cellStyle name="Обычный 2 2 6 2 3 5" xfId="5658"/>
    <cellStyle name="Обычный 2 2 6 2 3 5 2" xfId="5659"/>
    <cellStyle name="Обычный 2 2 6 2 3 5 2 2" xfId="5660"/>
    <cellStyle name="Обычный 2 2 6 2 3 5 3" xfId="5661"/>
    <cellStyle name="Обычный 2 2 6 2 3 5 3 2" xfId="5662"/>
    <cellStyle name="Обычный 2 2 6 2 3 5 4" xfId="5663"/>
    <cellStyle name="Обычный 2 2 6 2 3 6" xfId="5664"/>
    <cellStyle name="Обычный 2 2 6 2 3 6 2" xfId="5665"/>
    <cellStyle name="Обычный 2 2 6 2 3 7" xfId="5666"/>
    <cellStyle name="Обычный 2 2 6 2 3 7 2" xfId="5667"/>
    <cellStyle name="Обычный 2 2 6 2 3 8" xfId="5668"/>
    <cellStyle name="Обычный 2 2 6 2 3 8 2" xfId="5669"/>
    <cellStyle name="Обычный 2 2 6 2 3 9" xfId="5670"/>
    <cellStyle name="Обычный 2 2 6 2 4" xfId="5671"/>
    <cellStyle name="Обычный 2 2 6 2 4 2" xfId="5672"/>
    <cellStyle name="Обычный 2 2 6 2 4 2 2" xfId="5673"/>
    <cellStyle name="Обычный 2 2 6 2 4 2 2 2" xfId="5674"/>
    <cellStyle name="Обычный 2 2 6 2 4 2 3" xfId="5675"/>
    <cellStyle name="Обычный 2 2 6 2 4 2 3 2" xfId="5676"/>
    <cellStyle name="Обычный 2 2 6 2 4 2 4" xfId="5677"/>
    <cellStyle name="Обычный 2 2 6 2 4 3" xfId="5678"/>
    <cellStyle name="Обычный 2 2 6 2 4 3 2" xfId="5679"/>
    <cellStyle name="Обычный 2 2 6 2 4 4" xfId="5680"/>
    <cellStyle name="Обычный 2 2 6 2 4 4 2" xfId="5681"/>
    <cellStyle name="Обычный 2 2 6 2 4 5" xfId="5682"/>
    <cellStyle name="Обычный 2 2 6 2 4 5 2" xfId="5683"/>
    <cellStyle name="Обычный 2 2 6 2 4 6" xfId="5684"/>
    <cellStyle name="Обычный 2 2 6 2 5" xfId="5685"/>
    <cellStyle name="Обычный 2 2 6 2 5 2" xfId="5686"/>
    <cellStyle name="Обычный 2 2 6 2 5 2 2" xfId="5687"/>
    <cellStyle name="Обычный 2 2 6 2 5 2 2 2" xfId="5688"/>
    <cellStyle name="Обычный 2 2 6 2 5 2 3" xfId="5689"/>
    <cellStyle name="Обычный 2 2 6 2 5 2 3 2" xfId="5690"/>
    <cellStyle name="Обычный 2 2 6 2 5 2 4" xfId="5691"/>
    <cellStyle name="Обычный 2 2 6 2 5 3" xfId="5692"/>
    <cellStyle name="Обычный 2 2 6 2 5 3 2" xfId="5693"/>
    <cellStyle name="Обычный 2 2 6 2 5 4" xfId="5694"/>
    <cellStyle name="Обычный 2 2 6 2 5 4 2" xfId="5695"/>
    <cellStyle name="Обычный 2 2 6 2 5 5" xfId="5696"/>
    <cellStyle name="Обычный 2 2 6 2 5 5 2" xfId="5697"/>
    <cellStyle name="Обычный 2 2 6 2 5 6" xfId="5698"/>
    <cellStyle name="Обычный 2 2 6 2 6" xfId="5699"/>
    <cellStyle name="Обычный 2 2 6 2 6 2" xfId="5700"/>
    <cellStyle name="Обычный 2 2 6 2 6 2 2" xfId="5701"/>
    <cellStyle name="Обычный 2 2 6 2 6 2 2 2" xfId="5702"/>
    <cellStyle name="Обычный 2 2 6 2 6 2 3" xfId="5703"/>
    <cellStyle name="Обычный 2 2 6 2 6 2 3 2" xfId="5704"/>
    <cellStyle name="Обычный 2 2 6 2 6 2 4" xfId="5705"/>
    <cellStyle name="Обычный 2 2 6 2 6 3" xfId="5706"/>
    <cellStyle name="Обычный 2 2 6 2 6 3 2" xfId="5707"/>
    <cellStyle name="Обычный 2 2 6 2 6 4" xfId="5708"/>
    <cellStyle name="Обычный 2 2 6 2 6 4 2" xfId="5709"/>
    <cellStyle name="Обычный 2 2 6 2 6 5" xfId="5710"/>
    <cellStyle name="Обычный 2 2 6 2 6 5 2" xfId="5711"/>
    <cellStyle name="Обычный 2 2 6 2 6 6" xfId="5712"/>
    <cellStyle name="Обычный 2 2 6 2 7" xfId="5713"/>
    <cellStyle name="Обычный 2 2 6 2 7 2" xfId="5714"/>
    <cellStyle name="Обычный 2 2 6 2 7 2 2" xfId="5715"/>
    <cellStyle name="Обычный 2 2 6 2 7 2 2 2" xfId="5716"/>
    <cellStyle name="Обычный 2 2 6 2 7 2 3" xfId="5717"/>
    <cellStyle name="Обычный 2 2 6 2 7 2 3 2" xfId="5718"/>
    <cellStyle name="Обычный 2 2 6 2 7 2 4" xfId="5719"/>
    <cellStyle name="Обычный 2 2 6 2 7 3" xfId="5720"/>
    <cellStyle name="Обычный 2 2 6 2 7 3 2" xfId="5721"/>
    <cellStyle name="Обычный 2 2 6 2 7 4" xfId="5722"/>
    <cellStyle name="Обычный 2 2 6 2 7 4 2" xfId="5723"/>
    <cellStyle name="Обычный 2 2 6 2 7 5" xfId="5724"/>
    <cellStyle name="Обычный 2 2 6 2 7 5 2" xfId="5725"/>
    <cellStyle name="Обычный 2 2 6 2 7 6" xfId="5726"/>
    <cellStyle name="Обычный 2 2 6 2 8" xfId="5727"/>
    <cellStyle name="Обычный 2 2 6 2 8 2" xfId="5728"/>
    <cellStyle name="Обычный 2 2 6 2 8 2 2" xfId="5729"/>
    <cellStyle name="Обычный 2 2 6 2 8 3" xfId="5730"/>
    <cellStyle name="Обычный 2 2 6 2 8 3 2" xfId="5731"/>
    <cellStyle name="Обычный 2 2 6 2 8 4" xfId="5732"/>
    <cellStyle name="Обычный 2 2 6 2 9" xfId="5733"/>
    <cellStyle name="Обычный 2 2 6 2 9 2" xfId="5734"/>
    <cellStyle name="Обычный 2 2 6 2 9 2 2" xfId="5735"/>
    <cellStyle name="Обычный 2 2 6 2 9 3" xfId="5736"/>
    <cellStyle name="Обычный 2 2 6 3" xfId="5737"/>
    <cellStyle name="Обычный 2 2 6 3 10" xfId="5738"/>
    <cellStyle name="Обычный 2 2 6 3 2" xfId="5739"/>
    <cellStyle name="Обычный 2 2 6 3 2 2" xfId="5740"/>
    <cellStyle name="Обычный 2 2 6 3 2 2 2" xfId="5741"/>
    <cellStyle name="Обычный 2 2 6 3 2 2 2 2" xfId="5742"/>
    <cellStyle name="Обычный 2 2 6 3 2 2 3" xfId="5743"/>
    <cellStyle name="Обычный 2 2 6 3 2 2 3 2" xfId="5744"/>
    <cellStyle name="Обычный 2 2 6 3 2 2 4" xfId="5745"/>
    <cellStyle name="Обычный 2 2 6 3 2 3" xfId="5746"/>
    <cellStyle name="Обычный 2 2 6 3 2 3 2" xfId="5747"/>
    <cellStyle name="Обычный 2 2 6 3 2 4" xfId="5748"/>
    <cellStyle name="Обычный 2 2 6 3 2 4 2" xfId="5749"/>
    <cellStyle name="Обычный 2 2 6 3 2 5" xfId="5750"/>
    <cellStyle name="Обычный 2 2 6 3 2 5 2" xfId="5751"/>
    <cellStyle name="Обычный 2 2 6 3 2 6" xfId="5752"/>
    <cellStyle name="Обычный 2 2 6 3 3" xfId="5753"/>
    <cellStyle name="Обычный 2 2 6 3 3 2" xfId="5754"/>
    <cellStyle name="Обычный 2 2 6 3 3 2 2" xfId="5755"/>
    <cellStyle name="Обычный 2 2 6 3 3 2 2 2" xfId="5756"/>
    <cellStyle name="Обычный 2 2 6 3 3 2 3" xfId="5757"/>
    <cellStyle name="Обычный 2 2 6 3 3 2 3 2" xfId="5758"/>
    <cellStyle name="Обычный 2 2 6 3 3 2 4" xfId="5759"/>
    <cellStyle name="Обычный 2 2 6 3 3 3" xfId="5760"/>
    <cellStyle name="Обычный 2 2 6 3 3 3 2" xfId="5761"/>
    <cellStyle name="Обычный 2 2 6 3 3 4" xfId="5762"/>
    <cellStyle name="Обычный 2 2 6 3 3 4 2" xfId="5763"/>
    <cellStyle name="Обычный 2 2 6 3 3 5" xfId="5764"/>
    <cellStyle name="Обычный 2 2 6 3 3 5 2" xfId="5765"/>
    <cellStyle name="Обычный 2 2 6 3 3 6" xfId="5766"/>
    <cellStyle name="Обычный 2 2 6 3 4" xfId="5767"/>
    <cellStyle name="Обычный 2 2 6 3 4 2" xfId="5768"/>
    <cellStyle name="Обычный 2 2 6 3 4 2 2" xfId="5769"/>
    <cellStyle name="Обычный 2 2 6 3 4 2 2 2" xfId="5770"/>
    <cellStyle name="Обычный 2 2 6 3 4 2 3" xfId="5771"/>
    <cellStyle name="Обычный 2 2 6 3 4 2 3 2" xfId="5772"/>
    <cellStyle name="Обычный 2 2 6 3 4 2 4" xfId="5773"/>
    <cellStyle name="Обычный 2 2 6 3 4 3" xfId="5774"/>
    <cellStyle name="Обычный 2 2 6 3 4 3 2" xfId="5775"/>
    <cellStyle name="Обычный 2 2 6 3 4 4" xfId="5776"/>
    <cellStyle name="Обычный 2 2 6 3 4 4 2" xfId="5777"/>
    <cellStyle name="Обычный 2 2 6 3 4 5" xfId="5778"/>
    <cellStyle name="Обычный 2 2 6 3 4 5 2" xfId="5779"/>
    <cellStyle name="Обычный 2 2 6 3 4 6" xfId="5780"/>
    <cellStyle name="Обычный 2 2 6 3 5" xfId="5781"/>
    <cellStyle name="Обычный 2 2 6 3 5 2" xfId="5782"/>
    <cellStyle name="Обычный 2 2 6 3 5 2 2" xfId="5783"/>
    <cellStyle name="Обычный 2 2 6 3 5 2 2 2" xfId="5784"/>
    <cellStyle name="Обычный 2 2 6 3 5 2 3" xfId="5785"/>
    <cellStyle name="Обычный 2 2 6 3 5 2 3 2" xfId="5786"/>
    <cellStyle name="Обычный 2 2 6 3 5 2 4" xfId="5787"/>
    <cellStyle name="Обычный 2 2 6 3 5 3" xfId="5788"/>
    <cellStyle name="Обычный 2 2 6 3 5 3 2" xfId="5789"/>
    <cellStyle name="Обычный 2 2 6 3 5 4" xfId="5790"/>
    <cellStyle name="Обычный 2 2 6 3 5 4 2" xfId="5791"/>
    <cellStyle name="Обычный 2 2 6 3 5 5" xfId="5792"/>
    <cellStyle name="Обычный 2 2 6 3 5 5 2" xfId="5793"/>
    <cellStyle name="Обычный 2 2 6 3 5 6" xfId="5794"/>
    <cellStyle name="Обычный 2 2 6 3 6" xfId="5795"/>
    <cellStyle name="Обычный 2 2 6 3 6 2" xfId="5796"/>
    <cellStyle name="Обычный 2 2 6 3 6 2 2" xfId="5797"/>
    <cellStyle name="Обычный 2 2 6 3 6 3" xfId="5798"/>
    <cellStyle name="Обычный 2 2 6 3 6 3 2" xfId="5799"/>
    <cellStyle name="Обычный 2 2 6 3 6 4" xfId="5800"/>
    <cellStyle name="Обычный 2 2 6 3 7" xfId="5801"/>
    <cellStyle name="Обычный 2 2 6 3 7 2" xfId="5802"/>
    <cellStyle name="Обычный 2 2 6 3 8" xfId="5803"/>
    <cellStyle name="Обычный 2 2 6 3 8 2" xfId="5804"/>
    <cellStyle name="Обычный 2 2 6 3 9" xfId="5805"/>
    <cellStyle name="Обычный 2 2 6 3 9 2" xfId="5806"/>
    <cellStyle name="Обычный 2 2 6 4" xfId="5807"/>
    <cellStyle name="Обычный 2 2 6 4 2" xfId="5808"/>
    <cellStyle name="Обычный 2 2 6 4 2 2" xfId="5809"/>
    <cellStyle name="Обычный 2 2 6 4 2 2 2" xfId="5810"/>
    <cellStyle name="Обычный 2 2 6 4 2 2 2 2" xfId="5811"/>
    <cellStyle name="Обычный 2 2 6 4 2 2 3" xfId="5812"/>
    <cellStyle name="Обычный 2 2 6 4 2 2 3 2" xfId="5813"/>
    <cellStyle name="Обычный 2 2 6 4 2 2 4" xfId="5814"/>
    <cellStyle name="Обычный 2 2 6 4 2 3" xfId="5815"/>
    <cellStyle name="Обычный 2 2 6 4 2 3 2" xfId="5816"/>
    <cellStyle name="Обычный 2 2 6 4 2 4" xfId="5817"/>
    <cellStyle name="Обычный 2 2 6 4 2 4 2" xfId="5818"/>
    <cellStyle name="Обычный 2 2 6 4 2 5" xfId="5819"/>
    <cellStyle name="Обычный 2 2 6 4 2 5 2" xfId="5820"/>
    <cellStyle name="Обычный 2 2 6 4 2 6" xfId="5821"/>
    <cellStyle name="Обычный 2 2 6 4 3" xfId="5822"/>
    <cellStyle name="Обычный 2 2 6 4 3 2" xfId="5823"/>
    <cellStyle name="Обычный 2 2 6 4 3 2 2" xfId="5824"/>
    <cellStyle name="Обычный 2 2 6 4 3 2 2 2" xfId="5825"/>
    <cellStyle name="Обычный 2 2 6 4 3 2 3" xfId="5826"/>
    <cellStyle name="Обычный 2 2 6 4 3 2 3 2" xfId="5827"/>
    <cellStyle name="Обычный 2 2 6 4 3 2 4" xfId="5828"/>
    <cellStyle name="Обычный 2 2 6 4 3 3" xfId="5829"/>
    <cellStyle name="Обычный 2 2 6 4 3 3 2" xfId="5830"/>
    <cellStyle name="Обычный 2 2 6 4 3 4" xfId="5831"/>
    <cellStyle name="Обычный 2 2 6 4 3 4 2" xfId="5832"/>
    <cellStyle name="Обычный 2 2 6 4 3 5" xfId="5833"/>
    <cellStyle name="Обычный 2 2 6 4 3 5 2" xfId="5834"/>
    <cellStyle name="Обычный 2 2 6 4 3 6" xfId="5835"/>
    <cellStyle name="Обычный 2 2 6 4 4" xfId="5836"/>
    <cellStyle name="Обычный 2 2 6 4 4 2" xfId="5837"/>
    <cellStyle name="Обычный 2 2 6 4 4 2 2" xfId="5838"/>
    <cellStyle name="Обычный 2 2 6 4 4 2 2 2" xfId="5839"/>
    <cellStyle name="Обычный 2 2 6 4 4 2 3" xfId="5840"/>
    <cellStyle name="Обычный 2 2 6 4 4 2 3 2" xfId="5841"/>
    <cellStyle name="Обычный 2 2 6 4 4 2 4" xfId="5842"/>
    <cellStyle name="Обычный 2 2 6 4 4 3" xfId="5843"/>
    <cellStyle name="Обычный 2 2 6 4 4 3 2" xfId="5844"/>
    <cellStyle name="Обычный 2 2 6 4 4 4" xfId="5845"/>
    <cellStyle name="Обычный 2 2 6 4 4 4 2" xfId="5846"/>
    <cellStyle name="Обычный 2 2 6 4 4 5" xfId="5847"/>
    <cellStyle name="Обычный 2 2 6 4 4 5 2" xfId="5848"/>
    <cellStyle name="Обычный 2 2 6 4 4 6" xfId="5849"/>
    <cellStyle name="Обычный 2 2 6 4 5" xfId="5850"/>
    <cellStyle name="Обычный 2 2 6 4 5 2" xfId="5851"/>
    <cellStyle name="Обычный 2 2 6 4 5 2 2" xfId="5852"/>
    <cellStyle name="Обычный 2 2 6 4 5 3" xfId="5853"/>
    <cellStyle name="Обычный 2 2 6 4 5 3 2" xfId="5854"/>
    <cellStyle name="Обычный 2 2 6 4 5 4" xfId="5855"/>
    <cellStyle name="Обычный 2 2 6 4 6" xfId="5856"/>
    <cellStyle name="Обычный 2 2 6 4 6 2" xfId="5857"/>
    <cellStyle name="Обычный 2 2 6 4 7" xfId="5858"/>
    <cellStyle name="Обычный 2 2 6 4 7 2" xfId="5859"/>
    <cellStyle name="Обычный 2 2 6 4 8" xfId="5860"/>
    <cellStyle name="Обычный 2 2 6 4 8 2" xfId="5861"/>
    <cellStyle name="Обычный 2 2 6 4 9" xfId="5862"/>
    <cellStyle name="Обычный 2 2 6 5" xfId="5863"/>
    <cellStyle name="Обычный 2 2 6 5 2" xfId="5864"/>
    <cellStyle name="Обычный 2 2 6 5 2 2" xfId="5865"/>
    <cellStyle name="Обычный 2 2 6 5 2 2 2" xfId="5866"/>
    <cellStyle name="Обычный 2 2 6 5 2 3" xfId="5867"/>
    <cellStyle name="Обычный 2 2 6 5 2 3 2" xfId="5868"/>
    <cellStyle name="Обычный 2 2 6 5 2 4" xfId="5869"/>
    <cellStyle name="Обычный 2 2 6 5 3" xfId="5870"/>
    <cellStyle name="Обычный 2 2 6 5 3 2" xfId="5871"/>
    <cellStyle name="Обычный 2 2 6 5 4" xfId="5872"/>
    <cellStyle name="Обычный 2 2 6 5 4 2" xfId="5873"/>
    <cellStyle name="Обычный 2 2 6 5 5" xfId="5874"/>
    <cellStyle name="Обычный 2 2 6 5 5 2" xfId="5875"/>
    <cellStyle name="Обычный 2 2 6 5 6" xfId="5876"/>
    <cellStyle name="Обычный 2 2 6 6" xfId="5877"/>
    <cellStyle name="Обычный 2 2 6 6 2" xfId="5878"/>
    <cellStyle name="Обычный 2 2 6 6 2 2" xfId="5879"/>
    <cellStyle name="Обычный 2 2 6 6 2 2 2" xfId="5880"/>
    <cellStyle name="Обычный 2 2 6 6 2 3" xfId="5881"/>
    <cellStyle name="Обычный 2 2 6 6 2 3 2" xfId="5882"/>
    <cellStyle name="Обычный 2 2 6 6 2 4" xfId="5883"/>
    <cellStyle name="Обычный 2 2 6 6 3" xfId="5884"/>
    <cellStyle name="Обычный 2 2 6 6 3 2" xfId="5885"/>
    <cellStyle name="Обычный 2 2 6 6 4" xfId="5886"/>
    <cellStyle name="Обычный 2 2 6 6 4 2" xfId="5887"/>
    <cellStyle name="Обычный 2 2 6 6 5" xfId="5888"/>
    <cellStyle name="Обычный 2 2 6 6 5 2" xfId="5889"/>
    <cellStyle name="Обычный 2 2 6 6 6" xfId="5890"/>
    <cellStyle name="Обычный 2 2 6 7" xfId="5891"/>
    <cellStyle name="Обычный 2 2 6 7 2" xfId="5892"/>
    <cellStyle name="Обычный 2 2 6 7 2 2" xfId="5893"/>
    <cellStyle name="Обычный 2 2 6 7 2 2 2" xfId="5894"/>
    <cellStyle name="Обычный 2 2 6 7 2 3" xfId="5895"/>
    <cellStyle name="Обычный 2 2 6 7 2 3 2" xfId="5896"/>
    <cellStyle name="Обычный 2 2 6 7 2 4" xfId="5897"/>
    <cellStyle name="Обычный 2 2 6 7 3" xfId="5898"/>
    <cellStyle name="Обычный 2 2 6 7 3 2" xfId="5899"/>
    <cellStyle name="Обычный 2 2 6 7 4" xfId="5900"/>
    <cellStyle name="Обычный 2 2 6 7 4 2" xfId="5901"/>
    <cellStyle name="Обычный 2 2 6 7 5" xfId="5902"/>
    <cellStyle name="Обычный 2 2 6 7 5 2" xfId="5903"/>
    <cellStyle name="Обычный 2 2 6 7 6" xfId="5904"/>
    <cellStyle name="Обычный 2 2 6 8" xfId="5905"/>
    <cellStyle name="Обычный 2 2 6 8 2" xfId="5906"/>
    <cellStyle name="Обычный 2 2 6 8 2 2" xfId="5907"/>
    <cellStyle name="Обычный 2 2 6 8 2 2 2" xfId="5908"/>
    <cellStyle name="Обычный 2 2 6 8 2 3" xfId="5909"/>
    <cellStyle name="Обычный 2 2 6 8 2 3 2" xfId="5910"/>
    <cellStyle name="Обычный 2 2 6 8 2 4" xfId="5911"/>
    <cellStyle name="Обычный 2 2 6 8 3" xfId="5912"/>
    <cellStyle name="Обычный 2 2 6 8 3 2" xfId="5913"/>
    <cellStyle name="Обычный 2 2 6 8 4" xfId="5914"/>
    <cellStyle name="Обычный 2 2 6 8 4 2" xfId="5915"/>
    <cellStyle name="Обычный 2 2 6 8 5" xfId="5916"/>
    <cellStyle name="Обычный 2 2 6 8 5 2" xfId="5917"/>
    <cellStyle name="Обычный 2 2 6 8 6" xfId="5918"/>
    <cellStyle name="Обычный 2 2 6 9" xfId="5919"/>
    <cellStyle name="Обычный 2 2 6 9 2" xfId="5920"/>
    <cellStyle name="Обычный 2 2 6 9 2 2" xfId="5921"/>
    <cellStyle name="Обычный 2 2 6 9 3" xfId="5922"/>
    <cellStyle name="Обычный 2 2 6 9 3 2" xfId="5923"/>
    <cellStyle name="Обычный 2 2 6 9 4" xfId="5924"/>
    <cellStyle name="Обычный 2 2 7" xfId="5925"/>
    <cellStyle name="Обычный 2 2 7 10" xfId="5926"/>
    <cellStyle name="Обычный 2 2 7 10 2" xfId="5927"/>
    <cellStyle name="Обычный 2 2 7 10 2 2" xfId="5928"/>
    <cellStyle name="Обычный 2 2 7 10 3" xfId="5929"/>
    <cellStyle name="Обычный 2 2 7 11" xfId="5930"/>
    <cellStyle name="Обычный 2 2 7 11 2" xfId="5931"/>
    <cellStyle name="Обычный 2 2 7 12" xfId="5932"/>
    <cellStyle name="Обычный 2 2 7 12 2" xfId="5933"/>
    <cellStyle name="Обычный 2 2 7 13" xfId="5934"/>
    <cellStyle name="Обычный 2 2 7 14" xfId="5935"/>
    <cellStyle name="Обычный 2 2 7 2" xfId="5936"/>
    <cellStyle name="Обычный 2 2 7 2 10" xfId="5937"/>
    <cellStyle name="Обычный 2 2 7 2 10 2" xfId="5938"/>
    <cellStyle name="Обычный 2 2 7 2 11" xfId="5939"/>
    <cellStyle name="Обычный 2 2 7 2 11 2" xfId="5940"/>
    <cellStyle name="Обычный 2 2 7 2 12" xfId="5941"/>
    <cellStyle name="Обычный 2 2 7 2 13" xfId="5942"/>
    <cellStyle name="Обычный 2 2 7 2 2" xfId="5943"/>
    <cellStyle name="Обычный 2 2 7 2 2 10" xfId="5944"/>
    <cellStyle name="Обычный 2 2 7 2 2 2" xfId="5945"/>
    <cellStyle name="Обычный 2 2 7 2 2 2 2" xfId="5946"/>
    <cellStyle name="Обычный 2 2 7 2 2 2 2 2" xfId="5947"/>
    <cellStyle name="Обычный 2 2 7 2 2 2 2 2 2" xfId="5948"/>
    <cellStyle name="Обычный 2 2 7 2 2 2 2 3" xfId="5949"/>
    <cellStyle name="Обычный 2 2 7 2 2 2 2 3 2" xfId="5950"/>
    <cellStyle name="Обычный 2 2 7 2 2 2 2 4" xfId="5951"/>
    <cellStyle name="Обычный 2 2 7 2 2 2 3" xfId="5952"/>
    <cellStyle name="Обычный 2 2 7 2 2 2 3 2" xfId="5953"/>
    <cellStyle name="Обычный 2 2 7 2 2 2 4" xfId="5954"/>
    <cellStyle name="Обычный 2 2 7 2 2 2 4 2" xfId="5955"/>
    <cellStyle name="Обычный 2 2 7 2 2 2 5" xfId="5956"/>
    <cellStyle name="Обычный 2 2 7 2 2 2 5 2" xfId="5957"/>
    <cellStyle name="Обычный 2 2 7 2 2 2 6" xfId="5958"/>
    <cellStyle name="Обычный 2 2 7 2 2 3" xfId="5959"/>
    <cellStyle name="Обычный 2 2 7 2 2 3 2" xfId="5960"/>
    <cellStyle name="Обычный 2 2 7 2 2 3 2 2" xfId="5961"/>
    <cellStyle name="Обычный 2 2 7 2 2 3 2 2 2" xfId="5962"/>
    <cellStyle name="Обычный 2 2 7 2 2 3 2 3" xfId="5963"/>
    <cellStyle name="Обычный 2 2 7 2 2 3 2 3 2" xfId="5964"/>
    <cellStyle name="Обычный 2 2 7 2 2 3 2 4" xfId="5965"/>
    <cellStyle name="Обычный 2 2 7 2 2 3 3" xfId="5966"/>
    <cellStyle name="Обычный 2 2 7 2 2 3 3 2" xfId="5967"/>
    <cellStyle name="Обычный 2 2 7 2 2 3 4" xfId="5968"/>
    <cellStyle name="Обычный 2 2 7 2 2 3 4 2" xfId="5969"/>
    <cellStyle name="Обычный 2 2 7 2 2 3 5" xfId="5970"/>
    <cellStyle name="Обычный 2 2 7 2 2 3 5 2" xfId="5971"/>
    <cellStyle name="Обычный 2 2 7 2 2 3 6" xfId="5972"/>
    <cellStyle name="Обычный 2 2 7 2 2 4" xfId="5973"/>
    <cellStyle name="Обычный 2 2 7 2 2 4 2" xfId="5974"/>
    <cellStyle name="Обычный 2 2 7 2 2 4 2 2" xfId="5975"/>
    <cellStyle name="Обычный 2 2 7 2 2 4 2 2 2" xfId="5976"/>
    <cellStyle name="Обычный 2 2 7 2 2 4 2 3" xfId="5977"/>
    <cellStyle name="Обычный 2 2 7 2 2 4 2 3 2" xfId="5978"/>
    <cellStyle name="Обычный 2 2 7 2 2 4 2 4" xfId="5979"/>
    <cellStyle name="Обычный 2 2 7 2 2 4 3" xfId="5980"/>
    <cellStyle name="Обычный 2 2 7 2 2 4 3 2" xfId="5981"/>
    <cellStyle name="Обычный 2 2 7 2 2 4 4" xfId="5982"/>
    <cellStyle name="Обычный 2 2 7 2 2 4 4 2" xfId="5983"/>
    <cellStyle name="Обычный 2 2 7 2 2 4 5" xfId="5984"/>
    <cellStyle name="Обычный 2 2 7 2 2 4 5 2" xfId="5985"/>
    <cellStyle name="Обычный 2 2 7 2 2 4 6" xfId="5986"/>
    <cellStyle name="Обычный 2 2 7 2 2 5" xfId="5987"/>
    <cellStyle name="Обычный 2 2 7 2 2 5 2" xfId="5988"/>
    <cellStyle name="Обычный 2 2 7 2 2 5 2 2" xfId="5989"/>
    <cellStyle name="Обычный 2 2 7 2 2 5 2 2 2" xfId="5990"/>
    <cellStyle name="Обычный 2 2 7 2 2 5 2 3" xfId="5991"/>
    <cellStyle name="Обычный 2 2 7 2 2 5 2 3 2" xfId="5992"/>
    <cellStyle name="Обычный 2 2 7 2 2 5 2 4" xfId="5993"/>
    <cellStyle name="Обычный 2 2 7 2 2 5 3" xfId="5994"/>
    <cellStyle name="Обычный 2 2 7 2 2 5 3 2" xfId="5995"/>
    <cellStyle name="Обычный 2 2 7 2 2 5 4" xfId="5996"/>
    <cellStyle name="Обычный 2 2 7 2 2 5 4 2" xfId="5997"/>
    <cellStyle name="Обычный 2 2 7 2 2 5 5" xfId="5998"/>
    <cellStyle name="Обычный 2 2 7 2 2 5 5 2" xfId="5999"/>
    <cellStyle name="Обычный 2 2 7 2 2 5 6" xfId="6000"/>
    <cellStyle name="Обычный 2 2 7 2 2 6" xfId="6001"/>
    <cellStyle name="Обычный 2 2 7 2 2 6 2" xfId="6002"/>
    <cellStyle name="Обычный 2 2 7 2 2 6 2 2" xfId="6003"/>
    <cellStyle name="Обычный 2 2 7 2 2 6 3" xfId="6004"/>
    <cellStyle name="Обычный 2 2 7 2 2 6 3 2" xfId="6005"/>
    <cellStyle name="Обычный 2 2 7 2 2 6 4" xfId="6006"/>
    <cellStyle name="Обычный 2 2 7 2 2 7" xfId="6007"/>
    <cellStyle name="Обычный 2 2 7 2 2 7 2" xfId="6008"/>
    <cellStyle name="Обычный 2 2 7 2 2 8" xfId="6009"/>
    <cellStyle name="Обычный 2 2 7 2 2 8 2" xfId="6010"/>
    <cellStyle name="Обычный 2 2 7 2 2 9" xfId="6011"/>
    <cellStyle name="Обычный 2 2 7 2 2 9 2" xfId="6012"/>
    <cellStyle name="Обычный 2 2 7 2 3" xfId="6013"/>
    <cellStyle name="Обычный 2 2 7 2 3 2" xfId="6014"/>
    <cellStyle name="Обычный 2 2 7 2 3 2 2" xfId="6015"/>
    <cellStyle name="Обычный 2 2 7 2 3 2 2 2" xfId="6016"/>
    <cellStyle name="Обычный 2 2 7 2 3 2 2 2 2" xfId="6017"/>
    <cellStyle name="Обычный 2 2 7 2 3 2 2 3" xfId="6018"/>
    <cellStyle name="Обычный 2 2 7 2 3 2 2 3 2" xfId="6019"/>
    <cellStyle name="Обычный 2 2 7 2 3 2 2 4" xfId="6020"/>
    <cellStyle name="Обычный 2 2 7 2 3 2 3" xfId="6021"/>
    <cellStyle name="Обычный 2 2 7 2 3 2 3 2" xfId="6022"/>
    <cellStyle name="Обычный 2 2 7 2 3 2 4" xfId="6023"/>
    <cellStyle name="Обычный 2 2 7 2 3 2 4 2" xfId="6024"/>
    <cellStyle name="Обычный 2 2 7 2 3 2 5" xfId="6025"/>
    <cellStyle name="Обычный 2 2 7 2 3 2 5 2" xfId="6026"/>
    <cellStyle name="Обычный 2 2 7 2 3 2 6" xfId="6027"/>
    <cellStyle name="Обычный 2 2 7 2 3 3" xfId="6028"/>
    <cellStyle name="Обычный 2 2 7 2 3 3 2" xfId="6029"/>
    <cellStyle name="Обычный 2 2 7 2 3 3 2 2" xfId="6030"/>
    <cellStyle name="Обычный 2 2 7 2 3 3 2 2 2" xfId="6031"/>
    <cellStyle name="Обычный 2 2 7 2 3 3 2 3" xfId="6032"/>
    <cellStyle name="Обычный 2 2 7 2 3 3 2 3 2" xfId="6033"/>
    <cellStyle name="Обычный 2 2 7 2 3 3 2 4" xfId="6034"/>
    <cellStyle name="Обычный 2 2 7 2 3 3 3" xfId="6035"/>
    <cellStyle name="Обычный 2 2 7 2 3 3 3 2" xfId="6036"/>
    <cellStyle name="Обычный 2 2 7 2 3 3 4" xfId="6037"/>
    <cellStyle name="Обычный 2 2 7 2 3 3 4 2" xfId="6038"/>
    <cellStyle name="Обычный 2 2 7 2 3 3 5" xfId="6039"/>
    <cellStyle name="Обычный 2 2 7 2 3 3 5 2" xfId="6040"/>
    <cellStyle name="Обычный 2 2 7 2 3 3 6" xfId="6041"/>
    <cellStyle name="Обычный 2 2 7 2 3 4" xfId="6042"/>
    <cellStyle name="Обычный 2 2 7 2 3 4 2" xfId="6043"/>
    <cellStyle name="Обычный 2 2 7 2 3 4 2 2" xfId="6044"/>
    <cellStyle name="Обычный 2 2 7 2 3 4 2 2 2" xfId="6045"/>
    <cellStyle name="Обычный 2 2 7 2 3 4 2 3" xfId="6046"/>
    <cellStyle name="Обычный 2 2 7 2 3 4 2 3 2" xfId="6047"/>
    <cellStyle name="Обычный 2 2 7 2 3 4 2 4" xfId="6048"/>
    <cellStyle name="Обычный 2 2 7 2 3 4 3" xfId="6049"/>
    <cellStyle name="Обычный 2 2 7 2 3 4 3 2" xfId="6050"/>
    <cellStyle name="Обычный 2 2 7 2 3 4 4" xfId="6051"/>
    <cellStyle name="Обычный 2 2 7 2 3 4 4 2" xfId="6052"/>
    <cellStyle name="Обычный 2 2 7 2 3 4 5" xfId="6053"/>
    <cellStyle name="Обычный 2 2 7 2 3 4 5 2" xfId="6054"/>
    <cellStyle name="Обычный 2 2 7 2 3 4 6" xfId="6055"/>
    <cellStyle name="Обычный 2 2 7 2 3 5" xfId="6056"/>
    <cellStyle name="Обычный 2 2 7 2 3 5 2" xfId="6057"/>
    <cellStyle name="Обычный 2 2 7 2 3 5 2 2" xfId="6058"/>
    <cellStyle name="Обычный 2 2 7 2 3 5 3" xfId="6059"/>
    <cellStyle name="Обычный 2 2 7 2 3 5 3 2" xfId="6060"/>
    <cellStyle name="Обычный 2 2 7 2 3 5 4" xfId="6061"/>
    <cellStyle name="Обычный 2 2 7 2 3 6" xfId="6062"/>
    <cellStyle name="Обычный 2 2 7 2 3 6 2" xfId="6063"/>
    <cellStyle name="Обычный 2 2 7 2 3 7" xfId="6064"/>
    <cellStyle name="Обычный 2 2 7 2 3 7 2" xfId="6065"/>
    <cellStyle name="Обычный 2 2 7 2 3 8" xfId="6066"/>
    <cellStyle name="Обычный 2 2 7 2 3 8 2" xfId="6067"/>
    <cellStyle name="Обычный 2 2 7 2 3 9" xfId="6068"/>
    <cellStyle name="Обычный 2 2 7 2 4" xfId="6069"/>
    <cellStyle name="Обычный 2 2 7 2 4 2" xfId="6070"/>
    <cellStyle name="Обычный 2 2 7 2 4 2 2" xfId="6071"/>
    <cellStyle name="Обычный 2 2 7 2 4 2 2 2" xfId="6072"/>
    <cellStyle name="Обычный 2 2 7 2 4 2 3" xfId="6073"/>
    <cellStyle name="Обычный 2 2 7 2 4 2 3 2" xfId="6074"/>
    <cellStyle name="Обычный 2 2 7 2 4 2 4" xfId="6075"/>
    <cellStyle name="Обычный 2 2 7 2 4 3" xfId="6076"/>
    <cellStyle name="Обычный 2 2 7 2 4 3 2" xfId="6077"/>
    <cellStyle name="Обычный 2 2 7 2 4 4" xfId="6078"/>
    <cellStyle name="Обычный 2 2 7 2 4 4 2" xfId="6079"/>
    <cellStyle name="Обычный 2 2 7 2 4 5" xfId="6080"/>
    <cellStyle name="Обычный 2 2 7 2 4 5 2" xfId="6081"/>
    <cellStyle name="Обычный 2 2 7 2 4 6" xfId="6082"/>
    <cellStyle name="Обычный 2 2 7 2 5" xfId="6083"/>
    <cellStyle name="Обычный 2 2 7 2 5 2" xfId="6084"/>
    <cellStyle name="Обычный 2 2 7 2 5 2 2" xfId="6085"/>
    <cellStyle name="Обычный 2 2 7 2 5 2 2 2" xfId="6086"/>
    <cellStyle name="Обычный 2 2 7 2 5 2 3" xfId="6087"/>
    <cellStyle name="Обычный 2 2 7 2 5 2 3 2" xfId="6088"/>
    <cellStyle name="Обычный 2 2 7 2 5 2 4" xfId="6089"/>
    <cellStyle name="Обычный 2 2 7 2 5 3" xfId="6090"/>
    <cellStyle name="Обычный 2 2 7 2 5 3 2" xfId="6091"/>
    <cellStyle name="Обычный 2 2 7 2 5 4" xfId="6092"/>
    <cellStyle name="Обычный 2 2 7 2 5 4 2" xfId="6093"/>
    <cellStyle name="Обычный 2 2 7 2 5 5" xfId="6094"/>
    <cellStyle name="Обычный 2 2 7 2 5 5 2" xfId="6095"/>
    <cellStyle name="Обычный 2 2 7 2 5 6" xfId="6096"/>
    <cellStyle name="Обычный 2 2 7 2 6" xfId="6097"/>
    <cellStyle name="Обычный 2 2 7 2 6 2" xfId="6098"/>
    <cellStyle name="Обычный 2 2 7 2 6 2 2" xfId="6099"/>
    <cellStyle name="Обычный 2 2 7 2 6 2 2 2" xfId="6100"/>
    <cellStyle name="Обычный 2 2 7 2 6 2 3" xfId="6101"/>
    <cellStyle name="Обычный 2 2 7 2 6 2 3 2" xfId="6102"/>
    <cellStyle name="Обычный 2 2 7 2 6 2 4" xfId="6103"/>
    <cellStyle name="Обычный 2 2 7 2 6 3" xfId="6104"/>
    <cellStyle name="Обычный 2 2 7 2 6 3 2" xfId="6105"/>
    <cellStyle name="Обычный 2 2 7 2 6 4" xfId="6106"/>
    <cellStyle name="Обычный 2 2 7 2 6 4 2" xfId="6107"/>
    <cellStyle name="Обычный 2 2 7 2 6 5" xfId="6108"/>
    <cellStyle name="Обычный 2 2 7 2 6 5 2" xfId="6109"/>
    <cellStyle name="Обычный 2 2 7 2 6 6" xfId="6110"/>
    <cellStyle name="Обычный 2 2 7 2 7" xfId="6111"/>
    <cellStyle name="Обычный 2 2 7 2 7 2" xfId="6112"/>
    <cellStyle name="Обычный 2 2 7 2 7 2 2" xfId="6113"/>
    <cellStyle name="Обычный 2 2 7 2 7 2 2 2" xfId="6114"/>
    <cellStyle name="Обычный 2 2 7 2 7 2 3" xfId="6115"/>
    <cellStyle name="Обычный 2 2 7 2 7 2 3 2" xfId="6116"/>
    <cellStyle name="Обычный 2 2 7 2 7 2 4" xfId="6117"/>
    <cellStyle name="Обычный 2 2 7 2 7 3" xfId="6118"/>
    <cellStyle name="Обычный 2 2 7 2 7 3 2" xfId="6119"/>
    <cellStyle name="Обычный 2 2 7 2 7 4" xfId="6120"/>
    <cellStyle name="Обычный 2 2 7 2 7 4 2" xfId="6121"/>
    <cellStyle name="Обычный 2 2 7 2 7 5" xfId="6122"/>
    <cellStyle name="Обычный 2 2 7 2 7 5 2" xfId="6123"/>
    <cellStyle name="Обычный 2 2 7 2 7 6" xfId="6124"/>
    <cellStyle name="Обычный 2 2 7 2 8" xfId="6125"/>
    <cellStyle name="Обычный 2 2 7 2 8 2" xfId="6126"/>
    <cellStyle name="Обычный 2 2 7 2 8 2 2" xfId="6127"/>
    <cellStyle name="Обычный 2 2 7 2 8 3" xfId="6128"/>
    <cellStyle name="Обычный 2 2 7 2 8 3 2" xfId="6129"/>
    <cellStyle name="Обычный 2 2 7 2 8 4" xfId="6130"/>
    <cellStyle name="Обычный 2 2 7 2 9" xfId="6131"/>
    <cellStyle name="Обычный 2 2 7 2 9 2" xfId="6132"/>
    <cellStyle name="Обычный 2 2 7 2 9 2 2" xfId="6133"/>
    <cellStyle name="Обычный 2 2 7 2 9 3" xfId="6134"/>
    <cellStyle name="Обычный 2 2 7 3" xfId="6135"/>
    <cellStyle name="Обычный 2 2 7 3 10" xfId="6136"/>
    <cellStyle name="Обычный 2 2 7 3 2" xfId="6137"/>
    <cellStyle name="Обычный 2 2 7 3 2 2" xfId="6138"/>
    <cellStyle name="Обычный 2 2 7 3 2 2 2" xfId="6139"/>
    <cellStyle name="Обычный 2 2 7 3 2 2 2 2" xfId="6140"/>
    <cellStyle name="Обычный 2 2 7 3 2 2 3" xfId="6141"/>
    <cellStyle name="Обычный 2 2 7 3 2 2 3 2" xfId="6142"/>
    <cellStyle name="Обычный 2 2 7 3 2 2 4" xfId="6143"/>
    <cellStyle name="Обычный 2 2 7 3 2 3" xfId="6144"/>
    <cellStyle name="Обычный 2 2 7 3 2 3 2" xfId="6145"/>
    <cellStyle name="Обычный 2 2 7 3 2 4" xfId="6146"/>
    <cellStyle name="Обычный 2 2 7 3 2 4 2" xfId="6147"/>
    <cellStyle name="Обычный 2 2 7 3 2 5" xfId="6148"/>
    <cellStyle name="Обычный 2 2 7 3 2 5 2" xfId="6149"/>
    <cellStyle name="Обычный 2 2 7 3 2 6" xfId="6150"/>
    <cellStyle name="Обычный 2 2 7 3 3" xfId="6151"/>
    <cellStyle name="Обычный 2 2 7 3 3 2" xfId="6152"/>
    <cellStyle name="Обычный 2 2 7 3 3 2 2" xfId="6153"/>
    <cellStyle name="Обычный 2 2 7 3 3 2 2 2" xfId="6154"/>
    <cellStyle name="Обычный 2 2 7 3 3 2 3" xfId="6155"/>
    <cellStyle name="Обычный 2 2 7 3 3 2 3 2" xfId="6156"/>
    <cellStyle name="Обычный 2 2 7 3 3 2 4" xfId="6157"/>
    <cellStyle name="Обычный 2 2 7 3 3 3" xfId="6158"/>
    <cellStyle name="Обычный 2 2 7 3 3 3 2" xfId="6159"/>
    <cellStyle name="Обычный 2 2 7 3 3 4" xfId="6160"/>
    <cellStyle name="Обычный 2 2 7 3 3 4 2" xfId="6161"/>
    <cellStyle name="Обычный 2 2 7 3 3 5" xfId="6162"/>
    <cellStyle name="Обычный 2 2 7 3 3 5 2" xfId="6163"/>
    <cellStyle name="Обычный 2 2 7 3 3 6" xfId="6164"/>
    <cellStyle name="Обычный 2 2 7 3 4" xfId="6165"/>
    <cellStyle name="Обычный 2 2 7 3 4 2" xfId="6166"/>
    <cellStyle name="Обычный 2 2 7 3 4 2 2" xfId="6167"/>
    <cellStyle name="Обычный 2 2 7 3 4 2 2 2" xfId="6168"/>
    <cellStyle name="Обычный 2 2 7 3 4 2 3" xfId="6169"/>
    <cellStyle name="Обычный 2 2 7 3 4 2 3 2" xfId="6170"/>
    <cellStyle name="Обычный 2 2 7 3 4 2 4" xfId="6171"/>
    <cellStyle name="Обычный 2 2 7 3 4 3" xfId="6172"/>
    <cellStyle name="Обычный 2 2 7 3 4 3 2" xfId="6173"/>
    <cellStyle name="Обычный 2 2 7 3 4 4" xfId="6174"/>
    <cellStyle name="Обычный 2 2 7 3 4 4 2" xfId="6175"/>
    <cellStyle name="Обычный 2 2 7 3 4 5" xfId="6176"/>
    <cellStyle name="Обычный 2 2 7 3 4 5 2" xfId="6177"/>
    <cellStyle name="Обычный 2 2 7 3 4 6" xfId="6178"/>
    <cellStyle name="Обычный 2 2 7 3 5" xfId="6179"/>
    <cellStyle name="Обычный 2 2 7 3 5 2" xfId="6180"/>
    <cellStyle name="Обычный 2 2 7 3 5 2 2" xfId="6181"/>
    <cellStyle name="Обычный 2 2 7 3 5 2 2 2" xfId="6182"/>
    <cellStyle name="Обычный 2 2 7 3 5 2 3" xfId="6183"/>
    <cellStyle name="Обычный 2 2 7 3 5 2 3 2" xfId="6184"/>
    <cellStyle name="Обычный 2 2 7 3 5 2 4" xfId="6185"/>
    <cellStyle name="Обычный 2 2 7 3 5 3" xfId="6186"/>
    <cellStyle name="Обычный 2 2 7 3 5 3 2" xfId="6187"/>
    <cellStyle name="Обычный 2 2 7 3 5 4" xfId="6188"/>
    <cellStyle name="Обычный 2 2 7 3 5 4 2" xfId="6189"/>
    <cellStyle name="Обычный 2 2 7 3 5 5" xfId="6190"/>
    <cellStyle name="Обычный 2 2 7 3 5 5 2" xfId="6191"/>
    <cellStyle name="Обычный 2 2 7 3 5 6" xfId="6192"/>
    <cellStyle name="Обычный 2 2 7 3 6" xfId="6193"/>
    <cellStyle name="Обычный 2 2 7 3 6 2" xfId="6194"/>
    <cellStyle name="Обычный 2 2 7 3 6 2 2" xfId="6195"/>
    <cellStyle name="Обычный 2 2 7 3 6 3" xfId="6196"/>
    <cellStyle name="Обычный 2 2 7 3 6 3 2" xfId="6197"/>
    <cellStyle name="Обычный 2 2 7 3 6 4" xfId="6198"/>
    <cellStyle name="Обычный 2 2 7 3 7" xfId="6199"/>
    <cellStyle name="Обычный 2 2 7 3 7 2" xfId="6200"/>
    <cellStyle name="Обычный 2 2 7 3 8" xfId="6201"/>
    <cellStyle name="Обычный 2 2 7 3 8 2" xfId="6202"/>
    <cellStyle name="Обычный 2 2 7 3 9" xfId="6203"/>
    <cellStyle name="Обычный 2 2 7 3 9 2" xfId="6204"/>
    <cellStyle name="Обычный 2 2 7 4" xfId="6205"/>
    <cellStyle name="Обычный 2 2 7 4 2" xfId="6206"/>
    <cellStyle name="Обычный 2 2 7 4 2 2" xfId="6207"/>
    <cellStyle name="Обычный 2 2 7 4 2 2 2" xfId="6208"/>
    <cellStyle name="Обычный 2 2 7 4 2 2 2 2" xfId="6209"/>
    <cellStyle name="Обычный 2 2 7 4 2 2 3" xfId="6210"/>
    <cellStyle name="Обычный 2 2 7 4 2 2 3 2" xfId="6211"/>
    <cellStyle name="Обычный 2 2 7 4 2 2 4" xfId="6212"/>
    <cellStyle name="Обычный 2 2 7 4 2 3" xfId="6213"/>
    <cellStyle name="Обычный 2 2 7 4 2 3 2" xfId="6214"/>
    <cellStyle name="Обычный 2 2 7 4 2 4" xfId="6215"/>
    <cellStyle name="Обычный 2 2 7 4 2 4 2" xfId="6216"/>
    <cellStyle name="Обычный 2 2 7 4 2 5" xfId="6217"/>
    <cellStyle name="Обычный 2 2 7 4 2 5 2" xfId="6218"/>
    <cellStyle name="Обычный 2 2 7 4 2 6" xfId="6219"/>
    <cellStyle name="Обычный 2 2 7 4 3" xfId="6220"/>
    <cellStyle name="Обычный 2 2 7 4 3 2" xfId="6221"/>
    <cellStyle name="Обычный 2 2 7 4 3 2 2" xfId="6222"/>
    <cellStyle name="Обычный 2 2 7 4 3 2 2 2" xfId="6223"/>
    <cellStyle name="Обычный 2 2 7 4 3 2 3" xfId="6224"/>
    <cellStyle name="Обычный 2 2 7 4 3 2 3 2" xfId="6225"/>
    <cellStyle name="Обычный 2 2 7 4 3 2 4" xfId="6226"/>
    <cellStyle name="Обычный 2 2 7 4 3 3" xfId="6227"/>
    <cellStyle name="Обычный 2 2 7 4 3 3 2" xfId="6228"/>
    <cellStyle name="Обычный 2 2 7 4 3 4" xfId="6229"/>
    <cellStyle name="Обычный 2 2 7 4 3 4 2" xfId="6230"/>
    <cellStyle name="Обычный 2 2 7 4 3 5" xfId="6231"/>
    <cellStyle name="Обычный 2 2 7 4 3 5 2" xfId="6232"/>
    <cellStyle name="Обычный 2 2 7 4 3 6" xfId="6233"/>
    <cellStyle name="Обычный 2 2 7 4 4" xfId="6234"/>
    <cellStyle name="Обычный 2 2 7 4 4 2" xfId="6235"/>
    <cellStyle name="Обычный 2 2 7 4 4 2 2" xfId="6236"/>
    <cellStyle name="Обычный 2 2 7 4 4 2 2 2" xfId="6237"/>
    <cellStyle name="Обычный 2 2 7 4 4 2 3" xfId="6238"/>
    <cellStyle name="Обычный 2 2 7 4 4 2 3 2" xfId="6239"/>
    <cellStyle name="Обычный 2 2 7 4 4 2 4" xfId="6240"/>
    <cellStyle name="Обычный 2 2 7 4 4 3" xfId="6241"/>
    <cellStyle name="Обычный 2 2 7 4 4 3 2" xfId="6242"/>
    <cellStyle name="Обычный 2 2 7 4 4 4" xfId="6243"/>
    <cellStyle name="Обычный 2 2 7 4 4 4 2" xfId="6244"/>
    <cellStyle name="Обычный 2 2 7 4 4 5" xfId="6245"/>
    <cellStyle name="Обычный 2 2 7 4 4 5 2" xfId="6246"/>
    <cellStyle name="Обычный 2 2 7 4 4 6" xfId="6247"/>
    <cellStyle name="Обычный 2 2 7 4 5" xfId="6248"/>
    <cellStyle name="Обычный 2 2 7 4 5 2" xfId="6249"/>
    <cellStyle name="Обычный 2 2 7 4 5 2 2" xfId="6250"/>
    <cellStyle name="Обычный 2 2 7 4 5 3" xfId="6251"/>
    <cellStyle name="Обычный 2 2 7 4 5 3 2" xfId="6252"/>
    <cellStyle name="Обычный 2 2 7 4 5 4" xfId="6253"/>
    <cellStyle name="Обычный 2 2 7 4 6" xfId="6254"/>
    <cellStyle name="Обычный 2 2 7 4 6 2" xfId="6255"/>
    <cellStyle name="Обычный 2 2 7 4 7" xfId="6256"/>
    <cellStyle name="Обычный 2 2 7 4 7 2" xfId="6257"/>
    <cellStyle name="Обычный 2 2 7 4 8" xfId="6258"/>
    <cellStyle name="Обычный 2 2 7 4 8 2" xfId="6259"/>
    <cellStyle name="Обычный 2 2 7 4 9" xfId="6260"/>
    <cellStyle name="Обычный 2 2 7 5" xfId="6261"/>
    <cellStyle name="Обычный 2 2 7 5 2" xfId="6262"/>
    <cellStyle name="Обычный 2 2 7 5 2 2" xfId="6263"/>
    <cellStyle name="Обычный 2 2 7 5 2 2 2" xfId="6264"/>
    <cellStyle name="Обычный 2 2 7 5 2 3" xfId="6265"/>
    <cellStyle name="Обычный 2 2 7 5 2 3 2" xfId="6266"/>
    <cellStyle name="Обычный 2 2 7 5 2 4" xfId="6267"/>
    <cellStyle name="Обычный 2 2 7 5 3" xfId="6268"/>
    <cellStyle name="Обычный 2 2 7 5 3 2" xfId="6269"/>
    <cellStyle name="Обычный 2 2 7 5 4" xfId="6270"/>
    <cellStyle name="Обычный 2 2 7 5 4 2" xfId="6271"/>
    <cellStyle name="Обычный 2 2 7 5 5" xfId="6272"/>
    <cellStyle name="Обычный 2 2 7 5 5 2" xfId="6273"/>
    <cellStyle name="Обычный 2 2 7 5 6" xfId="6274"/>
    <cellStyle name="Обычный 2 2 7 6" xfId="6275"/>
    <cellStyle name="Обычный 2 2 7 6 2" xfId="6276"/>
    <cellStyle name="Обычный 2 2 7 6 2 2" xfId="6277"/>
    <cellStyle name="Обычный 2 2 7 6 2 2 2" xfId="6278"/>
    <cellStyle name="Обычный 2 2 7 6 2 3" xfId="6279"/>
    <cellStyle name="Обычный 2 2 7 6 2 3 2" xfId="6280"/>
    <cellStyle name="Обычный 2 2 7 6 2 4" xfId="6281"/>
    <cellStyle name="Обычный 2 2 7 6 3" xfId="6282"/>
    <cellStyle name="Обычный 2 2 7 6 3 2" xfId="6283"/>
    <cellStyle name="Обычный 2 2 7 6 4" xfId="6284"/>
    <cellStyle name="Обычный 2 2 7 6 4 2" xfId="6285"/>
    <cellStyle name="Обычный 2 2 7 6 5" xfId="6286"/>
    <cellStyle name="Обычный 2 2 7 6 5 2" xfId="6287"/>
    <cellStyle name="Обычный 2 2 7 6 6" xfId="6288"/>
    <cellStyle name="Обычный 2 2 7 7" xfId="6289"/>
    <cellStyle name="Обычный 2 2 7 7 2" xfId="6290"/>
    <cellStyle name="Обычный 2 2 7 7 2 2" xfId="6291"/>
    <cellStyle name="Обычный 2 2 7 7 2 2 2" xfId="6292"/>
    <cellStyle name="Обычный 2 2 7 7 2 3" xfId="6293"/>
    <cellStyle name="Обычный 2 2 7 7 2 3 2" xfId="6294"/>
    <cellStyle name="Обычный 2 2 7 7 2 4" xfId="6295"/>
    <cellStyle name="Обычный 2 2 7 7 3" xfId="6296"/>
    <cellStyle name="Обычный 2 2 7 7 3 2" xfId="6297"/>
    <cellStyle name="Обычный 2 2 7 7 4" xfId="6298"/>
    <cellStyle name="Обычный 2 2 7 7 4 2" xfId="6299"/>
    <cellStyle name="Обычный 2 2 7 7 5" xfId="6300"/>
    <cellStyle name="Обычный 2 2 7 7 5 2" xfId="6301"/>
    <cellStyle name="Обычный 2 2 7 7 6" xfId="6302"/>
    <cellStyle name="Обычный 2 2 7 8" xfId="6303"/>
    <cellStyle name="Обычный 2 2 7 8 2" xfId="6304"/>
    <cellStyle name="Обычный 2 2 7 8 2 2" xfId="6305"/>
    <cellStyle name="Обычный 2 2 7 8 2 2 2" xfId="6306"/>
    <cellStyle name="Обычный 2 2 7 8 2 3" xfId="6307"/>
    <cellStyle name="Обычный 2 2 7 8 2 3 2" xfId="6308"/>
    <cellStyle name="Обычный 2 2 7 8 2 4" xfId="6309"/>
    <cellStyle name="Обычный 2 2 7 8 3" xfId="6310"/>
    <cellStyle name="Обычный 2 2 7 8 3 2" xfId="6311"/>
    <cellStyle name="Обычный 2 2 7 8 4" xfId="6312"/>
    <cellStyle name="Обычный 2 2 7 8 4 2" xfId="6313"/>
    <cellStyle name="Обычный 2 2 7 8 5" xfId="6314"/>
    <cellStyle name="Обычный 2 2 7 8 5 2" xfId="6315"/>
    <cellStyle name="Обычный 2 2 7 8 6" xfId="6316"/>
    <cellStyle name="Обычный 2 2 7 9" xfId="6317"/>
    <cellStyle name="Обычный 2 2 7 9 2" xfId="6318"/>
    <cellStyle name="Обычный 2 2 7 9 2 2" xfId="6319"/>
    <cellStyle name="Обычный 2 2 7 9 3" xfId="6320"/>
    <cellStyle name="Обычный 2 2 7 9 3 2" xfId="6321"/>
    <cellStyle name="Обычный 2 2 7 9 4" xfId="6322"/>
    <cellStyle name="Обычный 2 2 8" xfId="6323"/>
    <cellStyle name="Обычный 2 2 8 10" xfId="6324"/>
    <cellStyle name="Обычный 2 2 8 10 2" xfId="6325"/>
    <cellStyle name="Обычный 2 2 8 10 2 2" xfId="6326"/>
    <cellStyle name="Обычный 2 2 8 10 3" xfId="6327"/>
    <cellStyle name="Обычный 2 2 8 11" xfId="6328"/>
    <cellStyle name="Обычный 2 2 8 11 2" xfId="6329"/>
    <cellStyle name="Обычный 2 2 8 12" xfId="6330"/>
    <cellStyle name="Обычный 2 2 8 12 2" xfId="6331"/>
    <cellStyle name="Обычный 2 2 8 13" xfId="6332"/>
    <cellStyle name="Обычный 2 2 8 14" xfId="6333"/>
    <cellStyle name="Обычный 2 2 8 2" xfId="6334"/>
    <cellStyle name="Обычный 2 2 8 2 10" xfId="6335"/>
    <cellStyle name="Обычный 2 2 8 2 10 2" xfId="6336"/>
    <cellStyle name="Обычный 2 2 8 2 11" xfId="6337"/>
    <cellStyle name="Обычный 2 2 8 2 11 2" xfId="6338"/>
    <cellStyle name="Обычный 2 2 8 2 12" xfId="6339"/>
    <cellStyle name="Обычный 2 2 8 2 13" xfId="6340"/>
    <cellStyle name="Обычный 2 2 8 2 2" xfId="6341"/>
    <cellStyle name="Обычный 2 2 8 2 2 10" xfId="6342"/>
    <cellStyle name="Обычный 2 2 8 2 2 2" xfId="6343"/>
    <cellStyle name="Обычный 2 2 8 2 2 2 2" xfId="6344"/>
    <cellStyle name="Обычный 2 2 8 2 2 2 2 2" xfId="6345"/>
    <cellStyle name="Обычный 2 2 8 2 2 2 2 2 2" xfId="6346"/>
    <cellStyle name="Обычный 2 2 8 2 2 2 2 3" xfId="6347"/>
    <cellStyle name="Обычный 2 2 8 2 2 2 2 3 2" xfId="6348"/>
    <cellStyle name="Обычный 2 2 8 2 2 2 2 4" xfId="6349"/>
    <cellStyle name="Обычный 2 2 8 2 2 2 3" xfId="6350"/>
    <cellStyle name="Обычный 2 2 8 2 2 2 3 2" xfId="6351"/>
    <cellStyle name="Обычный 2 2 8 2 2 2 4" xfId="6352"/>
    <cellStyle name="Обычный 2 2 8 2 2 2 4 2" xfId="6353"/>
    <cellStyle name="Обычный 2 2 8 2 2 2 5" xfId="6354"/>
    <cellStyle name="Обычный 2 2 8 2 2 2 5 2" xfId="6355"/>
    <cellStyle name="Обычный 2 2 8 2 2 2 6" xfId="6356"/>
    <cellStyle name="Обычный 2 2 8 2 2 3" xfId="6357"/>
    <cellStyle name="Обычный 2 2 8 2 2 3 2" xfId="6358"/>
    <cellStyle name="Обычный 2 2 8 2 2 3 2 2" xfId="6359"/>
    <cellStyle name="Обычный 2 2 8 2 2 3 2 2 2" xfId="6360"/>
    <cellStyle name="Обычный 2 2 8 2 2 3 2 3" xfId="6361"/>
    <cellStyle name="Обычный 2 2 8 2 2 3 2 3 2" xfId="6362"/>
    <cellStyle name="Обычный 2 2 8 2 2 3 2 4" xfId="6363"/>
    <cellStyle name="Обычный 2 2 8 2 2 3 3" xfId="6364"/>
    <cellStyle name="Обычный 2 2 8 2 2 3 3 2" xfId="6365"/>
    <cellStyle name="Обычный 2 2 8 2 2 3 4" xfId="6366"/>
    <cellStyle name="Обычный 2 2 8 2 2 3 4 2" xfId="6367"/>
    <cellStyle name="Обычный 2 2 8 2 2 3 5" xfId="6368"/>
    <cellStyle name="Обычный 2 2 8 2 2 3 5 2" xfId="6369"/>
    <cellStyle name="Обычный 2 2 8 2 2 3 6" xfId="6370"/>
    <cellStyle name="Обычный 2 2 8 2 2 4" xfId="6371"/>
    <cellStyle name="Обычный 2 2 8 2 2 4 2" xfId="6372"/>
    <cellStyle name="Обычный 2 2 8 2 2 4 2 2" xfId="6373"/>
    <cellStyle name="Обычный 2 2 8 2 2 4 2 2 2" xfId="6374"/>
    <cellStyle name="Обычный 2 2 8 2 2 4 2 3" xfId="6375"/>
    <cellStyle name="Обычный 2 2 8 2 2 4 2 3 2" xfId="6376"/>
    <cellStyle name="Обычный 2 2 8 2 2 4 2 4" xfId="6377"/>
    <cellStyle name="Обычный 2 2 8 2 2 4 3" xfId="6378"/>
    <cellStyle name="Обычный 2 2 8 2 2 4 3 2" xfId="6379"/>
    <cellStyle name="Обычный 2 2 8 2 2 4 4" xfId="6380"/>
    <cellStyle name="Обычный 2 2 8 2 2 4 4 2" xfId="6381"/>
    <cellStyle name="Обычный 2 2 8 2 2 4 5" xfId="6382"/>
    <cellStyle name="Обычный 2 2 8 2 2 4 5 2" xfId="6383"/>
    <cellStyle name="Обычный 2 2 8 2 2 4 6" xfId="6384"/>
    <cellStyle name="Обычный 2 2 8 2 2 5" xfId="6385"/>
    <cellStyle name="Обычный 2 2 8 2 2 5 2" xfId="6386"/>
    <cellStyle name="Обычный 2 2 8 2 2 5 2 2" xfId="6387"/>
    <cellStyle name="Обычный 2 2 8 2 2 5 2 2 2" xfId="6388"/>
    <cellStyle name="Обычный 2 2 8 2 2 5 2 3" xfId="6389"/>
    <cellStyle name="Обычный 2 2 8 2 2 5 2 3 2" xfId="6390"/>
    <cellStyle name="Обычный 2 2 8 2 2 5 2 4" xfId="6391"/>
    <cellStyle name="Обычный 2 2 8 2 2 5 3" xfId="6392"/>
    <cellStyle name="Обычный 2 2 8 2 2 5 3 2" xfId="6393"/>
    <cellStyle name="Обычный 2 2 8 2 2 5 4" xfId="6394"/>
    <cellStyle name="Обычный 2 2 8 2 2 5 4 2" xfId="6395"/>
    <cellStyle name="Обычный 2 2 8 2 2 5 5" xfId="6396"/>
    <cellStyle name="Обычный 2 2 8 2 2 5 5 2" xfId="6397"/>
    <cellStyle name="Обычный 2 2 8 2 2 5 6" xfId="6398"/>
    <cellStyle name="Обычный 2 2 8 2 2 6" xfId="6399"/>
    <cellStyle name="Обычный 2 2 8 2 2 6 2" xfId="6400"/>
    <cellStyle name="Обычный 2 2 8 2 2 6 2 2" xfId="6401"/>
    <cellStyle name="Обычный 2 2 8 2 2 6 3" xfId="6402"/>
    <cellStyle name="Обычный 2 2 8 2 2 6 3 2" xfId="6403"/>
    <cellStyle name="Обычный 2 2 8 2 2 6 4" xfId="6404"/>
    <cellStyle name="Обычный 2 2 8 2 2 7" xfId="6405"/>
    <cellStyle name="Обычный 2 2 8 2 2 7 2" xfId="6406"/>
    <cellStyle name="Обычный 2 2 8 2 2 8" xfId="6407"/>
    <cellStyle name="Обычный 2 2 8 2 2 8 2" xfId="6408"/>
    <cellStyle name="Обычный 2 2 8 2 2 9" xfId="6409"/>
    <cellStyle name="Обычный 2 2 8 2 2 9 2" xfId="6410"/>
    <cellStyle name="Обычный 2 2 8 2 3" xfId="6411"/>
    <cellStyle name="Обычный 2 2 8 2 3 2" xfId="6412"/>
    <cellStyle name="Обычный 2 2 8 2 3 2 2" xfId="6413"/>
    <cellStyle name="Обычный 2 2 8 2 3 2 2 2" xfId="6414"/>
    <cellStyle name="Обычный 2 2 8 2 3 2 2 2 2" xfId="6415"/>
    <cellStyle name="Обычный 2 2 8 2 3 2 2 3" xfId="6416"/>
    <cellStyle name="Обычный 2 2 8 2 3 2 2 3 2" xfId="6417"/>
    <cellStyle name="Обычный 2 2 8 2 3 2 2 4" xfId="6418"/>
    <cellStyle name="Обычный 2 2 8 2 3 2 3" xfId="6419"/>
    <cellStyle name="Обычный 2 2 8 2 3 2 3 2" xfId="6420"/>
    <cellStyle name="Обычный 2 2 8 2 3 2 4" xfId="6421"/>
    <cellStyle name="Обычный 2 2 8 2 3 2 4 2" xfId="6422"/>
    <cellStyle name="Обычный 2 2 8 2 3 2 5" xfId="6423"/>
    <cellStyle name="Обычный 2 2 8 2 3 2 5 2" xfId="6424"/>
    <cellStyle name="Обычный 2 2 8 2 3 2 6" xfId="6425"/>
    <cellStyle name="Обычный 2 2 8 2 3 3" xfId="6426"/>
    <cellStyle name="Обычный 2 2 8 2 3 3 2" xfId="6427"/>
    <cellStyle name="Обычный 2 2 8 2 3 3 2 2" xfId="6428"/>
    <cellStyle name="Обычный 2 2 8 2 3 3 2 2 2" xfId="6429"/>
    <cellStyle name="Обычный 2 2 8 2 3 3 2 3" xfId="6430"/>
    <cellStyle name="Обычный 2 2 8 2 3 3 2 3 2" xfId="6431"/>
    <cellStyle name="Обычный 2 2 8 2 3 3 2 4" xfId="6432"/>
    <cellStyle name="Обычный 2 2 8 2 3 3 3" xfId="6433"/>
    <cellStyle name="Обычный 2 2 8 2 3 3 3 2" xfId="6434"/>
    <cellStyle name="Обычный 2 2 8 2 3 3 4" xfId="6435"/>
    <cellStyle name="Обычный 2 2 8 2 3 3 4 2" xfId="6436"/>
    <cellStyle name="Обычный 2 2 8 2 3 3 5" xfId="6437"/>
    <cellStyle name="Обычный 2 2 8 2 3 3 5 2" xfId="6438"/>
    <cellStyle name="Обычный 2 2 8 2 3 3 6" xfId="6439"/>
    <cellStyle name="Обычный 2 2 8 2 3 4" xfId="6440"/>
    <cellStyle name="Обычный 2 2 8 2 3 4 2" xfId="6441"/>
    <cellStyle name="Обычный 2 2 8 2 3 4 2 2" xfId="6442"/>
    <cellStyle name="Обычный 2 2 8 2 3 4 2 2 2" xfId="6443"/>
    <cellStyle name="Обычный 2 2 8 2 3 4 2 3" xfId="6444"/>
    <cellStyle name="Обычный 2 2 8 2 3 4 2 3 2" xfId="6445"/>
    <cellStyle name="Обычный 2 2 8 2 3 4 2 4" xfId="6446"/>
    <cellStyle name="Обычный 2 2 8 2 3 4 3" xfId="6447"/>
    <cellStyle name="Обычный 2 2 8 2 3 4 3 2" xfId="6448"/>
    <cellStyle name="Обычный 2 2 8 2 3 4 4" xfId="6449"/>
    <cellStyle name="Обычный 2 2 8 2 3 4 4 2" xfId="6450"/>
    <cellStyle name="Обычный 2 2 8 2 3 4 5" xfId="6451"/>
    <cellStyle name="Обычный 2 2 8 2 3 4 5 2" xfId="6452"/>
    <cellStyle name="Обычный 2 2 8 2 3 4 6" xfId="6453"/>
    <cellStyle name="Обычный 2 2 8 2 3 5" xfId="6454"/>
    <cellStyle name="Обычный 2 2 8 2 3 5 2" xfId="6455"/>
    <cellStyle name="Обычный 2 2 8 2 3 5 2 2" xfId="6456"/>
    <cellStyle name="Обычный 2 2 8 2 3 5 3" xfId="6457"/>
    <cellStyle name="Обычный 2 2 8 2 3 5 3 2" xfId="6458"/>
    <cellStyle name="Обычный 2 2 8 2 3 5 4" xfId="6459"/>
    <cellStyle name="Обычный 2 2 8 2 3 6" xfId="6460"/>
    <cellStyle name="Обычный 2 2 8 2 3 6 2" xfId="6461"/>
    <cellStyle name="Обычный 2 2 8 2 3 7" xfId="6462"/>
    <cellStyle name="Обычный 2 2 8 2 3 7 2" xfId="6463"/>
    <cellStyle name="Обычный 2 2 8 2 3 8" xfId="6464"/>
    <cellStyle name="Обычный 2 2 8 2 3 8 2" xfId="6465"/>
    <cellStyle name="Обычный 2 2 8 2 3 9" xfId="6466"/>
    <cellStyle name="Обычный 2 2 8 2 4" xfId="6467"/>
    <cellStyle name="Обычный 2 2 8 2 4 2" xfId="6468"/>
    <cellStyle name="Обычный 2 2 8 2 4 2 2" xfId="6469"/>
    <cellStyle name="Обычный 2 2 8 2 4 2 2 2" xfId="6470"/>
    <cellStyle name="Обычный 2 2 8 2 4 2 3" xfId="6471"/>
    <cellStyle name="Обычный 2 2 8 2 4 2 3 2" xfId="6472"/>
    <cellStyle name="Обычный 2 2 8 2 4 2 4" xfId="6473"/>
    <cellStyle name="Обычный 2 2 8 2 4 3" xfId="6474"/>
    <cellStyle name="Обычный 2 2 8 2 4 3 2" xfId="6475"/>
    <cellStyle name="Обычный 2 2 8 2 4 4" xfId="6476"/>
    <cellStyle name="Обычный 2 2 8 2 4 4 2" xfId="6477"/>
    <cellStyle name="Обычный 2 2 8 2 4 5" xfId="6478"/>
    <cellStyle name="Обычный 2 2 8 2 4 5 2" xfId="6479"/>
    <cellStyle name="Обычный 2 2 8 2 4 6" xfId="6480"/>
    <cellStyle name="Обычный 2 2 8 2 5" xfId="6481"/>
    <cellStyle name="Обычный 2 2 8 2 5 2" xfId="6482"/>
    <cellStyle name="Обычный 2 2 8 2 5 2 2" xfId="6483"/>
    <cellStyle name="Обычный 2 2 8 2 5 2 2 2" xfId="6484"/>
    <cellStyle name="Обычный 2 2 8 2 5 2 3" xfId="6485"/>
    <cellStyle name="Обычный 2 2 8 2 5 2 3 2" xfId="6486"/>
    <cellStyle name="Обычный 2 2 8 2 5 2 4" xfId="6487"/>
    <cellStyle name="Обычный 2 2 8 2 5 3" xfId="6488"/>
    <cellStyle name="Обычный 2 2 8 2 5 3 2" xfId="6489"/>
    <cellStyle name="Обычный 2 2 8 2 5 4" xfId="6490"/>
    <cellStyle name="Обычный 2 2 8 2 5 4 2" xfId="6491"/>
    <cellStyle name="Обычный 2 2 8 2 5 5" xfId="6492"/>
    <cellStyle name="Обычный 2 2 8 2 5 5 2" xfId="6493"/>
    <cellStyle name="Обычный 2 2 8 2 5 6" xfId="6494"/>
    <cellStyle name="Обычный 2 2 8 2 6" xfId="6495"/>
    <cellStyle name="Обычный 2 2 8 2 6 2" xfId="6496"/>
    <cellStyle name="Обычный 2 2 8 2 6 2 2" xfId="6497"/>
    <cellStyle name="Обычный 2 2 8 2 6 2 2 2" xfId="6498"/>
    <cellStyle name="Обычный 2 2 8 2 6 2 3" xfId="6499"/>
    <cellStyle name="Обычный 2 2 8 2 6 2 3 2" xfId="6500"/>
    <cellStyle name="Обычный 2 2 8 2 6 2 4" xfId="6501"/>
    <cellStyle name="Обычный 2 2 8 2 6 3" xfId="6502"/>
    <cellStyle name="Обычный 2 2 8 2 6 3 2" xfId="6503"/>
    <cellStyle name="Обычный 2 2 8 2 6 4" xfId="6504"/>
    <cellStyle name="Обычный 2 2 8 2 6 4 2" xfId="6505"/>
    <cellStyle name="Обычный 2 2 8 2 6 5" xfId="6506"/>
    <cellStyle name="Обычный 2 2 8 2 6 5 2" xfId="6507"/>
    <cellStyle name="Обычный 2 2 8 2 6 6" xfId="6508"/>
    <cellStyle name="Обычный 2 2 8 2 7" xfId="6509"/>
    <cellStyle name="Обычный 2 2 8 2 7 2" xfId="6510"/>
    <cellStyle name="Обычный 2 2 8 2 7 2 2" xfId="6511"/>
    <cellStyle name="Обычный 2 2 8 2 7 2 2 2" xfId="6512"/>
    <cellStyle name="Обычный 2 2 8 2 7 2 3" xfId="6513"/>
    <cellStyle name="Обычный 2 2 8 2 7 2 3 2" xfId="6514"/>
    <cellStyle name="Обычный 2 2 8 2 7 2 4" xfId="6515"/>
    <cellStyle name="Обычный 2 2 8 2 7 3" xfId="6516"/>
    <cellStyle name="Обычный 2 2 8 2 7 3 2" xfId="6517"/>
    <cellStyle name="Обычный 2 2 8 2 7 4" xfId="6518"/>
    <cellStyle name="Обычный 2 2 8 2 7 4 2" xfId="6519"/>
    <cellStyle name="Обычный 2 2 8 2 7 5" xfId="6520"/>
    <cellStyle name="Обычный 2 2 8 2 7 5 2" xfId="6521"/>
    <cellStyle name="Обычный 2 2 8 2 7 6" xfId="6522"/>
    <cellStyle name="Обычный 2 2 8 2 8" xfId="6523"/>
    <cellStyle name="Обычный 2 2 8 2 8 2" xfId="6524"/>
    <cellStyle name="Обычный 2 2 8 2 8 2 2" xfId="6525"/>
    <cellStyle name="Обычный 2 2 8 2 8 3" xfId="6526"/>
    <cellStyle name="Обычный 2 2 8 2 8 3 2" xfId="6527"/>
    <cellStyle name="Обычный 2 2 8 2 8 4" xfId="6528"/>
    <cellStyle name="Обычный 2 2 8 2 9" xfId="6529"/>
    <cellStyle name="Обычный 2 2 8 2 9 2" xfId="6530"/>
    <cellStyle name="Обычный 2 2 8 2 9 2 2" xfId="6531"/>
    <cellStyle name="Обычный 2 2 8 2 9 3" xfId="6532"/>
    <cellStyle name="Обычный 2 2 8 3" xfId="6533"/>
    <cellStyle name="Обычный 2 2 8 3 10" xfId="6534"/>
    <cellStyle name="Обычный 2 2 8 3 2" xfId="6535"/>
    <cellStyle name="Обычный 2 2 8 3 2 2" xfId="6536"/>
    <cellStyle name="Обычный 2 2 8 3 2 2 2" xfId="6537"/>
    <cellStyle name="Обычный 2 2 8 3 2 2 2 2" xfId="6538"/>
    <cellStyle name="Обычный 2 2 8 3 2 2 3" xfId="6539"/>
    <cellStyle name="Обычный 2 2 8 3 2 2 3 2" xfId="6540"/>
    <cellStyle name="Обычный 2 2 8 3 2 2 4" xfId="6541"/>
    <cellStyle name="Обычный 2 2 8 3 2 3" xfId="6542"/>
    <cellStyle name="Обычный 2 2 8 3 2 3 2" xfId="6543"/>
    <cellStyle name="Обычный 2 2 8 3 2 4" xfId="6544"/>
    <cellStyle name="Обычный 2 2 8 3 2 4 2" xfId="6545"/>
    <cellStyle name="Обычный 2 2 8 3 2 5" xfId="6546"/>
    <cellStyle name="Обычный 2 2 8 3 2 5 2" xfId="6547"/>
    <cellStyle name="Обычный 2 2 8 3 2 6" xfId="6548"/>
    <cellStyle name="Обычный 2 2 8 3 3" xfId="6549"/>
    <cellStyle name="Обычный 2 2 8 3 3 2" xfId="6550"/>
    <cellStyle name="Обычный 2 2 8 3 3 2 2" xfId="6551"/>
    <cellStyle name="Обычный 2 2 8 3 3 2 2 2" xfId="6552"/>
    <cellStyle name="Обычный 2 2 8 3 3 2 3" xfId="6553"/>
    <cellStyle name="Обычный 2 2 8 3 3 2 3 2" xfId="6554"/>
    <cellStyle name="Обычный 2 2 8 3 3 2 4" xfId="6555"/>
    <cellStyle name="Обычный 2 2 8 3 3 3" xfId="6556"/>
    <cellStyle name="Обычный 2 2 8 3 3 3 2" xfId="6557"/>
    <cellStyle name="Обычный 2 2 8 3 3 4" xfId="6558"/>
    <cellStyle name="Обычный 2 2 8 3 3 4 2" xfId="6559"/>
    <cellStyle name="Обычный 2 2 8 3 3 5" xfId="6560"/>
    <cellStyle name="Обычный 2 2 8 3 3 5 2" xfId="6561"/>
    <cellStyle name="Обычный 2 2 8 3 3 6" xfId="6562"/>
    <cellStyle name="Обычный 2 2 8 3 4" xfId="6563"/>
    <cellStyle name="Обычный 2 2 8 3 4 2" xfId="6564"/>
    <cellStyle name="Обычный 2 2 8 3 4 2 2" xfId="6565"/>
    <cellStyle name="Обычный 2 2 8 3 4 2 2 2" xfId="6566"/>
    <cellStyle name="Обычный 2 2 8 3 4 2 3" xfId="6567"/>
    <cellStyle name="Обычный 2 2 8 3 4 2 3 2" xfId="6568"/>
    <cellStyle name="Обычный 2 2 8 3 4 2 4" xfId="6569"/>
    <cellStyle name="Обычный 2 2 8 3 4 3" xfId="6570"/>
    <cellStyle name="Обычный 2 2 8 3 4 3 2" xfId="6571"/>
    <cellStyle name="Обычный 2 2 8 3 4 4" xfId="6572"/>
    <cellStyle name="Обычный 2 2 8 3 4 4 2" xfId="6573"/>
    <cellStyle name="Обычный 2 2 8 3 4 5" xfId="6574"/>
    <cellStyle name="Обычный 2 2 8 3 4 5 2" xfId="6575"/>
    <cellStyle name="Обычный 2 2 8 3 4 6" xfId="6576"/>
    <cellStyle name="Обычный 2 2 8 3 5" xfId="6577"/>
    <cellStyle name="Обычный 2 2 8 3 5 2" xfId="6578"/>
    <cellStyle name="Обычный 2 2 8 3 5 2 2" xfId="6579"/>
    <cellStyle name="Обычный 2 2 8 3 5 2 2 2" xfId="6580"/>
    <cellStyle name="Обычный 2 2 8 3 5 2 3" xfId="6581"/>
    <cellStyle name="Обычный 2 2 8 3 5 2 3 2" xfId="6582"/>
    <cellStyle name="Обычный 2 2 8 3 5 2 4" xfId="6583"/>
    <cellStyle name="Обычный 2 2 8 3 5 3" xfId="6584"/>
    <cellStyle name="Обычный 2 2 8 3 5 3 2" xfId="6585"/>
    <cellStyle name="Обычный 2 2 8 3 5 4" xfId="6586"/>
    <cellStyle name="Обычный 2 2 8 3 5 4 2" xfId="6587"/>
    <cellStyle name="Обычный 2 2 8 3 5 5" xfId="6588"/>
    <cellStyle name="Обычный 2 2 8 3 5 5 2" xfId="6589"/>
    <cellStyle name="Обычный 2 2 8 3 5 6" xfId="6590"/>
    <cellStyle name="Обычный 2 2 8 3 6" xfId="6591"/>
    <cellStyle name="Обычный 2 2 8 3 6 2" xfId="6592"/>
    <cellStyle name="Обычный 2 2 8 3 6 2 2" xfId="6593"/>
    <cellStyle name="Обычный 2 2 8 3 6 3" xfId="6594"/>
    <cellStyle name="Обычный 2 2 8 3 6 3 2" xfId="6595"/>
    <cellStyle name="Обычный 2 2 8 3 6 4" xfId="6596"/>
    <cellStyle name="Обычный 2 2 8 3 7" xfId="6597"/>
    <cellStyle name="Обычный 2 2 8 3 7 2" xfId="6598"/>
    <cellStyle name="Обычный 2 2 8 3 8" xfId="6599"/>
    <cellStyle name="Обычный 2 2 8 3 8 2" xfId="6600"/>
    <cellStyle name="Обычный 2 2 8 3 9" xfId="6601"/>
    <cellStyle name="Обычный 2 2 8 3 9 2" xfId="6602"/>
    <cellStyle name="Обычный 2 2 8 4" xfId="6603"/>
    <cellStyle name="Обычный 2 2 8 4 2" xfId="6604"/>
    <cellStyle name="Обычный 2 2 8 4 2 2" xfId="6605"/>
    <cellStyle name="Обычный 2 2 8 4 2 2 2" xfId="6606"/>
    <cellStyle name="Обычный 2 2 8 4 2 2 2 2" xfId="6607"/>
    <cellStyle name="Обычный 2 2 8 4 2 2 3" xfId="6608"/>
    <cellStyle name="Обычный 2 2 8 4 2 2 3 2" xfId="6609"/>
    <cellStyle name="Обычный 2 2 8 4 2 2 4" xfId="6610"/>
    <cellStyle name="Обычный 2 2 8 4 2 3" xfId="6611"/>
    <cellStyle name="Обычный 2 2 8 4 2 3 2" xfId="6612"/>
    <cellStyle name="Обычный 2 2 8 4 2 4" xfId="6613"/>
    <cellStyle name="Обычный 2 2 8 4 2 4 2" xfId="6614"/>
    <cellStyle name="Обычный 2 2 8 4 2 5" xfId="6615"/>
    <cellStyle name="Обычный 2 2 8 4 2 5 2" xfId="6616"/>
    <cellStyle name="Обычный 2 2 8 4 2 6" xfId="6617"/>
    <cellStyle name="Обычный 2 2 8 4 3" xfId="6618"/>
    <cellStyle name="Обычный 2 2 8 4 3 2" xfId="6619"/>
    <cellStyle name="Обычный 2 2 8 4 3 2 2" xfId="6620"/>
    <cellStyle name="Обычный 2 2 8 4 3 2 2 2" xfId="6621"/>
    <cellStyle name="Обычный 2 2 8 4 3 2 3" xfId="6622"/>
    <cellStyle name="Обычный 2 2 8 4 3 2 3 2" xfId="6623"/>
    <cellStyle name="Обычный 2 2 8 4 3 2 4" xfId="6624"/>
    <cellStyle name="Обычный 2 2 8 4 3 3" xfId="6625"/>
    <cellStyle name="Обычный 2 2 8 4 3 3 2" xfId="6626"/>
    <cellStyle name="Обычный 2 2 8 4 3 4" xfId="6627"/>
    <cellStyle name="Обычный 2 2 8 4 3 4 2" xfId="6628"/>
    <cellStyle name="Обычный 2 2 8 4 3 5" xfId="6629"/>
    <cellStyle name="Обычный 2 2 8 4 3 5 2" xfId="6630"/>
    <cellStyle name="Обычный 2 2 8 4 3 6" xfId="6631"/>
    <cellStyle name="Обычный 2 2 8 4 4" xfId="6632"/>
    <cellStyle name="Обычный 2 2 8 4 4 2" xfId="6633"/>
    <cellStyle name="Обычный 2 2 8 4 4 2 2" xfId="6634"/>
    <cellStyle name="Обычный 2 2 8 4 4 2 2 2" xfId="6635"/>
    <cellStyle name="Обычный 2 2 8 4 4 2 3" xfId="6636"/>
    <cellStyle name="Обычный 2 2 8 4 4 2 3 2" xfId="6637"/>
    <cellStyle name="Обычный 2 2 8 4 4 2 4" xfId="6638"/>
    <cellStyle name="Обычный 2 2 8 4 4 3" xfId="6639"/>
    <cellStyle name="Обычный 2 2 8 4 4 3 2" xfId="6640"/>
    <cellStyle name="Обычный 2 2 8 4 4 4" xfId="6641"/>
    <cellStyle name="Обычный 2 2 8 4 4 4 2" xfId="6642"/>
    <cellStyle name="Обычный 2 2 8 4 4 5" xfId="6643"/>
    <cellStyle name="Обычный 2 2 8 4 4 5 2" xfId="6644"/>
    <cellStyle name="Обычный 2 2 8 4 4 6" xfId="6645"/>
    <cellStyle name="Обычный 2 2 8 4 5" xfId="6646"/>
    <cellStyle name="Обычный 2 2 8 4 5 2" xfId="6647"/>
    <cellStyle name="Обычный 2 2 8 4 5 2 2" xfId="6648"/>
    <cellStyle name="Обычный 2 2 8 4 5 3" xfId="6649"/>
    <cellStyle name="Обычный 2 2 8 4 5 3 2" xfId="6650"/>
    <cellStyle name="Обычный 2 2 8 4 5 4" xfId="6651"/>
    <cellStyle name="Обычный 2 2 8 4 6" xfId="6652"/>
    <cellStyle name="Обычный 2 2 8 4 6 2" xfId="6653"/>
    <cellStyle name="Обычный 2 2 8 4 7" xfId="6654"/>
    <cellStyle name="Обычный 2 2 8 4 7 2" xfId="6655"/>
    <cellStyle name="Обычный 2 2 8 4 8" xfId="6656"/>
    <cellStyle name="Обычный 2 2 8 4 8 2" xfId="6657"/>
    <cellStyle name="Обычный 2 2 8 4 9" xfId="6658"/>
    <cellStyle name="Обычный 2 2 8 5" xfId="6659"/>
    <cellStyle name="Обычный 2 2 8 5 2" xfId="6660"/>
    <cellStyle name="Обычный 2 2 8 5 2 2" xfId="6661"/>
    <cellStyle name="Обычный 2 2 8 5 2 2 2" xfId="6662"/>
    <cellStyle name="Обычный 2 2 8 5 2 3" xfId="6663"/>
    <cellStyle name="Обычный 2 2 8 5 2 3 2" xfId="6664"/>
    <cellStyle name="Обычный 2 2 8 5 2 4" xfId="6665"/>
    <cellStyle name="Обычный 2 2 8 5 3" xfId="6666"/>
    <cellStyle name="Обычный 2 2 8 5 3 2" xfId="6667"/>
    <cellStyle name="Обычный 2 2 8 5 4" xfId="6668"/>
    <cellStyle name="Обычный 2 2 8 5 4 2" xfId="6669"/>
    <cellStyle name="Обычный 2 2 8 5 5" xfId="6670"/>
    <cellStyle name="Обычный 2 2 8 5 5 2" xfId="6671"/>
    <cellStyle name="Обычный 2 2 8 5 6" xfId="6672"/>
    <cellStyle name="Обычный 2 2 8 6" xfId="6673"/>
    <cellStyle name="Обычный 2 2 8 6 2" xfId="6674"/>
    <cellStyle name="Обычный 2 2 8 6 2 2" xfId="6675"/>
    <cellStyle name="Обычный 2 2 8 6 2 2 2" xfId="6676"/>
    <cellStyle name="Обычный 2 2 8 6 2 3" xfId="6677"/>
    <cellStyle name="Обычный 2 2 8 6 2 3 2" xfId="6678"/>
    <cellStyle name="Обычный 2 2 8 6 2 4" xfId="6679"/>
    <cellStyle name="Обычный 2 2 8 6 3" xfId="6680"/>
    <cellStyle name="Обычный 2 2 8 6 3 2" xfId="6681"/>
    <cellStyle name="Обычный 2 2 8 6 4" xfId="6682"/>
    <cellStyle name="Обычный 2 2 8 6 4 2" xfId="6683"/>
    <cellStyle name="Обычный 2 2 8 6 5" xfId="6684"/>
    <cellStyle name="Обычный 2 2 8 6 5 2" xfId="6685"/>
    <cellStyle name="Обычный 2 2 8 6 6" xfId="6686"/>
    <cellStyle name="Обычный 2 2 8 7" xfId="6687"/>
    <cellStyle name="Обычный 2 2 8 7 2" xfId="6688"/>
    <cellStyle name="Обычный 2 2 8 7 2 2" xfId="6689"/>
    <cellStyle name="Обычный 2 2 8 7 2 2 2" xfId="6690"/>
    <cellStyle name="Обычный 2 2 8 7 2 3" xfId="6691"/>
    <cellStyle name="Обычный 2 2 8 7 2 3 2" xfId="6692"/>
    <cellStyle name="Обычный 2 2 8 7 2 4" xfId="6693"/>
    <cellStyle name="Обычный 2 2 8 7 3" xfId="6694"/>
    <cellStyle name="Обычный 2 2 8 7 3 2" xfId="6695"/>
    <cellStyle name="Обычный 2 2 8 7 4" xfId="6696"/>
    <cellStyle name="Обычный 2 2 8 7 4 2" xfId="6697"/>
    <cellStyle name="Обычный 2 2 8 7 5" xfId="6698"/>
    <cellStyle name="Обычный 2 2 8 7 5 2" xfId="6699"/>
    <cellStyle name="Обычный 2 2 8 7 6" xfId="6700"/>
    <cellStyle name="Обычный 2 2 8 8" xfId="6701"/>
    <cellStyle name="Обычный 2 2 8 8 2" xfId="6702"/>
    <cellStyle name="Обычный 2 2 8 8 2 2" xfId="6703"/>
    <cellStyle name="Обычный 2 2 8 8 2 2 2" xfId="6704"/>
    <cellStyle name="Обычный 2 2 8 8 2 3" xfId="6705"/>
    <cellStyle name="Обычный 2 2 8 8 2 3 2" xfId="6706"/>
    <cellStyle name="Обычный 2 2 8 8 2 4" xfId="6707"/>
    <cellStyle name="Обычный 2 2 8 8 3" xfId="6708"/>
    <cellStyle name="Обычный 2 2 8 8 3 2" xfId="6709"/>
    <cellStyle name="Обычный 2 2 8 8 4" xfId="6710"/>
    <cellStyle name="Обычный 2 2 8 8 4 2" xfId="6711"/>
    <cellStyle name="Обычный 2 2 8 8 5" xfId="6712"/>
    <cellStyle name="Обычный 2 2 8 8 5 2" xfId="6713"/>
    <cellStyle name="Обычный 2 2 8 8 6" xfId="6714"/>
    <cellStyle name="Обычный 2 2 8 9" xfId="6715"/>
    <cellStyle name="Обычный 2 2 8 9 2" xfId="6716"/>
    <cellStyle name="Обычный 2 2 8 9 2 2" xfId="6717"/>
    <cellStyle name="Обычный 2 2 8 9 3" xfId="6718"/>
    <cellStyle name="Обычный 2 2 8 9 3 2" xfId="6719"/>
    <cellStyle name="Обычный 2 2 8 9 4" xfId="6720"/>
    <cellStyle name="Обычный 2 2 9" xfId="6721"/>
    <cellStyle name="Обычный 2 2 9 10" xfId="6722"/>
    <cellStyle name="Обычный 2 2 9 10 2" xfId="6723"/>
    <cellStyle name="Обычный 2 2 9 10 2 2" xfId="6724"/>
    <cellStyle name="Обычный 2 2 9 10 3" xfId="6725"/>
    <cellStyle name="Обычный 2 2 9 11" xfId="6726"/>
    <cellStyle name="Обычный 2 2 9 11 2" xfId="6727"/>
    <cellStyle name="Обычный 2 2 9 12" xfId="6728"/>
    <cellStyle name="Обычный 2 2 9 12 2" xfId="6729"/>
    <cellStyle name="Обычный 2 2 9 13" xfId="6730"/>
    <cellStyle name="Обычный 2 2 9 14" xfId="6731"/>
    <cellStyle name="Обычный 2 2 9 2" xfId="6732"/>
    <cellStyle name="Обычный 2 2 9 2 10" xfId="6733"/>
    <cellStyle name="Обычный 2 2 9 2 10 2" xfId="6734"/>
    <cellStyle name="Обычный 2 2 9 2 11" xfId="6735"/>
    <cellStyle name="Обычный 2 2 9 2 11 2" xfId="6736"/>
    <cellStyle name="Обычный 2 2 9 2 12" xfId="6737"/>
    <cellStyle name="Обычный 2 2 9 2 13" xfId="6738"/>
    <cellStyle name="Обычный 2 2 9 2 2" xfId="6739"/>
    <cellStyle name="Обычный 2 2 9 2 2 10" xfId="6740"/>
    <cellStyle name="Обычный 2 2 9 2 2 2" xfId="6741"/>
    <cellStyle name="Обычный 2 2 9 2 2 2 2" xfId="6742"/>
    <cellStyle name="Обычный 2 2 9 2 2 2 2 2" xfId="6743"/>
    <cellStyle name="Обычный 2 2 9 2 2 2 2 2 2" xfId="6744"/>
    <cellStyle name="Обычный 2 2 9 2 2 2 2 3" xfId="6745"/>
    <cellStyle name="Обычный 2 2 9 2 2 2 2 3 2" xfId="6746"/>
    <cellStyle name="Обычный 2 2 9 2 2 2 2 4" xfId="6747"/>
    <cellStyle name="Обычный 2 2 9 2 2 2 3" xfId="6748"/>
    <cellStyle name="Обычный 2 2 9 2 2 2 3 2" xfId="6749"/>
    <cellStyle name="Обычный 2 2 9 2 2 2 4" xfId="6750"/>
    <cellStyle name="Обычный 2 2 9 2 2 2 4 2" xfId="6751"/>
    <cellStyle name="Обычный 2 2 9 2 2 2 5" xfId="6752"/>
    <cellStyle name="Обычный 2 2 9 2 2 2 5 2" xfId="6753"/>
    <cellStyle name="Обычный 2 2 9 2 2 2 6" xfId="6754"/>
    <cellStyle name="Обычный 2 2 9 2 2 3" xfId="6755"/>
    <cellStyle name="Обычный 2 2 9 2 2 3 2" xfId="6756"/>
    <cellStyle name="Обычный 2 2 9 2 2 3 2 2" xfId="6757"/>
    <cellStyle name="Обычный 2 2 9 2 2 3 2 2 2" xfId="6758"/>
    <cellStyle name="Обычный 2 2 9 2 2 3 2 3" xfId="6759"/>
    <cellStyle name="Обычный 2 2 9 2 2 3 2 3 2" xfId="6760"/>
    <cellStyle name="Обычный 2 2 9 2 2 3 2 4" xfId="6761"/>
    <cellStyle name="Обычный 2 2 9 2 2 3 3" xfId="6762"/>
    <cellStyle name="Обычный 2 2 9 2 2 3 3 2" xfId="6763"/>
    <cellStyle name="Обычный 2 2 9 2 2 3 4" xfId="6764"/>
    <cellStyle name="Обычный 2 2 9 2 2 3 4 2" xfId="6765"/>
    <cellStyle name="Обычный 2 2 9 2 2 3 5" xfId="6766"/>
    <cellStyle name="Обычный 2 2 9 2 2 3 5 2" xfId="6767"/>
    <cellStyle name="Обычный 2 2 9 2 2 3 6" xfId="6768"/>
    <cellStyle name="Обычный 2 2 9 2 2 4" xfId="6769"/>
    <cellStyle name="Обычный 2 2 9 2 2 4 2" xfId="6770"/>
    <cellStyle name="Обычный 2 2 9 2 2 4 2 2" xfId="6771"/>
    <cellStyle name="Обычный 2 2 9 2 2 4 2 2 2" xfId="6772"/>
    <cellStyle name="Обычный 2 2 9 2 2 4 2 3" xfId="6773"/>
    <cellStyle name="Обычный 2 2 9 2 2 4 2 3 2" xfId="6774"/>
    <cellStyle name="Обычный 2 2 9 2 2 4 2 4" xfId="6775"/>
    <cellStyle name="Обычный 2 2 9 2 2 4 3" xfId="6776"/>
    <cellStyle name="Обычный 2 2 9 2 2 4 3 2" xfId="6777"/>
    <cellStyle name="Обычный 2 2 9 2 2 4 4" xfId="6778"/>
    <cellStyle name="Обычный 2 2 9 2 2 4 4 2" xfId="6779"/>
    <cellStyle name="Обычный 2 2 9 2 2 4 5" xfId="6780"/>
    <cellStyle name="Обычный 2 2 9 2 2 4 5 2" xfId="6781"/>
    <cellStyle name="Обычный 2 2 9 2 2 4 6" xfId="6782"/>
    <cellStyle name="Обычный 2 2 9 2 2 5" xfId="6783"/>
    <cellStyle name="Обычный 2 2 9 2 2 5 2" xfId="6784"/>
    <cellStyle name="Обычный 2 2 9 2 2 5 2 2" xfId="6785"/>
    <cellStyle name="Обычный 2 2 9 2 2 5 2 2 2" xfId="6786"/>
    <cellStyle name="Обычный 2 2 9 2 2 5 2 3" xfId="6787"/>
    <cellStyle name="Обычный 2 2 9 2 2 5 2 3 2" xfId="6788"/>
    <cellStyle name="Обычный 2 2 9 2 2 5 2 4" xfId="6789"/>
    <cellStyle name="Обычный 2 2 9 2 2 5 3" xfId="6790"/>
    <cellStyle name="Обычный 2 2 9 2 2 5 3 2" xfId="6791"/>
    <cellStyle name="Обычный 2 2 9 2 2 5 4" xfId="6792"/>
    <cellStyle name="Обычный 2 2 9 2 2 5 4 2" xfId="6793"/>
    <cellStyle name="Обычный 2 2 9 2 2 5 5" xfId="6794"/>
    <cellStyle name="Обычный 2 2 9 2 2 5 5 2" xfId="6795"/>
    <cellStyle name="Обычный 2 2 9 2 2 5 6" xfId="6796"/>
    <cellStyle name="Обычный 2 2 9 2 2 6" xfId="6797"/>
    <cellStyle name="Обычный 2 2 9 2 2 6 2" xfId="6798"/>
    <cellStyle name="Обычный 2 2 9 2 2 6 2 2" xfId="6799"/>
    <cellStyle name="Обычный 2 2 9 2 2 6 3" xfId="6800"/>
    <cellStyle name="Обычный 2 2 9 2 2 6 3 2" xfId="6801"/>
    <cellStyle name="Обычный 2 2 9 2 2 6 4" xfId="6802"/>
    <cellStyle name="Обычный 2 2 9 2 2 7" xfId="6803"/>
    <cellStyle name="Обычный 2 2 9 2 2 7 2" xfId="6804"/>
    <cellStyle name="Обычный 2 2 9 2 2 8" xfId="6805"/>
    <cellStyle name="Обычный 2 2 9 2 2 8 2" xfId="6806"/>
    <cellStyle name="Обычный 2 2 9 2 2 9" xfId="6807"/>
    <cellStyle name="Обычный 2 2 9 2 2 9 2" xfId="6808"/>
    <cellStyle name="Обычный 2 2 9 2 3" xfId="6809"/>
    <cellStyle name="Обычный 2 2 9 2 3 2" xfId="6810"/>
    <cellStyle name="Обычный 2 2 9 2 3 2 2" xfId="6811"/>
    <cellStyle name="Обычный 2 2 9 2 3 2 2 2" xfId="6812"/>
    <cellStyle name="Обычный 2 2 9 2 3 2 2 2 2" xfId="6813"/>
    <cellStyle name="Обычный 2 2 9 2 3 2 2 3" xfId="6814"/>
    <cellStyle name="Обычный 2 2 9 2 3 2 2 3 2" xfId="6815"/>
    <cellStyle name="Обычный 2 2 9 2 3 2 2 4" xfId="6816"/>
    <cellStyle name="Обычный 2 2 9 2 3 2 3" xfId="6817"/>
    <cellStyle name="Обычный 2 2 9 2 3 2 3 2" xfId="6818"/>
    <cellStyle name="Обычный 2 2 9 2 3 2 4" xfId="6819"/>
    <cellStyle name="Обычный 2 2 9 2 3 2 4 2" xfId="6820"/>
    <cellStyle name="Обычный 2 2 9 2 3 2 5" xfId="6821"/>
    <cellStyle name="Обычный 2 2 9 2 3 2 5 2" xfId="6822"/>
    <cellStyle name="Обычный 2 2 9 2 3 2 6" xfId="6823"/>
    <cellStyle name="Обычный 2 2 9 2 3 3" xfId="6824"/>
    <cellStyle name="Обычный 2 2 9 2 3 3 2" xfId="6825"/>
    <cellStyle name="Обычный 2 2 9 2 3 3 2 2" xfId="6826"/>
    <cellStyle name="Обычный 2 2 9 2 3 3 2 2 2" xfId="6827"/>
    <cellStyle name="Обычный 2 2 9 2 3 3 2 3" xfId="6828"/>
    <cellStyle name="Обычный 2 2 9 2 3 3 2 3 2" xfId="6829"/>
    <cellStyle name="Обычный 2 2 9 2 3 3 2 4" xfId="6830"/>
    <cellStyle name="Обычный 2 2 9 2 3 3 3" xfId="6831"/>
    <cellStyle name="Обычный 2 2 9 2 3 3 3 2" xfId="6832"/>
    <cellStyle name="Обычный 2 2 9 2 3 3 4" xfId="6833"/>
    <cellStyle name="Обычный 2 2 9 2 3 3 4 2" xfId="6834"/>
    <cellStyle name="Обычный 2 2 9 2 3 3 5" xfId="6835"/>
    <cellStyle name="Обычный 2 2 9 2 3 3 5 2" xfId="6836"/>
    <cellStyle name="Обычный 2 2 9 2 3 3 6" xfId="6837"/>
    <cellStyle name="Обычный 2 2 9 2 3 4" xfId="6838"/>
    <cellStyle name="Обычный 2 2 9 2 3 4 2" xfId="6839"/>
    <cellStyle name="Обычный 2 2 9 2 3 4 2 2" xfId="6840"/>
    <cellStyle name="Обычный 2 2 9 2 3 4 2 2 2" xfId="6841"/>
    <cellStyle name="Обычный 2 2 9 2 3 4 2 3" xfId="6842"/>
    <cellStyle name="Обычный 2 2 9 2 3 4 2 3 2" xfId="6843"/>
    <cellStyle name="Обычный 2 2 9 2 3 4 2 4" xfId="6844"/>
    <cellStyle name="Обычный 2 2 9 2 3 4 3" xfId="6845"/>
    <cellStyle name="Обычный 2 2 9 2 3 4 3 2" xfId="6846"/>
    <cellStyle name="Обычный 2 2 9 2 3 4 4" xfId="6847"/>
    <cellStyle name="Обычный 2 2 9 2 3 4 4 2" xfId="6848"/>
    <cellStyle name="Обычный 2 2 9 2 3 4 5" xfId="6849"/>
    <cellStyle name="Обычный 2 2 9 2 3 4 5 2" xfId="6850"/>
    <cellStyle name="Обычный 2 2 9 2 3 4 6" xfId="6851"/>
    <cellStyle name="Обычный 2 2 9 2 3 5" xfId="6852"/>
    <cellStyle name="Обычный 2 2 9 2 3 5 2" xfId="6853"/>
    <cellStyle name="Обычный 2 2 9 2 3 5 2 2" xfId="6854"/>
    <cellStyle name="Обычный 2 2 9 2 3 5 3" xfId="6855"/>
    <cellStyle name="Обычный 2 2 9 2 3 5 3 2" xfId="6856"/>
    <cellStyle name="Обычный 2 2 9 2 3 5 4" xfId="6857"/>
    <cellStyle name="Обычный 2 2 9 2 3 6" xfId="6858"/>
    <cellStyle name="Обычный 2 2 9 2 3 6 2" xfId="6859"/>
    <cellStyle name="Обычный 2 2 9 2 3 7" xfId="6860"/>
    <cellStyle name="Обычный 2 2 9 2 3 7 2" xfId="6861"/>
    <cellStyle name="Обычный 2 2 9 2 3 8" xfId="6862"/>
    <cellStyle name="Обычный 2 2 9 2 3 8 2" xfId="6863"/>
    <cellStyle name="Обычный 2 2 9 2 3 9" xfId="6864"/>
    <cellStyle name="Обычный 2 2 9 2 4" xfId="6865"/>
    <cellStyle name="Обычный 2 2 9 2 4 2" xfId="6866"/>
    <cellStyle name="Обычный 2 2 9 2 4 2 2" xfId="6867"/>
    <cellStyle name="Обычный 2 2 9 2 4 2 2 2" xfId="6868"/>
    <cellStyle name="Обычный 2 2 9 2 4 2 3" xfId="6869"/>
    <cellStyle name="Обычный 2 2 9 2 4 2 3 2" xfId="6870"/>
    <cellStyle name="Обычный 2 2 9 2 4 2 4" xfId="6871"/>
    <cellStyle name="Обычный 2 2 9 2 4 3" xfId="6872"/>
    <cellStyle name="Обычный 2 2 9 2 4 3 2" xfId="6873"/>
    <cellStyle name="Обычный 2 2 9 2 4 4" xfId="6874"/>
    <cellStyle name="Обычный 2 2 9 2 4 4 2" xfId="6875"/>
    <cellStyle name="Обычный 2 2 9 2 4 5" xfId="6876"/>
    <cellStyle name="Обычный 2 2 9 2 4 5 2" xfId="6877"/>
    <cellStyle name="Обычный 2 2 9 2 4 6" xfId="6878"/>
    <cellStyle name="Обычный 2 2 9 2 5" xfId="6879"/>
    <cellStyle name="Обычный 2 2 9 2 5 2" xfId="6880"/>
    <cellStyle name="Обычный 2 2 9 2 5 2 2" xfId="6881"/>
    <cellStyle name="Обычный 2 2 9 2 5 2 2 2" xfId="6882"/>
    <cellStyle name="Обычный 2 2 9 2 5 2 3" xfId="6883"/>
    <cellStyle name="Обычный 2 2 9 2 5 2 3 2" xfId="6884"/>
    <cellStyle name="Обычный 2 2 9 2 5 2 4" xfId="6885"/>
    <cellStyle name="Обычный 2 2 9 2 5 3" xfId="6886"/>
    <cellStyle name="Обычный 2 2 9 2 5 3 2" xfId="6887"/>
    <cellStyle name="Обычный 2 2 9 2 5 4" xfId="6888"/>
    <cellStyle name="Обычный 2 2 9 2 5 4 2" xfId="6889"/>
    <cellStyle name="Обычный 2 2 9 2 5 5" xfId="6890"/>
    <cellStyle name="Обычный 2 2 9 2 5 5 2" xfId="6891"/>
    <cellStyle name="Обычный 2 2 9 2 5 6" xfId="6892"/>
    <cellStyle name="Обычный 2 2 9 2 6" xfId="6893"/>
    <cellStyle name="Обычный 2 2 9 2 6 2" xfId="6894"/>
    <cellStyle name="Обычный 2 2 9 2 6 2 2" xfId="6895"/>
    <cellStyle name="Обычный 2 2 9 2 6 2 2 2" xfId="6896"/>
    <cellStyle name="Обычный 2 2 9 2 6 2 3" xfId="6897"/>
    <cellStyle name="Обычный 2 2 9 2 6 2 3 2" xfId="6898"/>
    <cellStyle name="Обычный 2 2 9 2 6 2 4" xfId="6899"/>
    <cellStyle name="Обычный 2 2 9 2 6 3" xfId="6900"/>
    <cellStyle name="Обычный 2 2 9 2 6 3 2" xfId="6901"/>
    <cellStyle name="Обычный 2 2 9 2 6 4" xfId="6902"/>
    <cellStyle name="Обычный 2 2 9 2 6 4 2" xfId="6903"/>
    <cellStyle name="Обычный 2 2 9 2 6 5" xfId="6904"/>
    <cellStyle name="Обычный 2 2 9 2 6 5 2" xfId="6905"/>
    <cellStyle name="Обычный 2 2 9 2 6 6" xfId="6906"/>
    <cellStyle name="Обычный 2 2 9 2 7" xfId="6907"/>
    <cellStyle name="Обычный 2 2 9 2 7 2" xfId="6908"/>
    <cellStyle name="Обычный 2 2 9 2 7 2 2" xfId="6909"/>
    <cellStyle name="Обычный 2 2 9 2 7 2 2 2" xfId="6910"/>
    <cellStyle name="Обычный 2 2 9 2 7 2 3" xfId="6911"/>
    <cellStyle name="Обычный 2 2 9 2 7 2 3 2" xfId="6912"/>
    <cellStyle name="Обычный 2 2 9 2 7 2 4" xfId="6913"/>
    <cellStyle name="Обычный 2 2 9 2 7 3" xfId="6914"/>
    <cellStyle name="Обычный 2 2 9 2 7 3 2" xfId="6915"/>
    <cellStyle name="Обычный 2 2 9 2 7 4" xfId="6916"/>
    <cellStyle name="Обычный 2 2 9 2 7 4 2" xfId="6917"/>
    <cellStyle name="Обычный 2 2 9 2 7 5" xfId="6918"/>
    <cellStyle name="Обычный 2 2 9 2 7 5 2" xfId="6919"/>
    <cellStyle name="Обычный 2 2 9 2 7 6" xfId="6920"/>
    <cellStyle name="Обычный 2 2 9 2 8" xfId="6921"/>
    <cellStyle name="Обычный 2 2 9 2 8 2" xfId="6922"/>
    <cellStyle name="Обычный 2 2 9 2 8 2 2" xfId="6923"/>
    <cellStyle name="Обычный 2 2 9 2 8 3" xfId="6924"/>
    <cellStyle name="Обычный 2 2 9 2 8 3 2" xfId="6925"/>
    <cellStyle name="Обычный 2 2 9 2 8 4" xfId="6926"/>
    <cellStyle name="Обычный 2 2 9 2 9" xfId="6927"/>
    <cellStyle name="Обычный 2 2 9 2 9 2" xfId="6928"/>
    <cellStyle name="Обычный 2 2 9 2 9 2 2" xfId="6929"/>
    <cellStyle name="Обычный 2 2 9 2 9 3" xfId="6930"/>
    <cellStyle name="Обычный 2 2 9 3" xfId="6931"/>
    <cellStyle name="Обычный 2 2 9 3 10" xfId="6932"/>
    <cellStyle name="Обычный 2 2 9 3 2" xfId="6933"/>
    <cellStyle name="Обычный 2 2 9 3 2 2" xfId="6934"/>
    <cellStyle name="Обычный 2 2 9 3 2 2 2" xfId="6935"/>
    <cellStyle name="Обычный 2 2 9 3 2 2 2 2" xfId="6936"/>
    <cellStyle name="Обычный 2 2 9 3 2 2 3" xfId="6937"/>
    <cellStyle name="Обычный 2 2 9 3 2 2 3 2" xfId="6938"/>
    <cellStyle name="Обычный 2 2 9 3 2 2 4" xfId="6939"/>
    <cellStyle name="Обычный 2 2 9 3 2 3" xfId="6940"/>
    <cellStyle name="Обычный 2 2 9 3 2 3 2" xfId="6941"/>
    <cellStyle name="Обычный 2 2 9 3 2 4" xfId="6942"/>
    <cellStyle name="Обычный 2 2 9 3 2 4 2" xfId="6943"/>
    <cellStyle name="Обычный 2 2 9 3 2 5" xfId="6944"/>
    <cellStyle name="Обычный 2 2 9 3 2 5 2" xfId="6945"/>
    <cellStyle name="Обычный 2 2 9 3 2 6" xfId="6946"/>
    <cellStyle name="Обычный 2 2 9 3 3" xfId="6947"/>
    <cellStyle name="Обычный 2 2 9 3 3 2" xfId="6948"/>
    <cellStyle name="Обычный 2 2 9 3 3 2 2" xfId="6949"/>
    <cellStyle name="Обычный 2 2 9 3 3 2 2 2" xfId="6950"/>
    <cellStyle name="Обычный 2 2 9 3 3 2 3" xfId="6951"/>
    <cellStyle name="Обычный 2 2 9 3 3 2 3 2" xfId="6952"/>
    <cellStyle name="Обычный 2 2 9 3 3 2 4" xfId="6953"/>
    <cellStyle name="Обычный 2 2 9 3 3 3" xfId="6954"/>
    <cellStyle name="Обычный 2 2 9 3 3 3 2" xfId="6955"/>
    <cellStyle name="Обычный 2 2 9 3 3 4" xfId="6956"/>
    <cellStyle name="Обычный 2 2 9 3 3 4 2" xfId="6957"/>
    <cellStyle name="Обычный 2 2 9 3 3 5" xfId="6958"/>
    <cellStyle name="Обычный 2 2 9 3 3 5 2" xfId="6959"/>
    <cellStyle name="Обычный 2 2 9 3 3 6" xfId="6960"/>
    <cellStyle name="Обычный 2 2 9 3 4" xfId="6961"/>
    <cellStyle name="Обычный 2 2 9 3 4 2" xfId="6962"/>
    <cellStyle name="Обычный 2 2 9 3 4 2 2" xfId="6963"/>
    <cellStyle name="Обычный 2 2 9 3 4 2 2 2" xfId="6964"/>
    <cellStyle name="Обычный 2 2 9 3 4 2 3" xfId="6965"/>
    <cellStyle name="Обычный 2 2 9 3 4 2 3 2" xfId="6966"/>
    <cellStyle name="Обычный 2 2 9 3 4 2 4" xfId="6967"/>
    <cellStyle name="Обычный 2 2 9 3 4 3" xfId="6968"/>
    <cellStyle name="Обычный 2 2 9 3 4 3 2" xfId="6969"/>
    <cellStyle name="Обычный 2 2 9 3 4 4" xfId="6970"/>
    <cellStyle name="Обычный 2 2 9 3 4 4 2" xfId="6971"/>
    <cellStyle name="Обычный 2 2 9 3 4 5" xfId="6972"/>
    <cellStyle name="Обычный 2 2 9 3 4 5 2" xfId="6973"/>
    <cellStyle name="Обычный 2 2 9 3 4 6" xfId="6974"/>
    <cellStyle name="Обычный 2 2 9 3 5" xfId="6975"/>
    <cellStyle name="Обычный 2 2 9 3 5 2" xfId="6976"/>
    <cellStyle name="Обычный 2 2 9 3 5 2 2" xfId="6977"/>
    <cellStyle name="Обычный 2 2 9 3 5 2 2 2" xfId="6978"/>
    <cellStyle name="Обычный 2 2 9 3 5 2 3" xfId="6979"/>
    <cellStyle name="Обычный 2 2 9 3 5 2 3 2" xfId="6980"/>
    <cellStyle name="Обычный 2 2 9 3 5 2 4" xfId="6981"/>
    <cellStyle name="Обычный 2 2 9 3 5 3" xfId="6982"/>
    <cellStyle name="Обычный 2 2 9 3 5 3 2" xfId="6983"/>
    <cellStyle name="Обычный 2 2 9 3 5 4" xfId="6984"/>
    <cellStyle name="Обычный 2 2 9 3 5 4 2" xfId="6985"/>
    <cellStyle name="Обычный 2 2 9 3 5 5" xfId="6986"/>
    <cellStyle name="Обычный 2 2 9 3 5 5 2" xfId="6987"/>
    <cellStyle name="Обычный 2 2 9 3 5 6" xfId="6988"/>
    <cellStyle name="Обычный 2 2 9 3 6" xfId="6989"/>
    <cellStyle name="Обычный 2 2 9 3 6 2" xfId="6990"/>
    <cellStyle name="Обычный 2 2 9 3 6 2 2" xfId="6991"/>
    <cellStyle name="Обычный 2 2 9 3 6 3" xfId="6992"/>
    <cellStyle name="Обычный 2 2 9 3 6 3 2" xfId="6993"/>
    <cellStyle name="Обычный 2 2 9 3 6 4" xfId="6994"/>
    <cellStyle name="Обычный 2 2 9 3 7" xfId="6995"/>
    <cellStyle name="Обычный 2 2 9 3 7 2" xfId="6996"/>
    <cellStyle name="Обычный 2 2 9 3 8" xfId="6997"/>
    <cellStyle name="Обычный 2 2 9 3 8 2" xfId="6998"/>
    <cellStyle name="Обычный 2 2 9 3 9" xfId="6999"/>
    <cellStyle name="Обычный 2 2 9 3 9 2" xfId="7000"/>
    <cellStyle name="Обычный 2 2 9 4" xfId="7001"/>
    <cellStyle name="Обычный 2 2 9 4 2" xfId="7002"/>
    <cellStyle name="Обычный 2 2 9 4 2 2" xfId="7003"/>
    <cellStyle name="Обычный 2 2 9 4 2 2 2" xfId="7004"/>
    <cellStyle name="Обычный 2 2 9 4 2 2 2 2" xfId="7005"/>
    <cellStyle name="Обычный 2 2 9 4 2 2 3" xfId="7006"/>
    <cellStyle name="Обычный 2 2 9 4 2 2 3 2" xfId="7007"/>
    <cellStyle name="Обычный 2 2 9 4 2 2 4" xfId="7008"/>
    <cellStyle name="Обычный 2 2 9 4 2 3" xfId="7009"/>
    <cellStyle name="Обычный 2 2 9 4 2 3 2" xfId="7010"/>
    <cellStyle name="Обычный 2 2 9 4 2 4" xfId="7011"/>
    <cellStyle name="Обычный 2 2 9 4 2 4 2" xfId="7012"/>
    <cellStyle name="Обычный 2 2 9 4 2 5" xfId="7013"/>
    <cellStyle name="Обычный 2 2 9 4 2 5 2" xfId="7014"/>
    <cellStyle name="Обычный 2 2 9 4 2 6" xfId="7015"/>
    <cellStyle name="Обычный 2 2 9 4 3" xfId="7016"/>
    <cellStyle name="Обычный 2 2 9 4 3 2" xfId="7017"/>
    <cellStyle name="Обычный 2 2 9 4 3 2 2" xfId="7018"/>
    <cellStyle name="Обычный 2 2 9 4 3 2 2 2" xfId="7019"/>
    <cellStyle name="Обычный 2 2 9 4 3 2 3" xfId="7020"/>
    <cellStyle name="Обычный 2 2 9 4 3 2 3 2" xfId="7021"/>
    <cellStyle name="Обычный 2 2 9 4 3 2 4" xfId="7022"/>
    <cellStyle name="Обычный 2 2 9 4 3 3" xfId="7023"/>
    <cellStyle name="Обычный 2 2 9 4 3 3 2" xfId="7024"/>
    <cellStyle name="Обычный 2 2 9 4 3 4" xfId="7025"/>
    <cellStyle name="Обычный 2 2 9 4 3 4 2" xfId="7026"/>
    <cellStyle name="Обычный 2 2 9 4 3 5" xfId="7027"/>
    <cellStyle name="Обычный 2 2 9 4 3 5 2" xfId="7028"/>
    <cellStyle name="Обычный 2 2 9 4 3 6" xfId="7029"/>
    <cellStyle name="Обычный 2 2 9 4 4" xfId="7030"/>
    <cellStyle name="Обычный 2 2 9 4 4 2" xfId="7031"/>
    <cellStyle name="Обычный 2 2 9 4 4 2 2" xfId="7032"/>
    <cellStyle name="Обычный 2 2 9 4 4 2 2 2" xfId="7033"/>
    <cellStyle name="Обычный 2 2 9 4 4 2 3" xfId="7034"/>
    <cellStyle name="Обычный 2 2 9 4 4 2 3 2" xfId="7035"/>
    <cellStyle name="Обычный 2 2 9 4 4 2 4" xfId="7036"/>
    <cellStyle name="Обычный 2 2 9 4 4 3" xfId="7037"/>
    <cellStyle name="Обычный 2 2 9 4 4 3 2" xfId="7038"/>
    <cellStyle name="Обычный 2 2 9 4 4 4" xfId="7039"/>
    <cellStyle name="Обычный 2 2 9 4 4 4 2" xfId="7040"/>
    <cellStyle name="Обычный 2 2 9 4 4 5" xfId="7041"/>
    <cellStyle name="Обычный 2 2 9 4 4 5 2" xfId="7042"/>
    <cellStyle name="Обычный 2 2 9 4 4 6" xfId="7043"/>
    <cellStyle name="Обычный 2 2 9 4 5" xfId="7044"/>
    <cellStyle name="Обычный 2 2 9 4 5 2" xfId="7045"/>
    <cellStyle name="Обычный 2 2 9 4 5 2 2" xfId="7046"/>
    <cellStyle name="Обычный 2 2 9 4 5 3" xfId="7047"/>
    <cellStyle name="Обычный 2 2 9 4 5 3 2" xfId="7048"/>
    <cellStyle name="Обычный 2 2 9 4 5 4" xfId="7049"/>
    <cellStyle name="Обычный 2 2 9 4 6" xfId="7050"/>
    <cellStyle name="Обычный 2 2 9 4 6 2" xfId="7051"/>
    <cellStyle name="Обычный 2 2 9 4 7" xfId="7052"/>
    <cellStyle name="Обычный 2 2 9 4 7 2" xfId="7053"/>
    <cellStyle name="Обычный 2 2 9 4 8" xfId="7054"/>
    <cellStyle name="Обычный 2 2 9 4 8 2" xfId="7055"/>
    <cellStyle name="Обычный 2 2 9 4 9" xfId="7056"/>
    <cellStyle name="Обычный 2 2 9 5" xfId="7057"/>
    <cellStyle name="Обычный 2 2 9 5 2" xfId="7058"/>
    <cellStyle name="Обычный 2 2 9 5 2 2" xfId="7059"/>
    <cellStyle name="Обычный 2 2 9 5 2 2 2" xfId="7060"/>
    <cellStyle name="Обычный 2 2 9 5 2 3" xfId="7061"/>
    <cellStyle name="Обычный 2 2 9 5 2 3 2" xfId="7062"/>
    <cellStyle name="Обычный 2 2 9 5 2 4" xfId="7063"/>
    <cellStyle name="Обычный 2 2 9 5 3" xfId="7064"/>
    <cellStyle name="Обычный 2 2 9 5 3 2" xfId="7065"/>
    <cellStyle name="Обычный 2 2 9 5 4" xfId="7066"/>
    <cellStyle name="Обычный 2 2 9 5 4 2" xfId="7067"/>
    <cellStyle name="Обычный 2 2 9 5 5" xfId="7068"/>
    <cellStyle name="Обычный 2 2 9 5 5 2" xfId="7069"/>
    <cellStyle name="Обычный 2 2 9 5 6" xfId="7070"/>
    <cellStyle name="Обычный 2 2 9 6" xfId="7071"/>
    <cellStyle name="Обычный 2 2 9 6 2" xfId="7072"/>
    <cellStyle name="Обычный 2 2 9 6 2 2" xfId="7073"/>
    <cellStyle name="Обычный 2 2 9 6 2 2 2" xfId="7074"/>
    <cellStyle name="Обычный 2 2 9 6 2 3" xfId="7075"/>
    <cellStyle name="Обычный 2 2 9 6 2 3 2" xfId="7076"/>
    <cellStyle name="Обычный 2 2 9 6 2 4" xfId="7077"/>
    <cellStyle name="Обычный 2 2 9 6 3" xfId="7078"/>
    <cellStyle name="Обычный 2 2 9 6 3 2" xfId="7079"/>
    <cellStyle name="Обычный 2 2 9 6 4" xfId="7080"/>
    <cellStyle name="Обычный 2 2 9 6 4 2" xfId="7081"/>
    <cellStyle name="Обычный 2 2 9 6 5" xfId="7082"/>
    <cellStyle name="Обычный 2 2 9 6 5 2" xfId="7083"/>
    <cellStyle name="Обычный 2 2 9 6 6" xfId="7084"/>
    <cellStyle name="Обычный 2 2 9 7" xfId="7085"/>
    <cellStyle name="Обычный 2 2 9 7 2" xfId="7086"/>
    <cellStyle name="Обычный 2 2 9 7 2 2" xfId="7087"/>
    <cellStyle name="Обычный 2 2 9 7 2 2 2" xfId="7088"/>
    <cellStyle name="Обычный 2 2 9 7 2 3" xfId="7089"/>
    <cellStyle name="Обычный 2 2 9 7 2 3 2" xfId="7090"/>
    <cellStyle name="Обычный 2 2 9 7 2 4" xfId="7091"/>
    <cellStyle name="Обычный 2 2 9 7 3" xfId="7092"/>
    <cellStyle name="Обычный 2 2 9 7 3 2" xfId="7093"/>
    <cellStyle name="Обычный 2 2 9 7 4" xfId="7094"/>
    <cellStyle name="Обычный 2 2 9 7 4 2" xfId="7095"/>
    <cellStyle name="Обычный 2 2 9 7 5" xfId="7096"/>
    <cellStyle name="Обычный 2 2 9 7 5 2" xfId="7097"/>
    <cellStyle name="Обычный 2 2 9 7 6" xfId="7098"/>
    <cellStyle name="Обычный 2 2 9 8" xfId="7099"/>
    <cellStyle name="Обычный 2 2 9 8 2" xfId="7100"/>
    <cellStyle name="Обычный 2 2 9 8 2 2" xfId="7101"/>
    <cellStyle name="Обычный 2 2 9 8 2 2 2" xfId="7102"/>
    <cellStyle name="Обычный 2 2 9 8 2 3" xfId="7103"/>
    <cellStyle name="Обычный 2 2 9 8 2 3 2" xfId="7104"/>
    <cellStyle name="Обычный 2 2 9 8 2 4" xfId="7105"/>
    <cellStyle name="Обычный 2 2 9 8 3" xfId="7106"/>
    <cellStyle name="Обычный 2 2 9 8 3 2" xfId="7107"/>
    <cellStyle name="Обычный 2 2 9 8 4" xfId="7108"/>
    <cellStyle name="Обычный 2 2 9 8 4 2" xfId="7109"/>
    <cellStyle name="Обычный 2 2 9 8 5" xfId="7110"/>
    <cellStyle name="Обычный 2 2 9 8 5 2" xfId="7111"/>
    <cellStyle name="Обычный 2 2 9 8 6" xfId="7112"/>
    <cellStyle name="Обычный 2 2 9 9" xfId="7113"/>
    <cellStyle name="Обычный 2 2 9 9 2" xfId="7114"/>
    <cellStyle name="Обычный 2 2 9 9 2 2" xfId="7115"/>
    <cellStyle name="Обычный 2 2 9 9 3" xfId="7116"/>
    <cellStyle name="Обычный 2 2 9 9 3 2" xfId="7117"/>
    <cellStyle name="Обычный 2 2 9 9 4" xfId="7118"/>
    <cellStyle name="Обычный 2 3" xfId="7119"/>
    <cellStyle name="Обычный 2 3 10" xfId="7120"/>
    <cellStyle name="Обычный 2 3 10 2" xfId="7121"/>
    <cellStyle name="Обычный 2 3 10 2 2" xfId="7122"/>
    <cellStyle name="Обычный 2 3 10 3" xfId="7123"/>
    <cellStyle name="Обычный 2 3 10 4" xfId="7124"/>
    <cellStyle name="Обычный 2 3 10 5" xfId="7125"/>
    <cellStyle name="Обычный 2 3 11" xfId="7126"/>
    <cellStyle name="Обычный 2 3 11 10" xfId="7127"/>
    <cellStyle name="Обычный 2 3 11 10 2" xfId="7128"/>
    <cellStyle name="Обычный 2 3 11 10 2 2" xfId="7129"/>
    <cellStyle name="Обычный 2 3 11 10 3" xfId="7130"/>
    <cellStyle name="Обычный 2 3 11 11" xfId="7131"/>
    <cellStyle name="Обычный 2 3 11 11 2" xfId="7132"/>
    <cellStyle name="Обычный 2 3 11 12" xfId="7133"/>
    <cellStyle name="Обычный 2 3 11 12 2" xfId="7134"/>
    <cellStyle name="Обычный 2 3 11 13" xfId="7135"/>
    <cellStyle name="Обычный 2 3 11 14" xfId="7136"/>
    <cellStyle name="Обычный 2 3 11 2" xfId="7137"/>
    <cellStyle name="Обычный 2 3 11 2 10" xfId="7138"/>
    <cellStyle name="Обычный 2 3 11 2 10 2" xfId="7139"/>
    <cellStyle name="Обычный 2 3 11 2 11" xfId="7140"/>
    <cellStyle name="Обычный 2 3 11 2 11 2" xfId="7141"/>
    <cellStyle name="Обычный 2 3 11 2 12" xfId="7142"/>
    <cellStyle name="Обычный 2 3 11 2 13" xfId="7143"/>
    <cellStyle name="Обычный 2 3 11 2 2" xfId="7144"/>
    <cellStyle name="Обычный 2 3 11 2 2 10" xfId="7145"/>
    <cellStyle name="Обычный 2 3 11 2 2 2" xfId="7146"/>
    <cellStyle name="Обычный 2 3 11 2 2 2 2" xfId="7147"/>
    <cellStyle name="Обычный 2 3 11 2 2 2 2 2" xfId="7148"/>
    <cellStyle name="Обычный 2 3 11 2 2 2 2 2 2" xfId="7149"/>
    <cellStyle name="Обычный 2 3 11 2 2 2 2 3" xfId="7150"/>
    <cellStyle name="Обычный 2 3 11 2 2 2 2 3 2" xfId="7151"/>
    <cellStyle name="Обычный 2 3 11 2 2 2 2 4" xfId="7152"/>
    <cellStyle name="Обычный 2 3 11 2 2 2 3" xfId="7153"/>
    <cellStyle name="Обычный 2 3 11 2 2 2 3 2" xfId="7154"/>
    <cellStyle name="Обычный 2 3 11 2 2 2 4" xfId="7155"/>
    <cellStyle name="Обычный 2 3 11 2 2 2 4 2" xfId="7156"/>
    <cellStyle name="Обычный 2 3 11 2 2 2 5" xfId="7157"/>
    <cellStyle name="Обычный 2 3 11 2 2 2 5 2" xfId="7158"/>
    <cellStyle name="Обычный 2 3 11 2 2 2 6" xfId="7159"/>
    <cellStyle name="Обычный 2 3 11 2 2 3" xfId="7160"/>
    <cellStyle name="Обычный 2 3 11 2 2 3 2" xfId="7161"/>
    <cellStyle name="Обычный 2 3 11 2 2 3 2 2" xfId="7162"/>
    <cellStyle name="Обычный 2 3 11 2 2 3 2 2 2" xfId="7163"/>
    <cellStyle name="Обычный 2 3 11 2 2 3 2 3" xfId="7164"/>
    <cellStyle name="Обычный 2 3 11 2 2 3 2 3 2" xfId="7165"/>
    <cellStyle name="Обычный 2 3 11 2 2 3 2 4" xfId="7166"/>
    <cellStyle name="Обычный 2 3 11 2 2 3 3" xfId="7167"/>
    <cellStyle name="Обычный 2 3 11 2 2 3 3 2" xfId="7168"/>
    <cellStyle name="Обычный 2 3 11 2 2 3 4" xfId="7169"/>
    <cellStyle name="Обычный 2 3 11 2 2 3 4 2" xfId="7170"/>
    <cellStyle name="Обычный 2 3 11 2 2 3 5" xfId="7171"/>
    <cellStyle name="Обычный 2 3 11 2 2 3 5 2" xfId="7172"/>
    <cellStyle name="Обычный 2 3 11 2 2 3 6" xfId="7173"/>
    <cellStyle name="Обычный 2 3 11 2 2 4" xfId="7174"/>
    <cellStyle name="Обычный 2 3 11 2 2 4 2" xfId="7175"/>
    <cellStyle name="Обычный 2 3 11 2 2 4 2 2" xfId="7176"/>
    <cellStyle name="Обычный 2 3 11 2 2 4 2 2 2" xfId="7177"/>
    <cellStyle name="Обычный 2 3 11 2 2 4 2 3" xfId="7178"/>
    <cellStyle name="Обычный 2 3 11 2 2 4 2 3 2" xfId="7179"/>
    <cellStyle name="Обычный 2 3 11 2 2 4 2 4" xfId="7180"/>
    <cellStyle name="Обычный 2 3 11 2 2 4 3" xfId="7181"/>
    <cellStyle name="Обычный 2 3 11 2 2 4 3 2" xfId="7182"/>
    <cellStyle name="Обычный 2 3 11 2 2 4 4" xfId="7183"/>
    <cellStyle name="Обычный 2 3 11 2 2 4 4 2" xfId="7184"/>
    <cellStyle name="Обычный 2 3 11 2 2 4 5" xfId="7185"/>
    <cellStyle name="Обычный 2 3 11 2 2 4 5 2" xfId="7186"/>
    <cellStyle name="Обычный 2 3 11 2 2 4 6" xfId="7187"/>
    <cellStyle name="Обычный 2 3 11 2 2 5" xfId="7188"/>
    <cellStyle name="Обычный 2 3 11 2 2 5 2" xfId="7189"/>
    <cellStyle name="Обычный 2 3 11 2 2 5 2 2" xfId="7190"/>
    <cellStyle name="Обычный 2 3 11 2 2 5 2 2 2" xfId="7191"/>
    <cellStyle name="Обычный 2 3 11 2 2 5 2 3" xfId="7192"/>
    <cellStyle name="Обычный 2 3 11 2 2 5 2 3 2" xfId="7193"/>
    <cellStyle name="Обычный 2 3 11 2 2 5 2 4" xfId="7194"/>
    <cellStyle name="Обычный 2 3 11 2 2 5 3" xfId="7195"/>
    <cellStyle name="Обычный 2 3 11 2 2 5 3 2" xfId="7196"/>
    <cellStyle name="Обычный 2 3 11 2 2 5 4" xfId="7197"/>
    <cellStyle name="Обычный 2 3 11 2 2 5 4 2" xfId="7198"/>
    <cellStyle name="Обычный 2 3 11 2 2 5 5" xfId="7199"/>
    <cellStyle name="Обычный 2 3 11 2 2 5 5 2" xfId="7200"/>
    <cellStyle name="Обычный 2 3 11 2 2 5 6" xfId="7201"/>
    <cellStyle name="Обычный 2 3 11 2 2 6" xfId="7202"/>
    <cellStyle name="Обычный 2 3 11 2 2 6 2" xfId="7203"/>
    <cellStyle name="Обычный 2 3 11 2 2 6 2 2" xfId="7204"/>
    <cellStyle name="Обычный 2 3 11 2 2 6 3" xfId="7205"/>
    <cellStyle name="Обычный 2 3 11 2 2 6 3 2" xfId="7206"/>
    <cellStyle name="Обычный 2 3 11 2 2 6 4" xfId="7207"/>
    <cellStyle name="Обычный 2 3 11 2 2 7" xfId="7208"/>
    <cellStyle name="Обычный 2 3 11 2 2 7 2" xfId="7209"/>
    <cellStyle name="Обычный 2 3 11 2 2 8" xfId="7210"/>
    <cellStyle name="Обычный 2 3 11 2 2 8 2" xfId="7211"/>
    <cellStyle name="Обычный 2 3 11 2 2 9" xfId="7212"/>
    <cellStyle name="Обычный 2 3 11 2 2 9 2" xfId="7213"/>
    <cellStyle name="Обычный 2 3 11 2 3" xfId="7214"/>
    <cellStyle name="Обычный 2 3 11 2 3 2" xfId="7215"/>
    <cellStyle name="Обычный 2 3 11 2 3 2 2" xfId="7216"/>
    <cellStyle name="Обычный 2 3 11 2 3 2 2 2" xfId="7217"/>
    <cellStyle name="Обычный 2 3 11 2 3 2 2 2 2" xfId="7218"/>
    <cellStyle name="Обычный 2 3 11 2 3 2 2 3" xfId="7219"/>
    <cellStyle name="Обычный 2 3 11 2 3 2 2 3 2" xfId="7220"/>
    <cellStyle name="Обычный 2 3 11 2 3 2 2 4" xfId="7221"/>
    <cellStyle name="Обычный 2 3 11 2 3 2 3" xfId="7222"/>
    <cellStyle name="Обычный 2 3 11 2 3 2 3 2" xfId="7223"/>
    <cellStyle name="Обычный 2 3 11 2 3 2 4" xfId="7224"/>
    <cellStyle name="Обычный 2 3 11 2 3 2 4 2" xfId="7225"/>
    <cellStyle name="Обычный 2 3 11 2 3 2 5" xfId="7226"/>
    <cellStyle name="Обычный 2 3 11 2 3 2 5 2" xfId="7227"/>
    <cellStyle name="Обычный 2 3 11 2 3 2 6" xfId="7228"/>
    <cellStyle name="Обычный 2 3 11 2 3 3" xfId="7229"/>
    <cellStyle name="Обычный 2 3 11 2 3 3 2" xfId="7230"/>
    <cellStyle name="Обычный 2 3 11 2 3 3 2 2" xfId="7231"/>
    <cellStyle name="Обычный 2 3 11 2 3 3 2 2 2" xfId="7232"/>
    <cellStyle name="Обычный 2 3 11 2 3 3 2 3" xfId="7233"/>
    <cellStyle name="Обычный 2 3 11 2 3 3 2 3 2" xfId="7234"/>
    <cellStyle name="Обычный 2 3 11 2 3 3 2 4" xfId="7235"/>
    <cellStyle name="Обычный 2 3 11 2 3 3 3" xfId="7236"/>
    <cellStyle name="Обычный 2 3 11 2 3 3 3 2" xfId="7237"/>
    <cellStyle name="Обычный 2 3 11 2 3 3 4" xfId="7238"/>
    <cellStyle name="Обычный 2 3 11 2 3 3 4 2" xfId="7239"/>
    <cellStyle name="Обычный 2 3 11 2 3 3 5" xfId="7240"/>
    <cellStyle name="Обычный 2 3 11 2 3 3 5 2" xfId="7241"/>
    <cellStyle name="Обычный 2 3 11 2 3 3 6" xfId="7242"/>
    <cellStyle name="Обычный 2 3 11 2 3 4" xfId="7243"/>
    <cellStyle name="Обычный 2 3 11 2 3 4 2" xfId="7244"/>
    <cellStyle name="Обычный 2 3 11 2 3 4 2 2" xfId="7245"/>
    <cellStyle name="Обычный 2 3 11 2 3 4 2 2 2" xfId="7246"/>
    <cellStyle name="Обычный 2 3 11 2 3 4 2 3" xfId="7247"/>
    <cellStyle name="Обычный 2 3 11 2 3 4 2 3 2" xfId="7248"/>
    <cellStyle name="Обычный 2 3 11 2 3 4 2 4" xfId="7249"/>
    <cellStyle name="Обычный 2 3 11 2 3 4 3" xfId="7250"/>
    <cellStyle name="Обычный 2 3 11 2 3 4 3 2" xfId="7251"/>
    <cellStyle name="Обычный 2 3 11 2 3 4 4" xfId="7252"/>
    <cellStyle name="Обычный 2 3 11 2 3 4 4 2" xfId="7253"/>
    <cellStyle name="Обычный 2 3 11 2 3 4 5" xfId="7254"/>
    <cellStyle name="Обычный 2 3 11 2 3 4 5 2" xfId="7255"/>
    <cellStyle name="Обычный 2 3 11 2 3 4 6" xfId="7256"/>
    <cellStyle name="Обычный 2 3 11 2 3 5" xfId="7257"/>
    <cellStyle name="Обычный 2 3 11 2 3 5 2" xfId="7258"/>
    <cellStyle name="Обычный 2 3 11 2 3 5 2 2" xfId="7259"/>
    <cellStyle name="Обычный 2 3 11 2 3 5 3" xfId="7260"/>
    <cellStyle name="Обычный 2 3 11 2 3 5 3 2" xfId="7261"/>
    <cellStyle name="Обычный 2 3 11 2 3 5 4" xfId="7262"/>
    <cellStyle name="Обычный 2 3 11 2 3 6" xfId="7263"/>
    <cellStyle name="Обычный 2 3 11 2 3 6 2" xfId="7264"/>
    <cellStyle name="Обычный 2 3 11 2 3 7" xfId="7265"/>
    <cellStyle name="Обычный 2 3 11 2 3 7 2" xfId="7266"/>
    <cellStyle name="Обычный 2 3 11 2 3 8" xfId="7267"/>
    <cellStyle name="Обычный 2 3 11 2 3 8 2" xfId="7268"/>
    <cellStyle name="Обычный 2 3 11 2 3 9" xfId="7269"/>
    <cellStyle name="Обычный 2 3 11 2 4" xfId="7270"/>
    <cellStyle name="Обычный 2 3 11 2 4 2" xfId="7271"/>
    <cellStyle name="Обычный 2 3 11 2 4 2 2" xfId="7272"/>
    <cellStyle name="Обычный 2 3 11 2 4 2 2 2" xfId="7273"/>
    <cellStyle name="Обычный 2 3 11 2 4 2 3" xfId="7274"/>
    <cellStyle name="Обычный 2 3 11 2 4 2 3 2" xfId="7275"/>
    <cellStyle name="Обычный 2 3 11 2 4 2 4" xfId="7276"/>
    <cellStyle name="Обычный 2 3 11 2 4 3" xfId="7277"/>
    <cellStyle name="Обычный 2 3 11 2 4 3 2" xfId="7278"/>
    <cellStyle name="Обычный 2 3 11 2 4 4" xfId="7279"/>
    <cellStyle name="Обычный 2 3 11 2 4 4 2" xfId="7280"/>
    <cellStyle name="Обычный 2 3 11 2 4 5" xfId="7281"/>
    <cellStyle name="Обычный 2 3 11 2 4 5 2" xfId="7282"/>
    <cellStyle name="Обычный 2 3 11 2 4 6" xfId="7283"/>
    <cellStyle name="Обычный 2 3 11 2 5" xfId="7284"/>
    <cellStyle name="Обычный 2 3 11 2 5 2" xfId="7285"/>
    <cellStyle name="Обычный 2 3 11 2 5 2 2" xfId="7286"/>
    <cellStyle name="Обычный 2 3 11 2 5 2 2 2" xfId="7287"/>
    <cellStyle name="Обычный 2 3 11 2 5 2 3" xfId="7288"/>
    <cellStyle name="Обычный 2 3 11 2 5 2 3 2" xfId="7289"/>
    <cellStyle name="Обычный 2 3 11 2 5 2 4" xfId="7290"/>
    <cellStyle name="Обычный 2 3 11 2 5 3" xfId="7291"/>
    <cellStyle name="Обычный 2 3 11 2 5 3 2" xfId="7292"/>
    <cellStyle name="Обычный 2 3 11 2 5 4" xfId="7293"/>
    <cellStyle name="Обычный 2 3 11 2 5 4 2" xfId="7294"/>
    <cellStyle name="Обычный 2 3 11 2 5 5" xfId="7295"/>
    <cellStyle name="Обычный 2 3 11 2 5 5 2" xfId="7296"/>
    <cellStyle name="Обычный 2 3 11 2 5 6" xfId="7297"/>
    <cellStyle name="Обычный 2 3 11 2 6" xfId="7298"/>
    <cellStyle name="Обычный 2 3 11 2 6 2" xfId="7299"/>
    <cellStyle name="Обычный 2 3 11 2 6 2 2" xfId="7300"/>
    <cellStyle name="Обычный 2 3 11 2 6 2 2 2" xfId="7301"/>
    <cellStyle name="Обычный 2 3 11 2 6 2 3" xfId="7302"/>
    <cellStyle name="Обычный 2 3 11 2 6 2 3 2" xfId="7303"/>
    <cellStyle name="Обычный 2 3 11 2 6 2 4" xfId="7304"/>
    <cellStyle name="Обычный 2 3 11 2 6 3" xfId="7305"/>
    <cellStyle name="Обычный 2 3 11 2 6 3 2" xfId="7306"/>
    <cellStyle name="Обычный 2 3 11 2 6 4" xfId="7307"/>
    <cellStyle name="Обычный 2 3 11 2 6 4 2" xfId="7308"/>
    <cellStyle name="Обычный 2 3 11 2 6 5" xfId="7309"/>
    <cellStyle name="Обычный 2 3 11 2 6 5 2" xfId="7310"/>
    <cellStyle name="Обычный 2 3 11 2 6 6" xfId="7311"/>
    <cellStyle name="Обычный 2 3 11 2 7" xfId="7312"/>
    <cellStyle name="Обычный 2 3 11 2 7 2" xfId="7313"/>
    <cellStyle name="Обычный 2 3 11 2 7 2 2" xfId="7314"/>
    <cellStyle name="Обычный 2 3 11 2 7 2 2 2" xfId="7315"/>
    <cellStyle name="Обычный 2 3 11 2 7 2 3" xfId="7316"/>
    <cellStyle name="Обычный 2 3 11 2 7 2 3 2" xfId="7317"/>
    <cellStyle name="Обычный 2 3 11 2 7 2 4" xfId="7318"/>
    <cellStyle name="Обычный 2 3 11 2 7 3" xfId="7319"/>
    <cellStyle name="Обычный 2 3 11 2 7 3 2" xfId="7320"/>
    <cellStyle name="Обычный 2 3 11 2 7 4" xfId="7321"/>
    <cellStyle name="Обычный 2 3 11 2 7 4 2" xfId="7322"/>
    <cellStyle name="Обычный 2 3 11 2 7 5" xfId="7323"/>
    <cellStyle name="Обычный 2 3 11 2 7 5 2" xfId="7324"/>
    <cellStyle name="Обычный 2 3 11 2 7 6" xfId="7325"/>
    <cellStyle name="Обычный 2 3 11 2 8" xfId="7326"/>
    <cellStyle name="Обычный 2 3 11 2 8 2" xfId="7327"/>
    <cellStyle name="Обычный 2 3 11 2 8 2 2" xfId="7328"/>
    <cellStyle name="Обычный 2 3 11 2 8 3" xfId="7329"/>
    <cellStyle name="Обычный 2 3 11 2 8 3 2" xfId="7330"/>
    <cellStyle name="Обычный 2 3 11 2 8 4" xfId="7331"/>
    <cellStyle name="Обычный 2 3 11 2 9" xfId="7332"/>
    <cellStyle name="Обычный 2 3 11 2 9 2" xfId="7333"/>
    <cellStyle name="Обычный 2 3 11 2 9 2 2" xfId="7334"/>
    <cellStyle name="Обычный 2 3 11 2 9 3" xfId="7335"/>
    <cellStyle name="Обычный 2 3 11 3" xfId="7336"/>
    <cellStyle name="Обычный 2 3 11 3 10" xfId="7337"/>
    <cellStyle name="Обычный 2 3 11 3 2" xfId="7338"/>
    <cellStyle name="Обычный 2 3 11 3 2 2" xfId="7339"/>
    <cellStyle name="Обычный 2 3 11 3 2 2 2" xfId="7340"/>
    <cellStyle name="Обычный 2 3 11 3 2 2 2 2" xfId="7341"/>
    <cellStyle name="Обычный 2 3 11 3 2 2 3" xfId="7342"/>
    <cellStyle name="Обычный 2 3 11 3 2 2 3 2" xfId="7343"/>
    <cellStyle name="Обычный 2 3 11 3 2 2 4" xfId="7344"/>
    <cellStyle name="Обычный 2 3 11 3 2 3" xfId="7345"/>
    <cellStyle name="Обычный 2 3 11 3 2 3 2" xfId="7346"/>
    <cellStyle name="Обычный 2 3 11 3 2 4" xfId="7347"/>
    <cellStyle name="Обычный 2 3 11 3 2 4 2" xfId="7348"/>
    <cellStyle name="Обычный 2 3 11 3 2 5" xfId="7349"/>
    <cellStyle name="Обычный 2 3 11 3 2 5 2" xfId="7350"/>
    <cellStyle name="Обычный 2 3 11 3 2 6" xfId="7351"/>
    <cellStyle name="Обычный 2 3 11 3 3" xfId="7352"/>
    <cellStyle name="Обычный 2 3 11 3 3 2" xfId="7353"/>
    <cellStyle name="Обычный 2 3 11 3 3 2 2" xfId="7354"/>
    <cellStyle name="Обычный 2 3 11 3 3 2 2 2" xfId="7355"/>
    <cellStyle name="Обычный 2 3 11 3 3 2 3" xfId="7356"/>
    <cellStyle name="Обычный 2 3 11 3 3 2 3 2" xfId="7357"/>
    <cellStyle name="Обычный 2 3 11 3 3 2 4" xfId="7358"/>
    <cellStyle name="Обычный 2 3 11 3 3 3" xfId="7359"/>
    <cellStyle name="Обычный 2 3 11 3 3 3 2" xfId="7360"/>
    <cellStyle name="Обычный 2 3 11 3 3 4" xfId="7361"/>
    <cellStyle name="Обычный 2 3 11 3 3 4 2" xfId="7362"/>
    <cellStyle name="Обычный 2 3 11 3 3 5" xfId="7363"/>
    <cellStyle name="Обычный 2 3 11 3 3 5 2" xfId="7364"/>
    <cellStyle name="Обычный 2 3 11 3 3 6" xfId="7365"/>
    <cellStyle name="Обычный 2 3 11 3 4" xfId="7366"/>
    <cellStyle name="Обычный 2 3 11 3 4 2" xfId="7367"/>
    <cellStyle name="Обычный 2 3 11 3 4 2 2" xfId="7368"/>
    <cellStyle name="Обычный 2 3 11 3 4 2 2 2" xfId="7369"/>
    <cellStyle name="Обычный 2 3 11 3 4 2 3" xfId="7370"/>
    <cellStyle name="Обычный 2 3 11 3 4 2 3 2" xfId="7371"/>
    <cellStyle name="Обычный 2 3 11 3 4 2 4" xfId="7372"/>
    <cellStyle name="Обычный 2 3 11 3 4 3" xfId="7373"/>
    <cellStyle name="Обычный 2 3 11 3 4 3 2" xfId="7374"/>
    <cellStyle name="Обычный 2 3 11 3 4 4" xfId="7375"/>
    <cellStyle name="Обычный 2 3 11 3 4 4 2" xfId="7376"/>
    <cellStyle name="Обычный 2 3 11 3 4 5" xfId="7377"/>
    <cellStyle name="Обычный 2 3 11 3 4 5 2" xfId="7378"/>
    <cellStyle name="Обычный 2 3 11 3 4 6" xfId="7379"/>
    <cellStyle name="Обычный 2 3 11 3 5" xfId="7380"/>
    <cellStyle name="Обычный 2 3 11 3 5 2" xfId="7381"/>
    <cellStyle name="Обычный 2 3 11 3 5 2 2" xfId="7382"/>
    <cellStyle name="Обычный 2 3 11 3 5 2 2 2" xfId="7383"/>
    <cellStyle name="Обычный 2 3 11 3 5 2 3" xfId="7384"/>
    <cellStyle name="Обычный 2 3 11 3 5 2 3 2" xfId="7385"/>
    <cellStyle name="Обычный 2 3 11 3 5 2 4" xfId="7386"/>
    <cellStyle name="Обычный 2 3 11 3 5 3" xfId="7387"/>
    <cellStyle name="Обычный 2 3 11 3 5 3 2" xfId="7388"/>
    <cellStyle name="Обычный 2 3 11 3 5 4" xfId="7389"/>
    <cellStyle name="Обычный 2 3 11 3 5 4 2" xfId="7390"/>
    <cellStyle name="Обычный 2 3 11 3 5 5" xfId="7391"/>
    <cellStyle name="Обычный 2 3 11 3 5 5 2" xfId="7392"/>
    <cellStyle name="Обычный 2 3 11 3 5 6" xfId="7393"/>
    <cellStyle name="Обычный 2 3 11 3 6" xfId="7394"/>
    <cellStyle name="Обычный 2 3 11 3 6 2" xfId="7395"/>
    <cellStyle name="Обычный 2 3 11 3 6 2 2" xfId="7396"/>
    <cellStyle name="Обычный 2 3 11 3 6 3" xfId="7397"/>
    <cellStyle name="Обычный 2 3 11 3 6 3 2" xfId="7398"/>
    <cellStyle name="Обычный 2 3 11 3 6 4" xfId="7399"/>
    <cellStyle name="Обычный 2 3 11 3 7" xfId="7400"/>
    <cellStyle name="Обычный 2 3 11 3 7 2" xfId="7401"/>
    <cellStyle name="Обычный 2 3 11 3 8" xfId="7402"/>
    <cellStyle name="Обычный 2 3 11 3 8 2" xfId="7403"/>
    <cellStyle name="Обычный 2 3 11 3 9" xfId="7404"/>
    <cellStyle name="Обычный 2 3 11 3 9 2" xfId="7405"/>
    <cellStyle name="Обычный 2 3 11 4" xfId="7406"/>
    <cellStyle name="Обычный 2 3 11 4 2" xfId="7407"/>
    <cellStyle name="Обычный 2 3 11 4 2 2" xfId="7408"/>
    <cellStyle name="Обычный 2 3 11 4 2 2 2" xfId="7409"/>
    <cellStyle name="Обычный 2 3 11 4 2 2 2 2" xfId="7410"/>
    <cellStyle name="Обычный 2 3 11 4 2 2 3" xfId="7411"/>
    <cellStyle name="Обычный 2 3 11 4 2 2 3 2" xfId="7412"/>
    <cellStyle name="Обычный 2 3 11 4 2 2 4" xfId="7413"/>
    <cellStyle name="Обычный 2 3 11 4 2 3" xfId="7414"/>
    <cellStyle name="Обычный 2 3 11 4 2 3 2" xfId="7415"/>
    <cellStyle name="Обычный 2 3 11 4 2 4" xfId="7416"/>
    <cellStyle name="Обычный 2 3 11 4 2 4 2" xfId="7417"/>
    <cellStyle name="Обычный 2 3 11 4 2 5" xfId="7418"/>
    <cellStyle name="Обычный 2 3 11 4 2 5 2" xfId="7419"/>
    <cellStyle name="Обычный 2 3 11 4 2 6" xfId="7420"/>
    <cellStyle name="Обычный 2 3 11 4 3" xfId="7421"/>
    <cellStyle name="Обычный 2 3 11 4 3 2" xfId="7422"/>
    <cellStyle name="Обычный 2 3 11 4 3 2 2" xfId="7423"/>
    <cellStyle name="Обычный 2 3 11 4 3 2 2 2" xfId="7424"/>
    <cellStyle name="Обычный 2 3 11 4 3 2 3" xfId="7425"/>
    <cellStyle name="Обычный 2 3 11 4 3 2 3 2" xfId="7426"/>
    <cellStyle name="Обычный 2 3 11 4 3 2 4" xfId="7427"/>
    <cellStyle name="Обычный 2 3 11 4 3 3" xfId="7428"/>
    <cellStyle name="Обычный 2 3 11 4 3 3 2" xfId="7429"/>
    <cellStyle name="Обычный 2 3 11 4 3 4" xfId="7430"/>
    <cellStyle name="Обычный 2 3 11 4 3 4 2" xfId="7431"/>
    <cellStyle name="Обычный 2 3 11 4 3 5" xfId="7432"/>
    <cellStyle name="Обычный 2 3 11 4 3 5 2" xfId="7433"/>
    <cellStyle name="Обычный 2 3 11 4 3 6" xfId="7434"/>
    <cellStyle name="Обычный 2 3 11 4 4" xfId="7435"/>
    <cellStyle name="Обычный 2 3 11 4 4 2" xfId="7436"/>
    <cellStyle name="Обычный 2 3 11 4 4 2 2" xfId="7437"/>
    <cellStyle name="Обычный 2 3 11 4 4 2 2 2" xfId="7438"/>
    <cellStyle name="Обычный 2 3 11 4 4 2 3" xfId="7439"/>
    <cellStyle name="Обычный 2 3 11 4 4 2 3 2" xfId="7440"/>
    <cellStyle name="Обычный 2 3 11 4 4 2 4" xfId="7441"/>
    <cellStyle name="Обычный 2 3 11 4 4 3" xfId="7442"/>
    <cellStyle name="Обычный 2 3 11 4 4 3 2" xfId="7443"/>
    <cellStyle name="Обычный 2 3 11 4 4 4" xfId="7444"/>
    <cellStyle name="Обычный 2 3 11 4 4 4 2" xfId="7445"/>
    <cellStyle name="Обычный 2 3 11 4 4 5" xfId="7446"/>
    <cellStyle name="Обычный 2 3 11 4 4 5 2" xfId="7447"/>
    <cellStyle name="Обычный 2 3 11 4 4 6" xfId="7448"/>
    <cellStyle name="Обычный 2 3 11 4 5" xfId="7449"/>
    <cellStyle name="Обычный 2 3 11 4 5 2" xfId="7450"/>
    <cellStyle name="Обычный 2 3 11 4 5 2 2" xfId="7451"/>
    <cellStyle name="Обычный 2 3 11 4 5 3" xfId="7452"/>
    <cellStyle name="Обычный 2 3 11 4 5 3 2" xfId="7453"/>
    <cellStyle name="Обычный 2 3 11 4 5 4" xfId="7454"/>
    <cellStyle name="Обычный 2 3 11 4 6" xfId="7455"/>
    <cellStyle name="Обычный 2 3 11 4 6 2" xfId="7456"/>
    <cellStyle name="Обычный 2 3 11 4 7" xfId="7457"/>
    <cellStyle name="Обычный 2 3 11 4 7 2" xfId="7458"/>
    <cellStyle name="Обычный 2 3 11 4 8" xfId="7459"/>
    <cellStyle name="Обычный 2 3 11 4 8 2" xfId="7460"/>
    <cellStyle name="Обычный 2 3 11 4 9" xfId="7461"/>
    <cellStyle name="Обычный 2 3 11 5" xfId="7462"/>
    <cellStyle name="Обычный 2 3 11 5 2" xfId="7463"/>
    <cellStyle name="Обычный 2 3 11 5 2 2" xfId="7464"/>
    <cellStyle name="Обычный 2 3 11 5 2 2 2" xfId="7465"/>
    <cellStyle name="Обычный 2 3 11 5 2 3" xfId="7466"/>
    <cellStyle name="Обычный 2 3 11 5 2 3 2" xfId="7467"/>
    <cellStyle name="Обычный 2 3 11 5 2 4" xfId="7468"/>
    <cellStyle name="Обычный 2 3 11 5 3" xfId="7469"/>
    <cellStyle name="Обычный 2 3 11 5 3 2" xfId="7470"/>
    <cellStyle name="Обычный 2 3 11 5 4" xfId="7471"/>
    <cellStyle name="Обычный 2 3 11 5 4 2" xfId="7472"/>
    <cellStyle name="Обычный 2 3 11 5 5" xfId="7473"/>
    <cellStyle name="Обычный 2 3 11 5 5 2" xfId="7474"/>
    <cellStyle name="Обычный 2 3 11 5 6" xfId="7475"/>
    <cellStyle name="Обычный 2 3 11 6" xfId="7476"/>
    <cellStyle name="Обычный 2 3 11 6 2" xfId="7477"/>
    <cellStyle name="Обычный 2 3 11 6 2 2" xfId="7478"/>
    <cellStyle name="Обычный 2 3 11 6 2 2 2" xfId="7479"/>
    <cellStyle name="Обычный 2 3 11 6 2 3" xfId="7480"/>
    <cellStyle name="Обычный 2 3 11 6 2 3 2" xfId="7481"/>
    <cellStyle name="Обычный 2 3 11 6 2 4" xfId="7482"/>
    <cellStyle name="Обычный 2 3 11 6 3" xfId="7483"/>
    <cellStyle name="Обычный 2 3 11 6 3 2" xfId="7484"/>
    <cellStyle name="Обычный 2 3 11 6 4" xfId="7485"/>
    <cellStyle name="Обычный 2 3 11 6 4 2" xfId="7486"/>
    <cellStyle name="Обычный 2 3 11 6 5" xfId="7487"/>
    <cellStyle name="Обычный 2 3 11 6 5 2" xfId="7488"/>
    <cellStyle name="Обычный 2 3 11 6 6" xfId="7489"/>
    <cellStyle name="Обычный 2 3 11 7" xfId="7490"/>
    <cellStyle name="Обычный 2 3 11 7 2" xfId="7491"/>
    <cellStyle name="Обычный 2 3 11 7 2 2" xfId="7492"/>
    <cellStyle name="Обычный 2 3 11 7 2 2 2" xfId="7493"/>
    <cellStyle name="Обычный 2 3 11 7 2 3" xfId="7494"/>
    <cellStyle name="Обычный 2 3 11 7 2 3 2" xfId="7495"/>
    <cellStyle name="Обычный 2 3 11 7 2 4" xfId="7496"/>
    <cellStyle name="Обычный 2 3 11 7 3" xfId="7497"/>
    <cellStyle name="Обычный 2 3 11 7 3 2" xfId="7498"/>
    <cellStyle name="Обычный 2 3 11 7 4" xfId="7499"/>
    <cellStyle name="Обычный 2 3 11 7 4 2" xfId="7500"/>
    <cellStyle name="Обычный 2 3 11 7 5" xfId="7501"/>
    <cellStyle name="Обычный 2 3 11 7 5 2" xfId="7502"/>
    <cellStyle name="Обычный 2 3 11 7 6" xfId="7503"/>
    <cellStyle name="Обычный 2 3 11 8" xfId="7504"/>
    <cellStyle name="Обычный 2 3 11 8 2" xfId="7505"/>
    <cellStyle name="Обычный 2 3 11 8 2 2" xfId="7506"/>
    <cellStyle name="Обычный 2 3 11 8 2 2 2" xfId="7507"/>
    <cellStyle name="Обычный 2 3 11 8 2 3" xfId="7508"/>
    <cellStyle name="Обычный 2 3 11 8 2 3 2" xfId="7509"/>
    <cellStyle name="Обычный 2 3 11 8 2 4" xfId="7510"/>
    <cellStyle name="Обычный 2 3 11 8 3" xfId="7511"/>
    <cellStyle name="Обычный 2 3 11 8 3 2" xfId="7512"/>
    <cellStyle name="Обычный 2 3 11 8 4" xfId="7513"/>
    <cellStyle name="Обычный 2 3 11 8 4 2" xfId="7514"/>
    <cellStyle name="Обычный 2 3 11 8 5" xfId="7515"/>
    <cellStyle name="Обычный 2 3 11 8 5 2" xfId="7516"/>
    <cellStyle name="Обычный 2 3 11 8 6" xfId="7517"/>
    <cellStyle name="Обычный 2 3 11 9" xfId="7518"/>
    <cellStyle name="Обычный 2 3 11 9 2" xfId="7519"/>
    <cellStyle name="Обычный 2 3 11 9 2 2" xfId="7520"/>
    <cellStyle name="Обычный 2 3 11 9 3" xfId="7521"/>
    <cellStyle name="Обычный 2 3 11 9 3 2" xfId="7522"/>
    <cellStyle name="Обычный 2 3 11 9 4" xfId="7523"/>
    <cellStyle name="Обычный 2 3 12" xfId="7524"/>
    <cellStyle name="Обычный 2 3 12 10" xfId="7525"/>
    <cellStyle name="Обычный 2 3 12 10 2" xfId="7526"/>
    <cellStyle name="Обычный 2 3 12 10 2 2" xfId="7527"/>
    <cellStyle name="Обычный 2 3 12 10 3" xfId="7528"/>
    <cellStyle name="Обычный 2 3 12 11" xfId="7529"/>
    <cellStyle name="Обычный 2 3 12 11 2" xfId="7530"/>
    <cellStyle name="Обычный 2 3 12 12" xfId="7531"/>
    <cellStyle name="Обычный 2 3 12 12 2" xfId="7532"/>
    <cellStyle name="Обычный 2 3 12 13" xfId="7533"/>
    <cellStyle name="Обычный 2 3 12 14" xfId="7534"/>
    <cellStyle name="Обычный 2 3 12 2" xfId="7535"/>
    <cellStyle name="Обычный 2 3 12 2 10" xfId="7536"/>
    <cellStyle name="Обычный 2 3 12 2 10 2" xfId="7537"/>
    <cellStyle name="Обычный 2 3 12 2 11" xfId="7538"/>
    <cellStyle name="Обычный 2 3 12 2 11 2" xfId="7539"/>
    <cellStyle name="Обычный 2 3 12 2 12" xfId="7540"/>
    <cellStyle name="Обычный 2 3 12 2 13" xfId="7541"/>
    <cellStyle name="Обычный 2 3 12 2 2" xfId="7542"/>
    <cellStyle name="Обычный 2 3 12 2 2 10" xfId="7543"/>
    <cellStyle name="Обычный 2 3 12 2 2 2" xfId="7544"/>
    <cellStyle name="Обычный 2 3 12 2 2 2 2" xfId="7545"/>
    <cellStyle name="Обычный 2 3 12 2 2 2 2 2" xfId="7546"/>
    <cellStyle name="Обычный 2 3 12 2 2 2 2 2 2" xfId="7547"/>
    <cellStyle name="Обычный 2 3 12 2 2 2 2 3" xfId="7548"/>
    <cellStyle name="Обычный 2 3 12 2 2 2 2 3 2" xfId="7549"/>
    <cellStyle name="Обычный 2 3 12 2 2 2 2 4" xfId="7550"/>
    <cellStyle name="Обычный 2 3 12 2 2 2 3" xfId="7551"/>
    <cellStyle name="Обычный 2 3 12 2 2 2 3 2" xfId="7552"/>
    <cellStyle name="Обычный 2 3 12 2 2 2 4" xfId="7553"/>
    <cellStyle name="Обычный 2 3 12 2 2 2 4 2" xfId="7554"/>
    <cellStyle name="Обычный 2 3 12 2 2 2 5" xfId="7555"/>
    <cellStyle name="Обычный 2 3 12 2 2 2 5 2" xfId="7556"/>
    <cellStyle name="Обычный 2 3 12 2 2 2 6" xfId="7557"/>
    <cellStyle name="Обычный 2 3 12 2 2 3" xfId="7558"/>
    <cellStyle name="Обычный 2 3 12 2 2 3 2" xfId="7559"/>
    <cellStyle name="Обычный 2 3 12 2 2 3 2 2" xfId="7560"/>
    <cellStyle name="Обычный 2 3 12 2 2 3 2 2 2" xfId="7561"/>
    <cellStyle name="Обычный 2 3 12 2 2 3 2 3" xfId="7562"/>
    <cellStyle name="Обычный 2 3 12 2 2 3 2 3 2" xfId="7563"/>
    <cellStyle name="Обычный 2 3 12 2 2 3 2 4" xfId="7564"/>
    <cellStyle name="Обычный 2 3 12 2 2 3 3" xfId="7565"/>
    <cellStyle name="Обычный 2 3 12 2 2 3 3 2" xfId="7566"/>
    <cellStyle name="Обычный 2 3 12 2 2 3 4" xfId="7567"/>
    <cellStyle name="Обычный 2 3 12 2 2 3 4 2" xfId="7568"/>
    <cellStyle name="Обычный 2 3 12 2 2 3 5" xfId="7569"/>
    <cellStyle name="Обычный 2 3 12 2 2 3 5 2" xfId="7570"/>
    <cellStyle name="Обычный 2 3 12 2 2 3 6" xfId="7571"/>
    <cellStyle name="Обычный 2 3 12 2 2 4" xfId="7572"/>
    <cellStyle name="Обычный 2 3 12 2 2 4 2" xfId="7573"/>
    <cellStyle name="Обычный 2 3 12 2 2 4 2 2" xfId="7574"/>
    <cellStyle name="Обычный 2 3 12 2 2 4 2 2 2" xfId="7575"/>
    <cellStyle name="Обычный 2 3 12 2 2 4 2 3" xfId="7576"/>
    <cellStyle name="Обычный 2 3 12 2 2 4 2 3 2" xfId="7577"/>
    <cellStyle name="Обычный 2 3 12 2 2 4 2 4" xfId="7578"/>
    <cellStyle name="Обычный 2 3 12 2 2 4 3" xfId="7579"/>
    <cellStyle name="Обычный 2 3 12 2 2 4 3 2" xfId="7580"/>
    <cellStyle name="Обычный 2 3 12 2 2 4 4" xfId="7581"/>
    <cellStyle name="Обычный 2 3 12 2 2 4 4 2" xfId="7582"/>
    <cellStyle name="Обычный 2 3 12 2 2 4 5" xfId="7583"/>
    <cellStyle name="Обычный 2 3 12 2 2 4 5 2" xfId="7584"/>
    <cellStyle name="Обычный 2 3 12 2 2 4 6" xfId="7585"/>
    <cellStyle name="Обычный 2 3 12 2 2 5" xfId="7586"/>
    <cellStyle name="Обычный 2 3 12 2 2 5 2" xfId="7587"/>
    <cellStyle name="Обычный 2 3 12 2 2 5 2 2" xfId="7588"/>
    <cellStyle name="Обычный 2 3 12 2 2 5 2 2 2" xfId="7589"/>
    <cellStyle name="Обычный 2 3 12 2 2 5 2 3" xfId="7590"/>
    <cellStyle name="Обычный 2 3 12 2 2 5 2 3 2" xfId="7591"/>
    <cellStyle name="Обычный 2 3 12 2 2 5 2 4" xfId="7592"/>
    <cellStyle name="Обычный 2 3 12 2 2 5 3" xfId="7593"/>
    <cellStyle name="Обычный 2 3 12 2 2 5 3 2" xfId="7594"/>
    <cellStyle name="Обычный 2 3 12 2 2 5 4" xfId="7595"/>
    <cellStyle name="Обычный 2 3 12 2 2 5 4 2" xfId="7596"/>
    <cellStyle name="Обычный 2 3 12 2 2 5 5" xfId="7597"/>
    <cellStyle name="Обычный 2 3 12 2 2 5 5 2" xfId="7598"/>
    <cellStyle name="Обычный 2 3 12 2 2 5 6" xfId="7599"/>
    <cellStyle name="Обычный 2 3 12 2 2 6" xfId="7600"/>
    <cellStyle name="Обычный 2 3 12 2 2 6 2" xfId="7601"/>
    <cellStyle name="Обычный 2 3 12 2 2 6 2 2" xfId="7602"/>
    <cellStyle name="Обычный 2 3 12 2 2 6 3" xfId="7603"/>
    <cellStyle name="Обычный 2 3 12 2 2 6 3 2" xfId="7604"/>
    <cellStyle name="Обычный 2 3 12 2 2 6 4" xfId="7605"/>
    <cellStyle name="Обычный 2 3 12 2 2 7" xfId="7606"/>
    <cellStyle name="Обычный 2 3 12 2 2 7 2" xfId="7607"/>
    <cellStyle name="Обычный 2 3 12 2 2 8" xfId="7608"/>
    <cellStyle name="Обычный 2 3 12 2 2 8 2" xfId="7609"/>
    <cellStyle name="Обычный 2 3 12 2 2 9" xfId="7610"/>
    <cellStyle name="Обычный 2 3 12 2 2 9 2" xfId="7611"/>
    <cellStyle name="Обычный 2 3 12 2 3" xfId="7612"/>
    <cellStyle name="Обычный 2 3 12 2 3 2" xfId="7613"/>
    <cellStyle name="Обычный 2 3 12 2 3 2 2" xfId="7614"/>
    <cellStyle name="Обычный 2 3 12 2 3 2 2 2" xfId="7615"/>
    <cellStyle name="Обычный 2 3 12 2 3 2 2 2 2" xfId="7616"/>
    <cellStyle name="Обычный 2 3 12 2 3 2 2 3" xfId="7617"/>
    <cellStyle name="Обычный 2 3 12 2 3 2 2 3 2" xfId="7618"/>
    <cellStyle name="Обычный 2 3 12 2 3 2 2 4" xfId="7619"/>
    <cellStyle name="Обычный 2 3 12 2 3 2 3" xfId="7620"/>
    <cellStyle name="Обычный 2 3 12 2 3 2 3 2" xfId="7621"/>
    <cellStyle name="Обычный 2 3 12 2 3 2 4" xfId="7622"/>
    <cellStyle name="Обычный 2 3 12 2 3 2 4 2" xfId="7623"/>
    <cellStyle name="Обычный 2 3 12 2 3 2 5" xfId="7624"/>
    <cellStyle name="Обычный 2 3 12 2 3 2 5 2" xfId="7625"/>
    <cellStyle name="Обычный 2 3 12 2 3 2 6" xfId="7626"/>
    <cellStyle name="Обычный 2 3 12 2 3 3" xfId="7627"/>
    <cellStyle name="Обычный 2 3 12 2 3 3 2" xfId="7628"/>
    <cellStyle name="Обычный 2 3 12 2 3 3 2 2" xfId="7629"/>
    <cellStyle name="Обычный 2 3 12 2 3 3 2 2 2" xfId="7630"/>
    <cellStyle name="Обычный 2 3 12 2 3 3 2 3" xfId="7631"/>
    <cellStyle name="Обычный 2 3 12 2 3 3 2 3 2" xfId="7632"/>
    <cellStyle name="Обычный 2 3 12 2 3 3 2 4" xfId="7633"/>
    <cellStyle name="Обычный 2 3 12 2 3 3 3" xfId="7634"/>
    <cellStyle name="Обычный 2 3 12 2 3 3 3 2" xfId="7635"/>
    <cellStyle name="Обычный 2 3 12 2 3 3 4" xfId="7636"/>
    <cellStyle name="Обычный 2 3 12 2 3 3 4 2" xfId="7637"/>
    <cellStyle name="Обычный 2 3 12 2 3 3 5" xfId="7638"/>
    <cellStyle name="Обычный 2 3 12 2 3 3 5 2" xfId="7639"/>
    <cellStyle name="Обычный 2 3 12 2 3 3 6" xfId="7640"/>
    <cellStyle name="Обычный 2 3 12 2 3 4" xfId="7641"/>
    <cellStyle name="Обычный 2 3 12 2 3 4 2" xfId="7642"/>
    <cellStyle name="Обычный 2 3 12 2 3 4 2 2" xfId="7643"/>
    <cellStyle name="Обычный 2 3 12 2 3 4 2 2 2" xfId="7644"/>
    <cellStyle name="Обычный 2 3 12 2 3 4 2 3" xfId="7645"/>
    <cellStyle name="Обычный 2 3 12 2 3 4 2 3 2" xfId="7646"/>
    <cellStyle name="Обычный 2 3 12 2 3 4 2 4" xfId="7647"/>
    <cellStyle name="Обычный 2 3 12 2 3 4 3" xfId="7648"/>
    <cellStyle name="Обычный 2 3 12 2 3 4 3 2" xfId="7649"/>
    <cellStyle name="Обычный 2 3 12 2 3 4 4" xfId="7650"/>
    <cellStyle name="Обычный 2 3 12 2 3 4 4 2" xfId="7651"/>
    <cellStyle name="Обычный 2 3 12 2 3 4 5" xfId="7652"/>
    <cellStyle name="Обычный 2 3 12 2 3 4 5 2" xfId="7653"/>
    <cellStyle name="Обычный 2 3 12 2 3 4 6" xfId="7654"/>
    <cellStyle name="Обычный 2 3 12 2 3 5" xfId="7655"/>
    <cellStyle name="Обычный 2 3 12 2 3 5 2" xfId="7656"/>
    <cellStyle name="Обычный 2 3 12 2 3 5 2 2" xfId="7657"/>
    <cellStyle name="Обычный 2 3 12 2 3 5 3" xfId="7658"/>
    <cellStyle name="Обычный 2 3 12 2 3 5 3 2" xfId="7659"/>
    <cellStyle name="Обычный 2 3 12 2 3 5 4" xfId="7660"/>
    <cellStyle name="Обычный 2 3 12 2 3 6" xfId="7661"/>
    <cellStyle name="Обычный 2 3 12 2 3 6 2" xfId="7662"/>
    <cellStyle name="Обычный 2 3 12 2 3 7" xfId="7663"/>
    <cellStyle name="Обычный 2 3 12 2 3 7 2" xfId="7664"/>
    <cellStyle name="Обычный 2 3 12 2 3 8" xfId="7665"/>
    <cellStyle name="Обычный 2 3 12 2 3 8 2" xfId="7666"/>
    <cellStyle name="Обычный 2 3 12 2 3 9" xfId="7667"/>
    <cellStyle name="Обычный 2 3 12 2 4" xfId="7668"/>
    <cellStyle name="Обычный 2 3 12 2 4 2" xfId="7669"/>
    <cellStyle name="Обычный 2 3 12 2 4 2 2" xfId="7670"/>
    <cellStyle name="Обычный 2 3 12 2 4 2 2 2" xfId="7671"/>
    <cellStyle name="Обычный 2 3 12 2 4 2 3" xfId="7672"/>
    <cellStyle name="Обычный 2 3 12 2 4 2 3 2" xfId="7673"/>
    <cellStyle name="Обычный 2 3 12 2 4 2 4" xfId="7674"/>
    <cellStyle name="Обычный 2 3 12 2 4 3" xfId="7675"/>
    <cellStyle name="Обычный 2 3 12 2 4 3 2" xfId="7676"/>
    <cellStyle name="Обычный 2 3 12 2 4 4" xfId="7677"/>
    <cellStyle name="Обычный 2 3 12 2 4 4 2" xfId="7678"/>
    <cellStyle name="Обычный 2 3 12 2 4 5" xfId="7679"/>
    <cellStyle name="Обычный 2 3 12 2 4 5 2" xfId="7680"/>
    <cellStyle name="Обычный 2 3 12 2 4 6" xfId="7681"/>
    <cellStyle name="Обычный 2 3 12 2 5" xfId="7682"/>
    <cellStyle name="Обычный 2 3 12 2 5 2" xfId="7683"/>
    <cellStyle name="Обычный 2 3 12 2 5 2 2" xfId="7684"/>
    <cellStyle name="Обычный 2 3 12 2 5 2 2 2" xfId="7685"/>
    <cellStyle name="Обычный 2 3 12 2 5 2 3" xfId="7686"/>
    <cellStyle name="Обычный 2 3 12 2 5 2 3 2" xfId="7687"/>
    <cellStyle name="Обычный 2 3 12 2 5 2 4" xfId="7688"/>
    <cellStyle name="Обычный 2 3 12 2 5 3" xfId="7689"/>
    <cellStyle name="Обычный 2 3 12 2 5 3 2" xfId="7690"/>
    <cellStyle name="Обычный 2 3 12 2 5 4" xfId="7691"/>
    <cellStyle name="Обычный 2 3 12 2 5 4 2" xfId="7692"/>
    <cellStyle name="Обычный 2 3 12 2 5 5" xfId="7693"/>
    <cellStyle name="Обычный 2 3 12 2 5 5 2" xfId="7694"/>
    <cellStyle name="Обычный 2 3 12 2 5 6" xfId="7695"/>
    <cellStyle name="Обычный 2 3 12 2 6" xfId="7696"/>
    <cellStyle name="Обычный 2 3 12 2 6 2" xfId="7697"/>
    <cellStyle name="Обычный 2 3 12 2 6 2 2" xfId="7698"/>
    <cellStyle name="Обычный 2 3 12 2 6 2 2 2" xfId="7699"/>
    <cellStyle name="Обычный 2 3 12 2 6 2 3" xfId="7700"/>
    <cellStyle name="Обычный 2 3 12 2 6 2 3 2" xfId="7701"/>
    <cellStyle name="Обычный 2 3 12 2 6 2 4" xfId="7702"/>
    <cellStyle name="Обычный 2 3 12 2 6 3" xfId="7703"/>
    <cellStyle name="Обычный 2 3 12 2 6 3 2" xfId="7704"/>
    <cellStyle name="Обычный 2 3 12 2 6 4" xfId="7705"/>
    <cellStyle name="Обычный 2 3 12 2 6 4 2" xfId="7706"/>
    <cellStyle name="Обычный 2 3 12 2 6 5" xfId="7707"/>
    <cellStyle name="Обычный 2 3 12 2 6 5 2" xfId="7708"/>
    <cellStyle name="Обычный 2 3 12 2 6 6" xfId="7709"/>
    <cellStyle name="Обычный 2 3 12 2 7" xfId="7710"/>
    <cellStyle name="Обычный 2 3 12 2 7 2" xfId="7711"/>
    <cellStyle name="Обычный 2 3 12 2 7 2 2" xfId="7712"/>
    <cellStyle name="Обычный 2 3 12 2 7 2 2 2" xfId="7713"/>
    <cellStyle name="Обычный 2 3 12 2 7 2 3" xfId="7714"/>
    <cellStyle name="Обычный 2 3 12 2 7 2 3 2" xfId="7715"/>
    <cellStyle name="Обычный 2 3 12 2 7 2 4" xfId="7716"/>
    <cellStyle name="Обычный 2 3 12 2 7 3" xfId="7717"/>
    <cellStyle name="Обычный 2 3 12 2 7 3 2" xfId="7718"/>
    <cellStyle name="Обычный 2 3 12 2 7 4" xfId="7719"/>
    <cellStyle name="Обычный 2 3 12 2 7 4 2" xfId="7720"/>
    <cellStyle name="Обычный 2 3 12 2 7 5" xfId="7721"/>
    <cellStyle name="Обычный 2 3 12 2 7 5 2" xfId="7722"/>
    <cellStyle name="Обычный 2 3 12 2 7 6" xfId="7723"/>
    <cellStyle name="Обычный 2 3 12 2 8" xfId="7724"/>
    <cellStyle name="Обычный 2 3 12 2 8 2" xfId="7725"/>
    <cellStyle name="Обычный 2 3 12 2 8 2 2" xfId="7726"/>
    <cellStyle name="Обычный 2 3 12 2 8 3" xfId="7727"/>
    <cellStyle name="Обычный 2 3 12 2 8 3 2" xfId="7728"/>
    <cellStyle name="Обычный 2 3 12 2 8 4" xfId="7729"/>
    <cellStyle name="Обычный 2 3 12 2 9" xfId="7730"/>
    <cellStyle name="Обычный 2 3 12 2 9 2" xfId="7731"/>
    <cellStyle name="Обычный 2 3 12 2 9 2 2" xfId="7732"/>
    <cellStyle name="Обычный 2 3 12 2 9 3" xfId="7733"/>
    <cellStyle name="Обычный 2 3 12 3" xfId="7734"/>
    <cellStyle name="Обычный 2 3 12 3 10" xfId="7735"/>
    <cellStyle name="Обычный 2 3 12 3 2" xfId="7736"/>
    <cellStyle name="Обычный 2 3 12 3 2 2" xfId="7737"/>
    <cellStyle name="Обычный 2 3 12 3 2 2 2" xfId="7738"/>
    <cellStyle name="Обычный 2 3 12 3 2 2 2 2" xfId="7739"/>
    <cellStyle name="Обычный 2 3 12 3 2 2 3" xfId="7740"/>
    <cellStyle name="Обычный 2 3 12 3 2 2 3 2" xfId="7741"/>
    <cellStyle name="Обычный 2 3 12 3 2 2 4" xfId="7742"/>
    <cellStyle name="Обычный 2 3 12 3 2 3" xfId="7743"/>
    <cellStyle name="Обычный 2 3 12 3 2 3 2" xfId="7744"/>
    <cellStyle name="Обычный 2 3 12 3 2 4" xfId="7745"/>
    <cellStyle name="Обычный 2 3 12 3 2 4 2" xfId="7746"/>
    <cellStyle name="Обычный 2 3 12 3 2 5" xfId="7747"/>
    <cellStyle name="Обычный 2 3 12 3 2 5 2" xfId="7748"/>
    <cellStyle name="Обычный 2 3 12 3 2 6" xfId="7749"/>
    <cellStyle name="Обычный 2 3 12 3 3" xfId="7750"/>
    <cellStyle name="Обычный 2 3 12 3 3 2" xfId="7751"/>
    <cellStyle name="Обычный 2 3 12 3 3 2 2" xfId="7752"/>
    <cellStyle name="Обычный 2 3 12 3 3 2 2 2" xfId="7753"/>
    <cellStyle name="Обычный 2 3 12 3 3 2 3" xfId="7754"/>
    <cellStyle name="Обычный 2 3 12 3 3 2 3 2" xfId="7755"/>
    <cellStyle name="Обычный 2 3 12 3 3 2 4" xfId="7756"/>
    <cellStyle name="Обычный 2 3 12 3 3 3" xfId="7757"/>
    <cellStyle name="Обычный 2 3 12 3 3 3 2" xfId="7758"/>
    <cellStyle name="Обычный 2 3 12 3 3 4" xfId="7759"/>
    <cellStyle name="Обычный 2 3 12 3 3 4 2" xfId="7760"/>
    <cellStyle name="Обычный 2 3 12 3 3 5" xfId="7761"/>
    <cellStyle name="Обычный 2 3 12 3 3 5 2" xfId="7762"/>
    <cellStyle name="Обычный 2 3 12 3 3 6" xfId="7763"/>
    <cellStyle name="Обычный 2 3 12 3 4" xfId="7764"/>
    <cellStyle name="Обычный 2 3 12 3 4 2" xfId="7765"/>
    <cellStyle name="Обычный 2 3 12 3 4 2 2" xfId="7766"/>
    <cellStyle name="Обычный 2 3 12 3 4 2 2 2" xfId="7767"/>
    <cellStyle name="Обычный 2 3 12 3 4 2 3" xfId="7768"/>
    <cellStyle name="Обычный 2 3 12 3 4 2 3 2" xfId="7769"/>
    <cellStyle name="Обычный 2 3 12 3 4 2 4" xfId="7770"/>
    <cellStyle name="Обычный 2 3 12 3 4 3" xfId="7771"/>
    <cellStyle name="Обычный 2 3 12 3 4 3 2" xfId="7772"/>
    <cellStyle name="Обычный 2 3 12 3 4 4" xfId="7773"/>
    <cellStyle name="Обычный 2 3 12 3 4 4 2" xfId="7774"/>
    <cellStyle name="Обычный 2 3 12 3 4 5" xfId="7775"/>
    <cellStyle name="Обычный 2 3 12 3 4 5 2" xfId="7776"/>
    <cellStyle name="Обычный 2 3 12 3 4 6" xfId="7777"/>
    <cellStyle name="Обычный 2 3 12 3 5" xfId="7778"/>
    <cellStyle name="Обычный 2 3 12 3 5 2" xfId="7779"/>
    <cellStyle name="Обычный 2 3 12 3 5 2 2" xfId="7780"/>
    <cellStyle name="Обычный 2 3 12 3 5 2 2 2" xfId="7781"/>
    <cellStyle name="Обычный 2 3 12 3 5 2 3" xfId="7782"/>
    <cellStyle name="Обычный 2 3 12 3 5 2 3 2" xfId="7783"/>
    <cellStyle name="Обычный 2 3 12 3 5 2 4" xfId="7784"/>
    <cellStyle name="Обычный 2 3 12 3 5 3" xfId="7785"/>
    <cellStyle name="Обычный 2 3 12 3 5 3 2" xfId="7786"/>
    <cellStyle name="Обычный 2 3 12 3 5 4" xfId="7787"/>
    <cellStyle name="Обычный 2 3 12 3 5 4 2" xfId="7788"/>
    <cellStyle name="Обычный 2 3 12 3 5 5" xfId="7789"/>
    <cellStyle name="Обычный 2 3 12 3 5 5 2" xfId="7790"/>
    <cellStyle name="Обычный 2 3 12 3 5 6" xfId="7791"/>
    <cellStyle name="Обычный 2 3 12 3 6" xfId="7792"/>
    <cellStyle name="Обычный 2 3 12 3 6 2" xfId="7793"/>
    <cellStyle name="Обычный 2 3 12 3 6 2 2" xfId="7794"/>
    <cellStyle name="Обычный 2 3 12 3 6 3" xfId="7795"/>
    <cellStyle name="Обычный 2 3 12 3 6 3 2" xfId="7796"/>
    <cellStyle name="Обычный 2 3 12 3 6 4" xfId="7797"/>
    <cellStyle name="Обычный 2 3 12 3 7" xfId="7798"/>
    <cellStyle name="Обычный 2 3 12 3 7 2" xfId="7799"/>
    <cellStyle name="Обычный 2 3 12 3 8" xfId="7800"/>
    <cellStyle name="Обычный 2 3 12 3 8 2" xfId="7801"/>
    <cellStyle name="Обычный 2 3 12 3 9" xfId="7802"/>
    <cellStyle name="Обычный 2 3 12 3 9 2" xfId="7803"/>
    <cellStyle name="Обычный 2 3 12 4" xfId="7804"/>
    <cellStyle name="Обычный 2 3 12 4 2" xfId="7805"/>
    <cellStyle name="Обычный 2 3 12 4 2 2" xfId="7806"/>
    <cellStyle name="Обычный 2 3 12 4 2 2 2" xfId="7807"/>
    <cellStyle name="Обычный 2 3 12 4 2 2 2 2" xfId="7808"/>
    <cellStyle name="Обычный 2 3 12 4 2 2 3" xfId="7809"/>
    <cellStyle name="Обычный 2 3 12 4 2 2 3 2" xfId="7810"/>
    <cellStyle name="Обычный 2 3 12 4 2 2 4" xfId="7811"/>
    <cellStyle name="Обычный 2 3 12 4 2 3" xfId="7812"/>
    <cellStyle name="Обычный 2 3 12 4 2 3 2" xfId="7813"/>
    <cellStyle name="Обычный 2 3 12 4 2 4" xfId="7814"/>
    <cellStyle name="Обычный 2 3 12 4 2 4 2" xfId="7815"/>
    <cellStyle name="Обычный 2 3 12 4 2 5" xfId="7816"/>
    <cellStyle name="Обычный 2 3 12 4 2 5 2" xfId="7817"/>
    <cellStyle name="Обычный 2 3 12 4 2 6" xfId="7818"/>
    <cellStyle name="Обычный 2 3 12 4 3" xfId="7819"/>
    <cellStyle name="Обычный 2 3 12 4 3 2" xfId="7820"/>
    <cellStyle name="Обычный 2 3 12 4 3 2 2" xfId="7821"/>
    <cellStyle name="Обычный 2 3 12 4 3 2 2 2" xfId="7822"/>
    <cellStyle name="Обычный 2 3 12 4 3 2 3" xfId="7823"/>
    <cellStyle name="Обычный 2 3 12 4 3 2 3 2" xfId="7824"/>
    <cellStyle name="Обычный 2 3 12 4 3 2 4" xfId="7825"/>
    <cellStyle name="Обычный 2 3 12 4 3 3" xfId="7826"/>
    <cellStyle name="Обычный 2 3 12 4 3 3 2" xfId="7827"/>
    <cellStyle name="Обычный 2 3 12 4 3 4" xfId="7828"/>
    <cellStyle name="Обычный 2 3 12 4 3 4 2" xfId="7829"/>
    <cellStyle name="Обычный 2 3 12 4 3 5" xfId="7830"/>
    <cellStyle name="Обычный 2 3 12 4 3 5 2" xfId="7831"/>
    <cellStyle name="Обычный 2 3 12 4 3 6" xfId="7832"/>
    <cellStyle name="Обычный 2 3 12 4 4" xfId="7833"/>
    <cellStyle name="Обычный 2 3 12 4 4 2" xfId="7834"/>
    <cellStyle name="Обычный 2 3 12 4 4 2 2" xfId="7835"/>
    <cellStyle name="Обычный 2 3 12 4 4 2 2 2" xfId="7836"/>
    <cellStyle name="Обычный 2 3 12 4 4 2 3" xfId="7837"/>
    <cellStyle name="Обычный 2 3 12 4 4 2 3 2" xfId="7838"/>
    <cellStyle name="Обычный 2 3 12 4 4 2 4" xfId="7839"/>
    <cellStyle name="Обычный 2 3 12 4 4 3" xfId="7840"/>
    <cellStyle name="Обычный 2 3 12 4 4 3 2" xfId="7841"/>
    <cellStyle name="Обычный 2 3 12 4 4 4" xfId="7842"/>
    <cellStyle name="Обычный 2 3 12 4 4 4 2" xfId="7843"/>
    <cellStyle name="Обычный 2 3 12 4 4 5" xfId="7844"/>
    <cellStyle name="Обычный 2 3 12 4 4 5 2" xfId="7845"/>
    <cellStyle name="Обычный 2 3 12 4 4 6" xfId="7846"/>
    <cellStyle name="Обычный 2 3 12 4 5" xfId="7847"/>
    <cellStyle name="Обычный 2 3 12 4 5 2" xfId="7848"/>
    <cellStyle name="Обычный 2 3 12 4 5 2 2" xfId="7849"/>
    <cellStyle name="Обычный 2 3 12 4 5 3" xfId="7850"/>
    <cellStyle name="Обычный 2 3 12 4 5 3 2" xfId="7851"/>
    <cellStyle name="Обычный 2 3 12 4 5 4" xfId="7852"/>
    <cellStyle name="Обычный 2 3 12 4 6" xfId="7853"/>
    <cellStyle name="Обычный 2 3 12 4 6 2" xfId="7854"/>
    <cellStyle name="Обычный 2 3 12 4 7" xfId="7855"/>
    <cellStyle name="Обычный 2 3 12 4 7 2" xfId="7856"/>
    <cellStyle name="Обычный 2 3 12 4 8" xfId="7857"/>
    <cellStyle name="Обычный 2 3 12 4 8 2" xfId="7858"/>
    <cellStyle name="Обычный 2 3 12 4 9" xfId="7859"/>
    <cellStyle name="Обычный 2 3 12 5" xfId="7860"/>
    <cellStyle name="Обычный 2 3 12 5 2" xfId="7861"/>
    <cellStyle name="Обычный 2 3 12 5 2 2" xfId="7862"/>
    <cellStyle name="Обычный 2 3 12 5 2 2 2" xfId="7863"/>
    <cellStyle name="Обычный 2 3 12 5 2 3" xfId="7864"/>
    <cellStyle name="Обычный 2 3 12 5 2 3 2" xfId="7865"/>
    <cellStyle name="Обычный 2 3 12 5 2 4" xfId="7866"/>
    <cellStyle name="Обычный 2 3 12 5 3" xfId="7867"/>
    <cellStyle name="Обычный 2 3 12 5 3 2" xfId="7868"/>
    <cellStyle name="Обычный 2 3 12 5 4" xfId="7869"/>
    <cellStyle name="Обычный 2 3 12 5 4 2" xfId="7870"/>
    <cellStyle name="Обычный 2 3 12 5 5" xfId="7871"/>
    <cellStyle name="Обычный 2 3 12 5 5 2" xfId="7872"/>
    <cellStyle name="Обычный 2 3 12 5 6" xfId="7873"/>
    <cellStyle name="Обычный 2 3 12 6" xfId="7874"/>
    <cellStyle name="Обычный 2 3 12 6 2" xfId="7875"/>
    <cellStyle name="Обычный 2 3 12 6 2 2" xfId="7876"/>
    <cellStyle name="Обычный 2 3 12 6 2 2 2" xfId="7877"/>
    <cellStyle name="Обычный 2 3 12 6 2 3" xfId="7878"/>
    <cellStyle name="Обычный 2 3 12 6 2 3 2" xfId="7879"/>
    <cellStyle name="Обычный 2 3 12 6 2 4" xfId="7880"/>
    <cellStyle name="Обычный 2 3 12 6 3" xfId="7881"/>
    <cellStyle name="Обычный 2 3 12 6 3 2" xfId="7882"/>
    <cellStyle name="Обычный 2 3 12 6 4" xfId="7883"/>
    <cellStyle name="Обычный 2 3 12 6 4 2" xfId="7884"/>
    <cellStyle name="Обычный 2 3 12 6 5" xfId="7885"/>
    <cellStyle name="Обычный 2 3 12 6 5 2" xfId="7886"/>
    <cellStyle name="Обычный 2 3 12 6 6" xfId="7887"/>
    <cellStyle name="Обычный 2 3 12 7" xfId="7888"/>
    <cellStyle name="Обычный 2 3 12 7 2" xfId="7889"/>
    <cellStyle name="Обычный 2 3 12 7 2 2" xfId="7890"/>
    <cellStyle name="Обычный 2 3 12 7 2 2 2" xfId="7891"/>
    <cellStyle name="Обычный 2 3 12 7 2 3" xfId="7892"/>
    <cellStyle name="Обычный 2 3 12 7 2 3 2" xfId="7893"/>
    <cellStyle name="Обычный 2 3 12 7 2 4" xfId="7894"/>
    <cellStyle name="Обычный 2 3 12 7 3" xfId="7895"/>
    <cellStyle name="Обычный 2 3 12 7 3 2" xfId="7896"/>
    <cellStyle name="Обычный 2 3 12 7 4" xfId="7897"/>
    <cellStyle name="Обычный 2 3 12 7 4 2" xfId="7898"/>
    <cellStyle name="Обычный 2 3 12 7 5" xfId="7899"/>
    <cellStyle name="Обычный 2 3 12 7 5 2" xfId="7900"/>
    <cellStyle name="Обычный 2 3 12 7 6" xfId="7901"/>
    <cellStyle name="Обычный 2 3 12 8" xfId="7902"/>
    <cellStyle name="Обычный 2 3 12 8 2" xfId="7903"/>
    <cellStyle name="Обычный 2 3 12 8 2 2" xfId="7904"/>
    <cellStyle name="Обычный 2 3 12 8 2 2 2" xfId="7905"/>
    <cellStyle name="Обычный 2 3 12 8 2 3" xfId="7906"/>
    <cellStyle name="Обычный 2 3 12 8 2 3 2" xfId="7907"/>
    <cellStyle name="Обычный 2 3 12 8 2 4" xfId="7908"/>
    <cellStyle name="Обычный 2 3 12 8 3" xfId="7909"/>
    <cellStyle name="Обычный 2 3 12 8 3 2" xfId="7910"/>
    <cellStyle name="Обычный 2 3 12 8 4" xfId="7911"/>
    <cellStyle name="Обычный 2 3 12 8 4 2" xfId="7912"/>
    <cellStyle name="Обычный 2 3 12 8 5" xfId="7913"/>
    <cellStyle name="Обычный 2 3 12 8 5 2" xfId="7914"/>
    <cellStyle name="Обычный 2 3 12 8 6" xfId="7915"/>
    <cellStyle name="Обычный 2 3 12 9" xfId="7916"/>
    <cellStyle name="Обычный 2 3 12 9 2" xfId="7917"/>
    <cellStyle name="Обычный 2 3 12 9 2 2" xfId="7918"/>
    <cellStyle name="Обычный 2 3 12 9 3" xfId="7919"/>
    <cellStyle name="Обычный 2 3 12 9 3 2" xfId="7920"/>
    <cellStyle name="Обычный 2 3 12 9 4" xfId="7921"/>
    <cellStyle name="Обычный 2 3 13" xfId="7922"/>
    <cellStyle name="Обычный 2 3 13 10" xfId="7923"/>
    <cellStyle name="Обычный 2 3 13 10 2" xfId="7924"/>
    <cellStyle name="Обычный 2 3 13 10 2 2" xfId="7925"/>
    <cellStyle name="Обычный 2 3 13 10 3" xfId="7926"/>
    <cellStyle name="Обычный 2 3 13 11" xfId="7927"/>
    <cellStyle name="Обычный 2 3 13 11 2" xfId="7928"/>
    <cellStyle name="Обычный 2 3 13 12" xfId="7929"/>
    <cellStyle name="Обычный 2 3 13 12 2" xfId="7930"/>
    <cellStyle name="Обычный 2 3 13 13" xfId="7931"/>
    <cellStyle name="Обычный 2 3 13 14" xfId="7932"/>
    <cellStyle name="Обычный 2 3 13 2" xfId="7933"/>
    <cellStyle name="Обычный 2 3 13 2 10" xfId="7934"/>
    <cellStyle name="Обычный 2 3 13 2 10 2" xfId="7935"/>
    <cellStyle name="Обычный 2 3 13 2 11" xfId="7936"/>
    <cellStyle name="Обычный 2 3 13 2 11 2" xfId="7937"/>
    <cellStyle name="Обычный 2 3 13 2 12" xfId="7938"/>
    <cellStyle name="Обычный 2 3 13 2 13" xfId="7939"/>
    <cellStyle name="Обычный 2 3 13 2 2" xfId="7940"/>
    <cellStyle name="Обычный 2 3 13 2 2 10" xfId="7941"/>
    <cellStyle name="Обычный 2 3 13 2 2 2" xfId="7942"/>
    <cellStyle name="Обычный 2 3 13 2 2 2 2" xfId="7943"/>
    <cellStyle name="Обычный 2 3 13 2 2 2 2 2" xfId="7944"/>
    <cellStyle name="Обычный 2 3 13 2 2 2 2 2 2" xfId="7945"/>
    <cellStyle name="Обычный 2 3 13 2 2 2 2 3" xfId="7946"/>
    <cellStyle name="Обычный 2 3 13 2 2 2 2 3 2" xfId="7947"/>
    <cellStyle name="Обычный 2 3 13 2 2 2 2 4" xfId="7948"/>
    <cellStyle name="Обычный 2 3 13 2 2 2 3" xfId="7949"/>
    <cellStyle name="Обычный 2 3 13 2 2 2 3 2" xfId="7950"/>
    <cellStyle name="Обычный 2 3 13 2 2 2 4" xfId="7951"/>
    <cellStyle name="Обычный 2 3 13 2 2 2 4 2" xfId="7952"/>
    <cellStyle name="Обычный 2 3 13 2 2 2 5" xfId="7953"/>
    <cellStyle name="Обычный 2 3 13 2 2 2 5 2" xfId="7954"/>
    <cellStyle name="Обычный 2 3 13 2 2 2 6" xfId="7955"/>
    <cellStyle name="Обычный 2 3 13 2 2 3" xfId="7956"/>
    <cellStyle name="Обычный 2 3 13 2 2 3 2" xfId="7957"/>
    <cellStyle name="Обычный 2 3 13 2 2 3 2 2" xfId="7958"/>
    <cellStyle name="Обычный 2 3 13 2 2 3 2 2 2" xfId="7959"/>
    <cellStyle name="Обычный 2 3 13 2 2 3 2 3" xfId="7960"/>
    <cellStyle name="Обычный 2 3 13 2 2 3 2 3 2" xfId="7961"/>
    <cellStyle name="Обычный 2 3 13 2 2 3 2 4" xfId="7962"/>
    <cellStyle name="Обычный 2 3 13 2 2 3 3" xfId="7963"/>
    <cellStyle name="Обычный 2 3 13 2 2 3 3 2" xfId="7964"/>
    <cellStyle name="Обычный 2 3 13 2 2 3 4" xfId="7965"/>
    <cellStyle name="Обычный 2 3 13 2 2 3 4 2" xfId="7966"/>
    <cellStyle name="Обычный 2 3 13 2 2 3 5" xfId="7967"/>
    <cellStyle name="Обычный 2 3 13 2 2 3 5 2" xfId="7968"/>
    <cellStyle name="Обычный 2 3 13 2 2 3 6" xfId="7969"/>
    <cellStyle name="Обычный 2 3 13 2 2 4" xfId="7970"/>
    <cellStyle name="Обычный 2 3 13 2 2 4 2" xfId="7971"/>
    <cellStyle name="Обычный 2 3 13 2 2 4 2 2" xfId="7972"/>
    <cellStyle name="Обычный 2 3 13 2 2 4 2 2 2" xfId="7973"/>
    <cellStyle name="Обычный 2 3 13 2 2 4 2 3" xfId="7974"/>
    <cellStyle name="Обычный 2 3 13 2 2 4 2 3 2" xfId="7975"/>
    <cellStyle name="Обычный 2 3 13 2 2 4 2 4" xfId="7976"/>
    <cellStyle name="Обычный 2 3 13 2 2 4 3" xfId="7977"/>
    <cellStyle name="Обычный 2 3 13 2 2 4 3 2" xfId="7978"/>
    <cellStyle name="Обычный 2 3 13 2 2 4 4" xfId="7979"/>
    <cellStyle name="Обычный 2 3 13 2 2 4 4 2" xfId="7980"/>
    <cellStyle name="Обычный 2 3 13 2 2 4 5" xfId="7981"/>
    <cellStyle name="Обычный 2 3 13 2 2 4 5 2" xfId="7982"/>
    <cellStyle name="Обычный 2 3 13 2 2 4 6" xfId="7983"/>
    <cellStyle name="Обычный 2 3 13 2 2 5" xfId="7984"/>
    <cellStyle name="Обычный 2 3 13 2 2 5 2" xfId="7985"/>
    <cellStyle name="Обычный 2 3 13 2 2 5 2 2" xfId="7986"/>
    <cellStyle name="Обычный 2 3 13 2 2 5 2 2 2" xfId="7987"/>
    <cellStyle name="Обычный 2 3 13 2 2 5 2 3" xfId="7988"/>
    <cellStyle name="Обычный 2 3 13 2 2 5 2 3 2" xfId="7989"/>
    <cellStyle name="Обычный 2 3 13 2 2 5 2 4" xfId="7990"/>
    <cellStyle name="Обычный 2 3 13 2 2 5 3" xfId="7991"/>
    <cellStyle name="Обычный 2 3 13 2 2 5 3 2" xfId="7992"/>
    <cellStyle name="Обычный 2 3 13 2 2 5 4" xfId="7993"/>
    <cellStyle name="Обычный 2 3 13 2 2 5 4 2" xfId="7994"/>
    <cellStyle name="Обычный 2 3 13 2 2 5 5" xfId="7995"/>
    <cellStyle name="Обычный 2 3 13 2 2 5 5 2" xfId="7996"/>
    <cellStyle name="Обычный 2 3 13 2 2 5 6" xfId="7997"/>
    <cellStyle name="Обычный 2 3 13 2 2 6" xfId="7998"/>
    <cellStyle name="Обычный 2 3 13 2 2 6 2" xfId="7999"/>
    <cellStyle name="Обычный 2 3 13 2 2 6 2 2" xfId="8000"/>
    <cellStyle name="Обычный 2 3 13 2 2 6 3" xfId="8001"/>
    <cellStyle name="Обычный 2 3 13 2 2 6 3 2" xfId="8002"/>
    <cellStyle name="Обычный 2 3 13 2 2 6 4" xfId="8003"/>
    <cellStyle name="Обычный 2 3 13 2 2 7" xfId="8004"/>
    <cellStyle name="Обычный 2 3 13 2 2 7 2" xfId="8005"/>
    <cellStyle name="Обычный 2 3 13 2 2 8" xfId="8006"/>
    <cellStyle name="Обычный 2 3 13 2 2 8 2" xfId="8007"/>
    <cellStyle name="Обычный 2 3 13 2 2 9" xfId="8008"/>
    <cellStyle name="Обычный 2 3 13 2 2 9 2" xfId="8009"/>
    <cellStyle name="Обычный 2 3 13 2 3" xfId="8010"/>
    <cellStyle name="Обычный 2 3 13 2 3 2" xfId="8011"/>
    <cellStyle name="Обычный 2 3 13 2 3 2 2" xfId="8012"/>
    <cellStyle name="Обычный 2 3 13 2 3 2 2 2" xfId="8013"/>
    <cellStyle name="Обычный 2 3 13 2 3 2 2 2 2" xfId="8014"/>
    <cellStyle name="Обычный 2 3 13 2 3 2 2 3" xfId="8015"/>
    <cellStyle name="Обычный 2 3 13 2 3 2 2 3 2" xfId="8016"/>
    <cellStyle name="Обычный 2 3 13 2 3 2 2 4" xfId="8017"/>
    <cellStyle name="Обычный 2 3 13 2 3 2 3" xfId="8018"/>
    <cellStyle name="Обычный 2 3 13 2 3 2 3 2" xfId="8019"/>
    <cellStyle name="Обычный 2 3 13 2 3 2 4" xfId="8020"/>
    <cellStyle name="Обычный 2 3 13 2 3 2 4 2" xfId="8021"/>
    <cellStyle name="Обычный 2 3 13 2 3 2 5" xfId="8022"/>
    <cellStyle name="Обычный 2 3 13 2 3 2 5 2" xfId="8023"/>
    <cellStyle name="Обычный 2 3 13 2 3 2 6" xfId="8024"/>
    <cellStyle name="Обычный 2 3 13 2 3 3" xfId="8025"/>
    <cellStyle name="Обычный 2 3 13 2 3 3 2" xfId="8026"/>
    <cellStyle name="Обычный 2 3 13 2 3 3 2 2" xfId="8027"/>
    <cellStyle name="Обычный 2 3 13 2 3 3 2 2 2" xfId="8028"/>
    <cellStyle name="Обычный 2 3 13 2 3 3 2 3" xfId="8029"/>
    <cellStyle name="Обычный 2 3 13 2 3 3 2 3 2" xfId="8030"/>
    <cellStyle name="Обычный 2 3 13 2 3 3 2 4" xfId="8031"/>
    <cellStyle name="Обычный 2 3 13 2 3 3 3" xfId="8032"/>
    <cellStyle name="Обычный 2 3 13 2 3 3 3 2" xfId="8033"/>
    <cellStyle name="Обычный 2 3 13 2 3 3 4" xfId="8034"/>
    <cellStyle name="Обычный 2 3 13 2 3 3 4 2" xfId="8035"/>
    <cellStyle name="Обычный 2 3 13 2 3 3 5" xfId="8036"/>
    <cellStyle name="Обычный 2 3 13 2 3 3 5 2" xfId="8037"/>
    <cellStyle name="Обычный 2 3 13 2 3 3 6" xfId="8038"/>
    <cellStyle name="Обычный 2 3 13 2 3 4" xfId="8039"/>
    <cellStyle name="Обычный 2 3 13 2 3 4 2" xfId="8040"/>
    <cellStyle name="Обычный 2 3 13 2 3 4 2 2" xfId="8041"/>
    <cellStyle name="Обычный 2 3 13 2 3 4 2 2 2" xfId="8042"/>
    <cellStyle name="Обычный 2 3 13 2 3 4 2 3" xfId="8043"/>
    <cellStyle name="Обычный 2 3 13 2 3 4 2 3 2" xfId="8044"/>
    <cellStyle name="Обычный 2 3 13 2 3 4 2 4" xfId="8045"/>
    <cellStyle name="Обычный 2 3 13 2 3 4 3" xfId="8046"/>
    <cellStyle name="Обычный 2 3 13 2 3 4 3 2" xfId="8047"/>
    <cellStyle name="Обычный 2 3 13 2 3 4 4" xfId="8048"/>
    <cellStyle name="Обычный 2 3 13 2 3 4 4 2" xfId="8049"/>
    <cellStyle name="Обычный 2 3 13 2 3 4 5" xfId="8050"/>
    <cellStyle name="Обычный 2 3 13 2 3 4 5 2" xfId="8051"/>
    <cellStyle name="Обычный 2 3 13 2 3 4 6" xfId="8052"/>
    <cellStyle name="Обычный 2 3 13 2 3 5" xfId="8053"/>
    <cellStyle name="Обычный 2 3 13 2 3 5 2" xfId="8054"/>
    <cellStyle name="Обычный 2 3 13 2 3 5 2 2" xfId="8055"/>
    <cellStyle name="Обычный 2 3 13 2 3 5 3" xfId="8056"/>
    <cellStyle name="Обычный 2 3 13 2 3 5 3 2" xfId="8057"/>
    <cellStyle name="Обычный 2 3 13 2 3 5 4" xfId="8058"/>
    <cellStyle name="Обычный 2 3 13 2 3 6" xfId="8059"/>
    <cellStyle name="Обычный 2 3 13 2 3 6 2" xfId="8060"/>
    <cellStyle name="Обычный 2 3 13 2 3 7" xfId="8061"/>
    <cellStyle name="Обычный 2 3 13 2 3 7 2" xfId="8062"/>
    <cellStyle name="Обычный 2 3 13 2 3 8" xfId="8063"/>
    <cellStyle name="Обычный 2 3 13 2 3 8 2" xfId="8064"/>
    <cellStyle name="Обычный 2 3 13 2 3 9" xfId="8065"/>
    <cellStyle name="Обычный 2 3 13 2 4" xfId="8066"/>
    <cellStyle name="Обычный 2 3 13 2 4 2" xfId="8067"/>
    <cellStyle name="Обычный 2 3 13 2 4 2 2" xfId="8068"/>
    <cellStyle name="Обычный 2 3 13 2 4 2 2 2" xfId="8069"/>
    <cellStyle name="Обычный 2 3 13 2 4 2 3" xfId="8070"/>
    <cellStyle name="Обычный 2 3 13 2 4 2 3 2" xfId="8071"/>
    <cellStyle name="Обычный 2 3 13 2 4 2 4" xfId="8072"/>
    <cellStyle name="Обычный 2 3 13 2 4 3" xfId="8073"/>
    <cellStyle name="Обычный 2 3 13 2 4 3 2" xfId="8074"/>
    <cellStyle name="Обычный 2 3 13 2 4 4" xfId="8075"/>
    <cellStyle name="Обычный 2 3 13 2 4 4 2" xfId="8076"/>
    <cellStyle name="Обычный 2 3 13 2 4 5" xfId="8077"/>
    <cellStyle name="Обычный 2 3 13 2 4 5 2" xfId="8078"/>
    <cellStyle name="Обычный 2 3 13 2 4 6" xfId="8079"/>
    <cellStyle name="Обычный 2 3 13 2 5" xfId="8080"/>
    <cellStyle name="Обычный 2 3 13 2 5 2" xfId="8081"/>
    <cellStyle name="Обычный 2 3 13 2 5 2 2" xfId="8082"/>
    <cellStyle name="Обычный 2 3 13 2 5 2 2 2" xfId="8083"/>
    <cellStyle name="Обычный 2 3 13 2 5 2 3" xfId="8084"/>
    <cellStyle name="Обычный 2 3 13 2 5 2 3 2" xfId="8085"/>
    <cellStyle name="Обычный 2 3 13 2 5 2 4" xfId="8086"/>
    <cellStyle name="Обычный 2 3 13 2 5 3" xfId="8087"/>
    <cellStyle name="Обычный 2 3 13 2 5 3 2" xfId="8088"/>
    <cellStyle name="Обычный 2 3 13 2 5 4" xfId="8089"/>
    <cellStyle name="Обычный 2 3 13 2 5 4 2" xfId="8090"/>
    <cellStyle name="Обычный 2 3 13 2 5 5" xfId="8091"/>
    <cellStyle name="Обычный 2 3 13 2 5 5 2" xfId="8092"/>
    <cellStyle name="Обычный 2 3 13 2 5 6" xfId="8093"/>
    <cellStyle name="Обычный 2 3 13 2 6" xfId="8094"/>
    <cellStyle name="Обычный 2 3 13 2 6 2" xfId="8095"/>
    <cellStyle name="Обычный 2 3 13 2 6 2 2" xfId="8096"/>
    <cellStyle name="Обычный 2 3 13 2 6 2 2 2" xfId="8097"/>
    <cellStyle name="Обычный 2 3 13 2 6 2 3" xfId="8098"/>
    <cellStyle name="Обычный 2 3 13 2 6 2 3 2" xfId="8099"/>
    <cellStyle name="Обычный 2 3 13 2 6 2 4" xfId="8100"/>
    <cellStyle name="Обычный 2 3 13 2 6 3" xfId="8101"/>
    <cellStyle name="Обычный 2 3 13 2 6 3 2" xfId="8102"/>
    <cellStyle name="Обычный 2 3 13 2 6 4" xfId="8103"/>
    <cellStyle name="Обычный 2 3 13 2 6 4 2" xfId="8104"/>
    <cellStyle name="Обычный 2 3 13 2 6 5" xfId="8105"/>
    <cellStyle name="Обычный 2 3 13 2 6 5 2" xfId="8106"/>
    <cellStyle name="Обычный 2 3 13 2 6 6" xfId="8107"/>
    <cellStyle name="Обычный 2 3 13 2 7" xfId="8108"/>
    <cellStyle name="Обычный 2 3 13 2 7 2" xfId="8109"/>
    <cellStyle name="Обычный 2 3 13 2 7 2 2" xfId="8110"/>
    <cellStyle name="Обычный 2 3 13 2 7 2 2 2" xfId="8111"/>
    <cellStyle name="Обычный 2 3 13 2 7 2 3" xfId="8112"/>
    <cellStyle name="Обычный 2 3 13 2 7 2 3 2" xfId="8113"/>
    <cellStyle name="Обычный 2 3 13 2 7 2 4" xfId="8114"/>
    <cellStyle name="Обычный 2 3 13 2 7 3" xfId="8115"/>
    <cellStyle name="Обычный 2 3 13 2 7 3 2" xfId="8116"/>
    <cellStyle name="Обычный 2 3 13 2 7 4" xfId="8117"/>
    <cellStyle name="Обычный 2 3 13 2 7 4 2" xfId="8118"/>
    <cellStyle name="Обычный 2 3 13 2 7 5" xfId="8119"/>
    <cellStyle name="Обычный 2 3 13 2 7 5 2" xfId="8120"/>
    <cellStyle name="Обычный 2 3 13 2 7 6" xfId="8121"/>
    <cellStyle name="Обычный 2 3 13 2 8" xfId="8122"/>
    <cellStyle name="Обычный 2 3 13 2 8 2" xfId="8123"/>
    <cellStyle name="Обычный 2 3 13 2 8 2 2" xfId="8124"/>
    <cellStyle name="Обычный 2 3 13 2 8 3" xfId="8125"/>
    <cellStyle name="Обычный 2 3 13 2 8 3 2" xfId="8126"/>
    <cellStyle name="Обычный 2 3 13 2 8 4" xfId="8127"/>
    <cellStyle name="Обычный 2 3 13 2 9" xfId="8128"/>
    <cellStyle name="Обычный 2 3 13 2 9 2" xfId="8129"/>
    <cellStyle name="Обычный 2 3 13 2 9 2 2" xfId="8130"/>
    <cellStyle name="Обычный 2 3 13 2 9 3" xfId="8131"/>
    <cellStyle name="Обычный 2 3 13 3" xfId="8132"/>
    <cellStyle name="Обычный 2 3 13 3 10" xfId="8133"/>
    <cellStyle name="Обычный 2 3 13 3 2" xfId="8134"/>
    <cellStyle name="Обычный 2 3 13 3 2 2" xfId="8135"/>
    <cellStyle name="Обычный 2 3 13 3 2 2 2" xfId="8136"/>
    <cellStyle name="Обычный 2 3 13 3 2 2 2 2" xfId="8137"/>
    <cellStyle name="Обычный 2 3 13 3 2 2 3" xfId="8138"/>
    <cellStyle name="Обычный 2 3 13 3 2 2 3 2" xfId="8139"/>
    <cellStyle name="Обычный 2 3 13 3 2 2 4" xfId="8140"/>
    <cellStyle name="Обычный 2 3 13 3 2 3" xfId="8141"/>
    <cellStyle name="Обычный 2 3 13 3 2 3 2" xfId="8142"/>
    <cellStyle name="Обычный 2 3 13 3 2 4" xfId="8143"/>
    <cellStyle name="Обычный 2 3 13 3 2 4 2" xfId="8144"/>
    <cellStyle name="Обычный 2 3 13 3 2 5" xfId="8145"/>
    <cellStyle name="Обычный 2 3 13 3 2 5 2" xfId="8146"/>
    <cellStyle name="Обычный 2 3 13 3 2 6" xfId="8147"/>
    <cellStyle name="Обычный 2 3 13 3 3" xfId="8148"/>
    <cellStyle name="Обычный 2 3 13 3 3 2" xfId="8149"/>
    <cellStyle name="Обычный 2 3 13 3 3 2 2" xfId="8150"/>
    <cellStyle name="Обычный 2 3 13 3 3 2 2 2" xfId="8151"/>
    <cellStyle name="Обычный 2 3 13 3 3 2 3" xfId="8152"/>
    <cellStyle name="Обычный 2 3 13 3 3 2 3 2" xfId="8153"/>
    <cellStyle name="Обычный 2 3 13 3 3 2 4" xfId="8154"/>
    <cellStyle name="Обычный 2 3 13 3 3 3" xfId="8155"/>
    <cellStyle name="Обычный 2 3 13 3 3 3 2" xfId="8156"/>
    <cellStyle name="Обычный 2 3 13 3 3 4" xfId="8157"/>
    <cellStyle name="Обычный 2 3 13 3 3 4 2" xfId="8158"/>
    <cellStyle name="Обычный 2 3 13 3 3 5" xfId="8159"/>
    <cellStyle name="Обычный 2 3 13 3 3 5 2" xfId="8160"/>
    <cellStyle name="Обычный 2 3 13 3 3 6" xfId="8161"/>
    <cellStyle name="Обычный 2 3 13 3 4" xfId="8162"/>
    <cellStyle name="Обычный 2 3 13 3 4 2" xfId="8163"/>
    <cellStyle name="Обычный 2 3 13 3 4 2 2" xfId="8164"/>
    <cellStyle name="Обычный 2 3 13 3 4 2 2 2" xfId="8165"/>
    <cellStyle name="Обычный 2 3 13 3 4 2 3" xfId="8166"/>
    <cellStyle name="Обычный 2 3 13 3 4 2 3 2" xfId="8167"/>
    <cellStyle name="Обычный 2 3 13 3 4 2 4" xfId="8168"/>
    <cellStyle name="Обычный 2 3 13 3 4 3" xfId="8169"/>
    <cellStyle name="Обычный 2 3 13 3 4 3 2" xfId="8170"/>
    <cellStyle name="Обычный 2 3 13 3 4 4" xfId="8171"/>
    <cellStyle name="Обычный 2 3 13 3 4 4 2" xfId="8172"/>
    <cellStyle name="Обычный 2 3 13 3 4 5" xfId="8173"/>
    <cellStyle name="Обычный 2 3 13 3 4 5 2" xfId="8174"/>
    <cellStyle name="Обычный 2 3 13 3 4 6" xfId="8175"/>
    <cellStyle name="Обычный 2 3 13 3 5" xfId="8176"/>
    <cellStyle name="Обычный 2 3 13 3 5 2" xfId="8177"/>
    <cellStyle name="Обычный 2 3 13 3 5 2 2" xfId="8178"/>
    <cellStyle name="Обычный 2 3 13 3 5 2 2 2" xfId="8179"/>
    <cellStyle name="Обычный 2 3 13 3 5 2 3" xfId="8180"/>
    <cellStyle name="Обычный 2 3 13 3 5 2 3 2" xfId="8181"/>
    <cellStyle name="Обычный 2 3 13 3 5 2 4" xfId="8182"/>
    <cellStyle name="Обычный 2 3 13 3 5 3" xfId="8183"/>
    <cellStyle name="Обычный 2 3 13 3 5 3 2" xfId="8184"/>
    <cellStyle name="Обычный 2 3 13 3 5 4" xfId="8185"/>
    <cellStyle name="Обычный 2 3 13 3 5 4 2" xfId="8186"/>
    <cellStyle name="Обычный 2 3 13 3 5 5" xfId="8187"/>
    <cellStyle name="Обычный 2 3 13 3 5 5 2" xfId="8188"/>
    <cellStyle name="Обычный 2 3 13 3 5 6" xfId="8189"/>
    <cellStyle name="Обычный 2 3 13 3 6" xfId="8190"/>
    <cellStyle name="Обычный 2 3 13 3 6 2" xfId="8191"/>
    <cellStyle name="Обычный 2 3 13 3 6 2 2" xfId="8192"/>
    <cellStyle name="Обычный 2 3 13 3 6 3" xfId="8193"/>
    <cellStyle name="Обычный 2 3 13 3 6 3 2" xfId="8194"/>
    <cellStyle name="Обычный 2 3 13 3 6 4" xfId="8195"/>
    <cellStyle name="Обычный 2 3 13 3 7" xfId="8196"/>
    <cellStyle name="Обычный 2 3 13 3 7 2" xfId="8197"/>
    <cellStyle name="Обычный 2 3 13 3 8" xfId="8198"/>
    <cellStyle name="Обычный 2 3 13 3 8 2" xfId="8199"/>
    <cellStyle name="Обычный 2 3 13 3 9" xfId="8200"/>
    <cellStyle name="Обычный 2 3 13 3 9 2" xfId="8201"/>
    <cellStyle name="Обычный 2 3 13 4" xfId="8202"/>
    <cellStyle name="Обычный 2 3 13 4 2" xfId="8203"/>
    <cellStyle name="Обычный 2 3 13 4 2 2" xfId="8204"/>
    <cellStyle name="Обычный 2 3 13 4 2 2 2" xfId="8205"/>
    <cellStyle name="Обычный 2 3 13 4 2 2 2 2" xfId="8206"/>
    <cellStyle name="Обычный 2 3 13 4 2 2 3" xfId="8207"/>
    <cellStyle name="Обычный 2 3 13 4 2 2 3 2" xfId="8208"/>
    <cellStyle name="Обычный 2 3 13 4 2 2 4" xfId="8209"/>
    <cellStyle name="Обычный 2 3 13 4 2 3" xfId="8210"/>
    <cellStyle name="Обычный 2 3 13 4 2 3 2" xfId="8211"/>
    <cellStyle name="Обычный 2 3 13 4 2 4" xfId="8212"/>
    <cellStyle name="Обычный 2 3 13 4 2 4 2" xfId="8213"/>
    <cellStyle name="Обычный 2 3 13 4 2 5" xfId="8214"/>
    <cellStyle name="Обычный 2 3 13 4 2 5 2" xfId="8215"/>
    <cellStyle name="Обычный 2 3 13 4 2 6" xfId="8216"/>
    <cellStyle name="Обычный 2 3 13 4 3" xfId="8217"/>
    <cellStyle name="Обычный 2 3 13 4 3 2" xfId="8218"/>
    <cellStyle name="Обычный 2 3 13 4 3 2 2" xfId="8219"/>
    <cellStyle name="Обычный 2 3 13 4 3 2 2 2" xfId="8220"/>
    <cellStyle name="Обычный 2 3 13 4 3 2 3" xfId="8221"/>
    <cellStyle name="Обычный 2 3 13 4 3 2 3 2" xfId="8222"/>
    <cellStyle name="Обычный 2 3 13 4 3 2 4" xfId="8223"/>
    <cellStyle name="Обычный 2 3 13 4 3 3" xfId="8224"/>
    <cellStyle name="Обычный 2 3 13 4 3 3 2" xfId="8225"/>
    <cellStyle name="Обычный 2 3 13 4 3 4" xfId="8226"/>
    <cellStyle name="Обычный 2 3 13 4 3 4 2" xfId="8227"/>
    <cellStyle name="Обычный 2 3 13 4 3 5" xfId="8228"/>
    <cellStyle name="Обычный 2 3 13 4 3 5 2" xfId="8229"/>
    <cellStyle name="Обычный 2 3 13 4 3 6" xfId="8230"/>
    <cellStyle name="Обычный 2 3 13 4 4" xfId="8231"/>
    <cellStyle name="Обычный 2 3 13 4 4 2" xfId="8232"/>
    <cellStyle name="Обычный 2 3 13 4 4 2 2" xfId="8233"/>
    <cellStyle name="Обычный 2 3 13 4 4 2 2 2" xfId="8234"/>
    <cellStyle name="Обычный 2 3 13 4 4 2 3" xfId="8235"/>
    <cellStyle name="Обычный 2 3 13 4 4 2 3 2" xfId="8236"/>
    <cellStyle name="Обычный 2 3 13 4 4 2 4" xfId="8237"/>
    <cellStyle name="Обычный 2 3 13 4 4 3" xfId="8238"/>
    <cellStyle name="Обычный 2 3 13 4 4 3 2" xfId="8239"/>
    <cellStyle name="Обычный 2 3 13 4 4 4" xfId="8240"/>
    <cellStyle name="Обычный 2 3 13 4 4 4 2" xfId="8241"/>
    <cellStyle name="Обычный 2 3 13 4 4 5" xfId="8242"/>
    <cellStyle name="Обычный 2 3 13 4 4 5 2" xfId="8243"/>
    <cellStyle name="Обычный 2 3 13 4 4 6" xfId="8244"/>
    <cellStyle name="Обычный 2 3 13 4 5" xfId="8245"/>
    <cellStyle name="Обычный 2 3 13 4 5 2" xfId="8246"/>
    <cellStyle name="Обычный 2 3 13 4 5 2 2" xfId="8247"/>
    <cellStyle name="Обычный 2 3 13 4 5 3" xfId="8248"/>
    <cellStyle name="Обычный 2 3 13 4 5 3 2" xfId="8249"/>
    <cellStyle name="Обычный 2 3 13 4 5 4" xfId="8250"/>
    <cellStyle name="Обычный 2 3 13 4 6" xfId="8251"/>
    <cellStyle name="Обычный 2 3 13 4 6 2" xfId="8252"/>
    <cellStyle name="Обычный 2 3 13 4 7" xfId="8253"/>
    <cellStyle name="Обычный 2 3 13 4 7 2" xfId="8254"/>
    <cellStyle name="Обычный 2 3 13 4 8" xfId="8255"/>
    <cellStyle name="Обычный 2 3 13 4 8 2" xfId="8256"/>
    <cellStyle name="Обычный 2 3 13 4 9" xfId="8257"/>
    <cellStyle name="Обычный 2 3 13 5" xfId="8258"/>
    <cellStyle name="Обычный 2 3 13 5 2" xfId="8259"/>
    <cellStyle name="Обычный 2 3 13 5 2 2" xfId="8260"/>
    <cellStyle name="Обычный 2 3 13 5 2 2 2" xfId="8261"/>
    <cellStyle name="Обычный 2 3 13 5 2 3" xfId="8262"/>
    <cellStyle name="Обычный 2 3 13 5 2 3 2" xfId="8263"/>
    <cellStyle name="Обычный 2 3 13 5 2 4" xfId="8264"/>
    <cellStyle name="Обычный 2 3 13 5 3" xfId="8265"/>
    <cellStyle name="Обычный 2 3 13 5 3 2" xfId="8266"/>
    <cellStyle name="Обычный 2 3 13 5 4" xfId="8267"/>
    <cellStyle name="Обычный 2 3 13 5 4 2" xfId="8268"/>
    <cellStyle name="Обычный 2 3 13 5 5" xfId="8269"/>
    <cellStyle name="Обычный 2 3 13 5 5 2" xfId="8270"/>
    <cellStyle name="Обычный 2 3 13 5 6" xfId="8271"/>
    <cellStyle name="Обычный 2 3 13 6" xfId="8272"/>
    <cellStyle name="Обычный 2 3 13 6 2" xfId="8273"/>
    <cellStyle name="Обычный 2 3 13 6 2 2" xfId="8274"/>
    <cellStyle name="Обычный 2 3 13 6 2 2 2" xfId="8275"/>
    <cellStyle name="Обычный 2 3 13 6 2 3" xfId="8276"/>
    <cellStyle name="Обычный 2 3 13 6 2 3 2" xfId="8277"/>
    <cellStyle name="Обычный 2 3 13 6 2 4" xfId="8278"/>
    <cellStyle name="Обычный 2 3 13 6 3" xfId="8279"/>
    <cellStyle name="Обычный 2 3 13 6 3 2" xfId="8280"/>
    <cellStyle name="Обычный 2 3 13 6 4" xfId="8281"/>
    <cellStyle name="Обычный 2 3 13 6 4 2" xfId="8282"/>
    <cellStyle name="Обычный 2 3 13 6 5" xfId="8283"/>
    <cellStyle name="Обычный 2 3 13 6 5 2" xfId="8284"/>
    <cellStyle name="Обычный 2 3 13 6 6" xfId="8285"/>
    <cellStyle name="Обычный 2 3 13 7" xfId="8286"/>
    <cellStyle name="Обычный 2 3 13 7 2" xfId="8287"/>
    <cellStyle name="Обычный 2 3 13 7 2 2" xfId="8288"/>
    <cellStyle name="Обычный 2 3 13 7 2 2 2" xfId="8289"/>
    <cellStyle name="Обычный 2 3 13 7 2 3" xfId="8290"/>
    <cellStyle name="Обычный 2 3 13 7 2 3 2" xfId="8291"/>
    <cellStyle name="Обычный 2 3 13 7 2 4" xfId="8292"/>
    <cellStyle name="Обычный 2 3 13 7 3" xfId="8293"/>
    <cellStyle name="Обычный 2 3 13 7 3 2" xfId="8294"/>
    <cellStyle name="Обычный 2 3 13 7 4" xfId="8295"/>
    <cellStyle name="Обычный 2 3 13 7 4 2" xfId="8296"/>
    <cellStyle name="Обычный 2 3 13 7 5" xfId="8297"/>
    <cellStyle name="Обычный 2 3 13 7 5 2" xfId="8298"/>
    <cellStyle name="Обычный 2 3 13 7 6" xfId="8299"/>
    <cellStyle name="Обычный 2 3 13 8" xfId="8300"/>
    <cellStyle name="Обычный 2 3 13 8 2" xfId="8301"/>
    <cellStyle name="Обычный 2 3 13 8 2 2" xfId="8302"/>
    <cellStyle name="Обычный 2 3 13 8 2 2 2" xfId="8303"/>
    <cellStyle name="Обычный 2 3 13 8 2 3" xfId="8304"/>
    <cellStyle name="Обычный 2 3 13 8 2 3 2" xfId="8305"/>
    <cellStyle name="Обычный 2 3 13 8 2 4" xfId="8306"/>
    <cellStyle name="Обычный 2 3 13 8 3" xfId="8307"/>
    <cellStyle name="Обычный 2 3 13 8 3 2" xfId="8308"/>
    <cellStyle name="Обычный 2 3 13 8 4" xfId="8309"/>
    <cellStyle name="Обычный 2 3 13 8 4 2" xfId="8310"/>
    <cellStyle name="Обычный 2 3 13 8 5" xfId="8311"/>
    <cellStyle name="Обычный 2 3 13 8 5 2" xfId="8312"/>
    <cellStyle name="Обычный 2 3 13 8 6" xfId="8313"/>
    <cellStyle name="Обычный 2 3 13 9" xfId="8314"/>
    <cellStyle name="Обычный 2 3 13 9 2" xfId="8315"/>
    <cellStyle name="Обычный 2 3 13 9 2 2" xfId="8316"/>
    <cellStyle name="Обычный 2 3 13 9 3" xfId="8317"/>
    <cellStyle name="Обычный 2 3 13 9 3 2" xfId="8318"/>
    <cellStyle name="Обычный 2 3 13 9 4" xfId="8319"/>
    <cellStyle name="Обычный 2 3 14" xfId="8320"/>
    <cellStyle name="Обычный 2 3 14 10" xfId="8321"/>
    <cellStyle name="Обычный 2 3 14 10 2" xfId="8322"/>
    <cellStyle name="Обычный 2 3 14 10 2 2" xfId="8323"/>
    <cellStyle name="Обычный 2 3 14 10 3" xfId="8324"/>
    <cellStyle name="Обычный 2 3 14 11" xfId="8325"/>
    <cellStyle name="Обычный 2 3 14 11 2" xfId="8326"/>
    <cellStyle name="Обычный 2 3 14 12" xfId="8327"/>
    <cellStyle name="Обычный 2 3 14 12 2" xfId="8328"/>
    <cellStyle name="Обычный 2 3 14 13" xfId="8329"/>
    <cellStyle name="Обычный 2 3 14 14" xfId="8330"/>
    <cellStyle name="Обычный 2 3 14 2" xfId="8331"/>
    <cellStyle name="Обычный 2 3 14 2 10" xfId="8332"/>
    <cellStyle name="Обычный 2 3 14 2 10 2" xfId="8333"/>
    <cellStyle name="Обычный 2 3 14 2 11" xfId="8334"/>
    <cellStyle name="Обычный 2 3 14 2 11 2" xfId="8335"/>
    <cellStyle name="Обычный 2 3 14 2 12" xfId="8336"/>
    <cellStyle name="Обычный 2 3 14 2 13" xfId="8337"/>
    <cellStyle name="Обычный 2 3 14 2 2" xfId="8338"/>
    <cellStyle name="Обычный 2 3 14 2 2 10" xfId="8339"/>
    <cellStyle name="Обычный 2 3 14 2 2 2" xfId="8340"/>
    <cellStyle name="Обычный 2 3 14 2 2 2 2" xfId="8341"/>
    <cellStyle name="Обычный 2 3 14 2 2 2 2 2" xfId="8342"/>
    <cellStyle name="Обычный 2 3 14 2 2 2 2 2 2" xfId="8343"/>
    <cellStyle name="Обычный 2 3 14 2 2 2 2 3" xfId="8344"/>
    <cellStyle name="Обычный 2 3 14 2 2 2 2 3 2" xfId="8345"/>
    <cellStyle name="Обычный 2 3 14 2 2 2 2 4" xfId="8346"/>
    <cellStyle name="Обычный 2 3 14 2 2 2 3" xfId="8347"/>
    <cellStyle name="Обычный 2 3 14 2 2 2 3 2" xfId="8348"/>
    <cellStyle name="Обычный 2 3 14 2 2 2 4" xfId="8349"/>
    <cellStyle name="Обычный 2 3 14 2 2 2 4 2" xfId="8350"/>
    <cellStyle name="Обычный 2 3 14 2 2 2 5" xfId="8351"/>
    <cellStyle name="Обычный 2 3 14 2 2 2 5 2" xfId="8352"/>
    <cellStyle name="Обычный 2 3 14 2 2 2 6" xfId="8353"/>
    <cellStyle name="Обычный 2 3 14 2 2 3" xfId="8354"/>
    <cellStyle name="Обычный 2 3 14 2 2 3 2" xfId="8355"/>
    <cellStyle name="Обычный 2 3 14 2 2 3 2 2" xfId="8356"/>
    <cellStyle name="Обычный 2 3 14 2 2 3 2 2 2" xfId="8357"/>
    <cellStyle name="Обычный 2 3 14 2 2 3 2 3" xfId="8358"/>
    <cellStyle name="Обычный 2 3 14 2 2 3 2 3 2" xfId="8359"/>
    <cellStyle name="Обычный 2 3 14 2 2 3 2 4" xfId="8360"/>
    <cellStyle name="Обычный 2 3 14 2 2 3 3" xfId="8361"/>
    <cellStyle name="Обычный 2 3 14 2 2 3 3 2" xfId="8362"/>
    <cellStyle name="Обычный 2 3 14 2 2 3 4" xfId="8363"/>
    <cellStyle name="Обычный 2 3 14 2 2 3 4 2" xfId="8364"/>
    <cellStyle name="Обычный 2 3 14 2 2 3 5" xfId="8365"/>
    <cellStyle name="Обычный 2 3 14 2 2 3 5 2" xfId="8366"/>
    <cellStyle name="Обычный 2 3 14 2 2 3 6" xfId="8367"/>
    <cellStyle name="Обычный 2 3 14 2 2 4" xfId="8368"/>
    <cellStyle name="Обычный 2 3 14 2 2 4 2" xfId="8369"/>
    <cellStyle name="Обычный 2 3 14 2 2 4 2 2" xfId="8370"/>
    <cellStyle name="Обычный 2 3 14 2 2 4 2 2 2" xfId="8371"/>
    <cellStyle name="Обычный 2 3 14 2 2 4 2 3" xfId="8372"/>
    <cellStyle name="Обычный 2 3 14 2 2 4 2 3 2" xfId="8373"/>
    <cellStyle name="Обычный 2 3 14 2 2 4 2 4" xfId="8374"/>
    <cellStyle name="Обычный 2 3 14 2 2 4 3" xfId="8375"/>
    <cellStyle name="Обычный 2 3 14 2 2 4 3 2" xfId="8376"/>
    <cellStyle name="Обычный 2 3 14 2 2 4 4" xfId="8377"/>
    <cellStyle name="Обычный 2 3 14 2 2 4 4 2" xfId="8378"/>
    <cellStyle name="Обычный 2 3 14 2 2 4 5" xfId="8379"/>
    <cellStyle name="Обычный 2 3 14 2 2 4 5 2" xfId="8380"/>
    <cellStyle name="Обычный 2 3 14 2 2 4 6" xfId="8381"/>
    <cellStyle name="Обычный 2 3 14 2 2 5" xfId="8382"/>
    <cellStyle name="Обычный 2 3 14 2 2 5 2" xfId="8383"/>
    <cellStyle name="Обычный 2 3 14 2 2 5 2 2" xfId="8384"/>
    <cellStyle name="Обычный 2 3 14 2 2 5 2 2 2" xfId="8385"/>
    <cellStyle name="Обычный 2 3 14 2 2 5 2 3" xfId="8386"/>
    <cellStyle name="Обычный 2 3 14 2 2 5 2 3 2" xfId="8387"/>
    <cellStyle name="Обычный 2 3 14 2 2 5 2 4" xfId="8388"/>
    <cellStyle name="Обычный 2 3 14 2 2 5 3" xfId="8389"/>
    <cellStyle name="Обычный 2 3 14 2 2 5 3 2" xfId="8390"/>
    <cellStyle name="Обычный 2 3 14 2 2 5 4" xfId="8391"/>
    <cellStyle name="Обычный 2 3 14 2 2 5 4 2" xfId="8392"/>
    <cellStyle name="Обычный 2 3 14 2 2 5 5" xfId="8393"/>
    <cellStyle name="Обычный 2 3 14 2 2 5 5 2" xfId="8394"/>
    <cellStyle name="Обычный 2 3 14 2 2 5 6" xfId="8395"/>
    <cellStyle name="Обычный 2 3 14 2 2 6" xfId="8396"/>
    <cellStyle name="Обычный 2 3 14 2 2 6 2" xfId="8397"/>
    <cellStyle name="Обычный 2 3 14 2 2 6 2 2" xfId="8398"/>
    <cellStyle name="Обычный 2 3 14 2 2 6 3" xfId="8399"/>
    <cellStyle name="Обычный 2 3 14 2 2 6 3 2" xfId="8400"/>
    <cellStyle name="Обычный 2 3 14 2 2 6 4" xfId="8401"/>
    <cellStyle name="Обычный 2 3 14 2 2 7" xfId="8402"/>
    <cellStyle name="Обычный 2 3 14 2 2 7 2" xfId="8403"/>
    <cellStyle name="Обычный 2 3 14 2 2 8" xfId="8404"/>
    <cellStyle name="Обычный 2 3 14 2 2 8 2" xfId="8405"/>
    <cellStyle name="Обычный 2 3 14 2 2 9" xfId="8406"/>
    <cellStyle name="Обычный 2 3 14 2 2 9 2" xfId="8407"/>
    <cellStyle name="Обычный 2 3 14 2 3" xfId="8408"/>
    <cellStyle name="Обычный 2 3 14 2 3 2" xfId="8409"/>
    <cellStyle name="Обычный 2 3 14 2 3 2 2" xfId="8410"/>
    <cellStyle name="Обычный 2 3 14 2 3 2 2 2" xfId="8411"/>
    <cellStyle name="Обычный 2 3 14 2 3 2 2 2 2" xfId="8412"/>
    <cellStyle name="Обычный 2 3 14 2 3 2 2 3" xfId="8413"/>
    <cellStyle name="Обычный 2 3 14 2 3 2 2 3 2" xfId="8414"/>
    <cellStyle name="Обычный 2 3 14 2 3 2 2 4" xfId="8415"/>
    <cellStyle name="Обычный 2 3 14 2 3 2 3" xfId="8416"/>
    <cellStyle name="Обычный 2 3 14 2 3 2 3 2" xfId="8417"/>
    <cellStyle name="Обычный 2 3 14 2 3 2 4" xfId="8418"/>
    <cellStyle name="Обычный 2 3 14 2 3 2 4 2" xfId="8419"/>
    <cellStyle name="Обычный 2 3 14 2 3 2 5" xfId="8420"/>
    <cellStyle name="Обычный 2 3 14 2 3 2 5 2" xfId="8421"/>
    <cellStyle name="Обычный 2 3 14 2 3 2 6" xfId="8422"/>
    <cellStyle name="Обычный 2 3 14 2 3 3" xfId="8423"/>
    <cellStyle name="Обычный 2 3 14 2 3 3 2" xfId="8424"/>
    <cellStyle name="Обычный 2 3 14 2 3 3 2 2" xfId="8425"/>
    <cellStyle name="Обычный 2 3 14 2 3 3 2 2 2" xfId="8426"/>
    <cellStyle name="Обычный 2 3 14 2 3 3 2 3" xfId="8427"/>
    <cellStyle name="Обычный 2 3 14 2 3 3 2 3 2" xfId="8428"/>
    <cellStyle name="Обычный 2 3 14 2 3 3 2 4" xfId="8429"/>
    <cellStyle name="Обычный 2 3 14 2 3 3 3" xfId="8430"/>
    <cellStyle name="Обычный 2 3 14 2 3 3 3 2" xfId="8431"/>
    <cellStyle name="Обычный 2 3 14 2 3 3 4" xfId="8432"/>
    <cellStyle name="Обычный 2 3 14 2 3 3 4 2" xfId="8433"/>
    <cellStyle name="Обычный 2 3 14 2 3 3 5" xfId="8434"/>
    <cellStyle name="Обычный 2 3 14 2 3 3 5 2" xfId="8435"/>
    <cellStyle name="Обычный 2 3 14 2 3 3 6" xfId="8436"/>
    <cellStyle name="Обычный 2 3 14 2 3 4" xfId="8437"/>
    <cellStyle name="Обычный 2 3 14 2 3 4 2" xfId="8438"/>
    <cellStyle name="Обычный 2 3 14 2 3 4 2 2" xfId="8439"/>
    <cellStyle name="Обычный 2 3 14 2 3 4 2 2 2" xfId="8440"/>
    <cellStyle name="Обычный 2 3 14 2 3 4 2 3" xfId="8441"/>
    <cellStyle name="Обычный 2 3 14 2 3 4 2 3 2" xfId="8442"/>
    <cellStyle name="Обычный 2 3 14 2 3 4 2 4" xfId="8443"/>
    <cellStyle name="Обычный 2 3 14 2 3 4 3" xfId="8444"/>
    <cellStyle name="Обычный 2 3 14 2 3 4 3 2" xfId="8445"/>
    <cellStyle name="Обычный 2 3 14 2 3 4 4" xfId="8446"/>
    <cellStyle name="Обычный 2 3 14 2 3 4 4 2" xfId="8447"/>
    <cellStyle name="Обычный 2 3 14 2 3 4 5" xfId="8448"/>
    <cellStyle name="Обычный 2 3 14 2 3 4 5 2" xfId="8449"/>
    <cellStyle name="Обычный 2 3 14 2 3 4 6" xfId="8450"/>
    <cellStyle name="Обычный 2 3 14 2 3 5" xfId="8451"/>
    <cellStyle name="Обычный 2 3 14 2 3 5 2" xfId="8452"/>
    <cellStyle name="Обычный 2 3 14 2 3 5 2 2" xfId="8453"/>
    <cellStyle name="Обычный 2 3 14 2 3 5 3" xfId="8454"/>
    <cellStyle name="Обычный 2 3 14 2 3 5 3 2" xfId="8455"/>
    <cellStyle name="Обычный 2 3 14 2 3 5 4" xfId="8456"/>
    <cellStyle name="Обычный 2 3 14 2 3 6" xfId="8457"/>
    <cellStyle name="Обычный 2 3 14 2 3 6 2" xfId="8458"/>
    <cellStyle name="Обычный 2 3 14 2 3 7" xfId="8459"/>
    <cellStyle name="Обычный 2 3 14 2 3 7 2" xfId="8460"/>
    <cellStyle name="Обычный 2 3 14 2 3 8" xfId="8461"/>
    <cellStyle name="Обычный 2 3 14 2 3 8 2" xfId="8462"/>
    <cellStyle name="Обычный 2 3 14 2 3 9" xfId="8463"/>
    <cellStyle name="Обычный 2 3 14 2 4" xfId="8464"/>
    <cellStyle name="Обычный 2 3 14 2 4 2" xfId="8465"/>
    <cellStyle name="Обычный 2 3 14 2 4 2 2" xfId="8466"/>
    <cellStyle name="Обычный 2 3 14 2 4 2 2 2" xfId="8467"/>
    <cellStyle name="Обычный 2 3 14 2 4 2 3" xfId="8468"/>
    <cellStyle name="Обычный 2 3 14 2 4 2 3 2" xfId="8469"/>
    <cellStyle name="Обычный 2 3 14 2 4 2 4" xfId="8470"/>
    <cellStyle name="Обычный 2 3 14 2 4 3" xfId="8471"/>
    <cellStyle name="Обычный 2 3 14 2 4 3 2" xfId="8472"/>
    <cellStyle name="Обычный 2 3 14 2 4 4" xfId="8473"/>
    <cellStyle name="Обычный 2 3 14 2 4 4 2" xfId="8474"/>
    <cellStyle name="Обычный 2 3 14 2 4 5" xfId="8475"/>
    <cellStyle name="Обычный 2 3 14 2 4 5 2" xfId="8476"/>
    <cellStyle name="Обычный 2 3 14 2 4 6" xfId="8477"/>
    <cellStyle name="Обычный 2 3 14 2 5" xfId="8478"/>
    <cellStyle name="Обычный 2 3 14 2 5 2" xfId="8479"/>
    <cellStyle name="Обычный 2 3 14 2 5 2 2" xfId="8480"/>
    <cellStyle name="Обычный 2 3 14 2 5 2 2 2" xfId="8481"/>
    <cellStyle name="Обычный 2 3 14 2 5 2 3" xfId="8482"/>
    <cellStyle name="Обычный 2 3 14 2 5 2 3 2" xfId="8483"/>
    <cellStyle name="Обычный 2 3 14 2 5 2 4" xfId="8484"/>
    <cellStyle name="Обычный 2 3 14 2 5 3" xfId="8485"/>
    <cellStyle name="Обычный 2 3 14 2 5 3 2" xfId="8486"/>
    <cellStyle name="Обычный 2 3 14 2 5 4" xfId="8487"/>
    <cellStyle name="Обычный 2 3 14 2 5 4 2" xfId="8488"/>
    <cellStyle name="Обычный 2 3 14 2 5 5" xfId="8489"/>
    <cellStyle name="Обычный 2 3 14 2 5 5 2" xfId="8490"/>
    <cellStyle name="Обычный 2 3 14 2 5 6" xfId="8491"/>
    <cellStyle name="Обычный 2 3 14 2 6" xfId="8492"/>
    <cellStyle name="Обычный 2 3 14 2 6 2" xfId="8493"/>
    <cellStyle name="Обычный 2 3 14 2 6 2 2" xfId="8494"/>
    <cellStyle name="Обычный 2 3 14 2 6 2 2 2" xfId="8495"/>
    <cellStyle name="Обычный 2 3 14 2 6 2 3" xfId="8496"/>
    <cellStyle name="Обычный 2 3 14 2 6 2 3 2" xfId="8497"/>
    <cellStyle name="Обычный 2 3 14 2 6 2 4" xfId="8498"/>
    <cellStyle name="Обычный 2 3 14 2 6 3" xfId="8499"/>
    <cellStyle name="Обычный 2 3 14 2 6 3 2" xfId="8500"/>
    <cellStyle name="Обычный 2 3 14 2 6 4" xfId="8501"/>
    <cellStyle name="Обычный 2 3 14 2 6 4 2" xfId="8502"/>
    <cellStyle name="Обычный 2 3 14 2 6 5" xfId="8503"/>
    <cellStyle name="Обычный 2 3 14 2 6 5 2" xfId="8504"/>
    <cellStyle name="Обычный 2 3 14 2 6 6" xfId="8505"/>
    <cellStyle name="Обычный 2 3 14 2 7" xfId="8506"/>
    <cellStyle name="Обычный 2 3 14 2 7 2" xfId="8507"/>
    <cellStyle name="Обычный 2 3 14 2 7 2 2" xfId="8508"/>
    <cellStyle name="Обычный 2 3 14 2 7 2 2 2" xfId="8509"/>
    <cellStyle name="Обычный 2 3 14 2 7 2 3" xfId="8510"/>
    <cellStyle name="Обычный 2 3 14 2 7 2 3 2" xfId="8511"/>
    <cellStyle name="Обычный 2 3 14 2 7 2 4" xfId="8512"/>
    <cellStyle name="Обычный 2 3 14 2 7 3" xfId="8513"/>
    <cellStyle name="Обычный 2 3 14 2 7 3 2" xfId="8514"/>
    <cellStyle name="Обычный 2 3 14 2 7 4" xfId="8515"/>
    <cellStyle name="Обычный 2 3 14 2 7 4 2" xfId="8516"/>
    <cellStyle name="Обычный 2 3 14 2 7 5" xfId="8517"/>
    <cellStyle name="Обычный 2 3 14 2 7 5 2" xfId="8518"/>
    <cellStyle name="Обычный 2 3 14 2 7 6" xfId="8519"/>
    <cellStyle name="Обычный 2 3 14 2 8" xfId="8520"/>
    <cellStyle name="Обычный 2 3 14 2 8 2" xfId="8521"/>
    <cellStyle name="Обычный 2 3 14 2 8 2 2" xfId="8522"/>
    <cellStyle name="Обычный 2 3 14 2 8 3" xfId="8523"/>
    <cellStyle name="Обычный 2 3 14 2 8 3 2" xfId="8524"/>
    <cellStyle name="Обычный 2 3 14 2 8 4" xfId="8525"/>
    <cellStyle name="Обычный 2 3 14 2 9" xfId="8526"/>
    <cellStyle name="Обычный 2 3 14 2 9 2" xfId="8527"/>
    <cellStyle name="Обычный 2 3 14 2 9 2 2" xfId="8528"/>
    <cellStyle name="Обычный 2 3 14 2 9 3" xfId="8529"/>
    <cellStyle name="Обычный 2 3 14 3" xfId="8530"/>
    <cellStyle name="Обычный 2 3 14 3 10" xfId="8531"/>
    <cellStyle name="Обычный 2 3 14 3 2" xfId="8532"/>
    <cellStyle name="Обычный 2 3 14 3 2 2" xfId="8533"/>
    <cellStyle name="Обычный 2 3 14 3 2 2 2" xfId="8534"/>
    <cellStyle name="Обычный 2 3 14 3 2 2 2 2" xfId="8535"/>
    <cellStyle name="Обычный 2 3 14 3 2 2 3" xfId="8536"/>
    <cellStyle name="Обычный 2 3 14 3 2 2 3 2" xfId="8537"/>
    <cellStyle name="Обычный 2 3 14 3 2 2 4" xfId="8538"/>
    <cellStyle name="Обычный 2 3 14 3 2 3" xfId="8539"/>
    <cellStyle name="Обычный 2 3 14 3 2 3 2" xfId="8540"/>
    <cellStyle name="Обычный 2 3 14 3 2 4" xfId="8541"/>
    <cellStyle name="Обычный 2 3 14 3 2 4 2" xfId="8542"/>
    <cellStyle name="Обычный 2 3 14 3 2 5" xfId="8543"/>
    <cellStyle name="Обычный 2 3 14 3 2 5 2" xfId="8544"/>
    <cellStyle name="Обычный 2 3 14 3 2 6" xfId="8545"/>
    <cellStyle name="Обычный 2 3 14 3 3" xfId="8546"/>
    <cellStyle name="Обычный 2 3 14 3 3 2" xfId="8547"/>
    <cellStyle name="Обычный 2 3 14 3 3 2 2" xfId="8548"/>
    <cellStyle name="Обычный 2 3 14 3 3 2 2 2" xfId="8549"/>
    <cellStyle name="Обычный 2 3 14 3 3 2 3" xfId="8550"/>
    <cellStyle name="Обычный 2 3 14 3 3 2 3 2" xfId="8551"/>
    <cellStyle name="Обычный 2 3 14 3 3 2 4" xfId="8552"/>
    <cellStyle name="Обычный 2 3 14 3 3 3" xfId="8553"/>
    <cellStyle name="Обычный 2 3 14 3 3 3 2" xfId="8554"/>
    <cellStyle name="Обычный 2 3 14 3 3 4" xfId="8555"/>
    <cellStyle name="Обычный 2 3 14 3 3 4 2" xfId="8556"/>
    <cellStyle name="Обычный 2 3 14 3 3 5" xfId="8557"/>
    <cellStyle name="Обычный 2 3 14 3 3 5 2" xfId="8558"/>
    <cellStyle name="Обычный 2 3 14 3 3 6" xfId="8559"/>
    <cellStyle name="Обычный 2 3 14 3 4" xfId="8560"/>
    <cellStyle name="Обычный 2 3 14 3 4 2" xfId="8561"/>
    <cellStyle name="Обычный 2 3 14 3 4 2 2" xfId="8562"/>
    <cellStyle name="Обычный 2 3 14 3 4 2 2 2" xfId="8563"/>
    <cellStyle name="Обычный 2 3 14 3 4 2 3" xfId="8564"/>
    <cellStyle name="Обычный 2 3 14 3 4 2 3 2" xfId="8565"/>
    <cellStyle name="Обычный 2 3 14 3 4 2 4" xfId="8566"/>
    <cellStyle name="Обычный 2 3 14 3 4 3" xfId="8567"/>
    <cellStyle name="Обычный 2 3 14 3 4 3 2" xfId="8568"/>
    <cellStyle name="Обычный 2 3 14 3 4 4" xfId="8569"/>
    <cellStyle name="Обычный 2 3 14 3 4 4 2" xfId="8570"/>
    <cellStyle name="Обычный 2 3 14 3 4 5" xfId="8571"/>
    <cellStyle name="Обычный 2 3 14 3 4 5 2" xfId="8572"/>
    <cellStyle name="Обычный 2 3 14 3 4 6" xfId="8573"/>
    <cellStyle name="Обычный 2 3 14 3 5" xfId="8574"/>
    <cellStyle name="Обычный 2 3 14 3 5 2" xfId="8575"/>
    <cellStyle name="Обычный 2 3 14 3 5 2 2" xfId="8576"/>
    <cellStyle name="Обычный 2 3 14 3 5 2 2 2" xfId="8577"/>
    <cellStyle name="Обычный 2 3 14 3 5 2 3" xfId="8578"/>
    <cellStyle name="Обычный 2 3 14 3 5 2 3 2" xfId="8579"/>
    <cellStyle name="Обычный 2 3 14 3 5 2 4" xfId="8580"/>
    <cellStyle name="Обычный 2 3 14 3 5 3" xfId="8581"/>
    <cellStyle name="Обычный 2 3 14 3 5 3 2" xfId="8582"/>
    <cellStyle name="Обычный 2 3 14 3 5 4" xfId="8583"/>
    <cellStyle name="Обычный 2 3 14 3 5 4 2" xfId="8584"/>
    <cellStyle name="Обычный 2 3 14 3 5 5" xfId="8585"/>
    <cellStyle name="Обычный 2 3 14 3 5 5 2" xfId="8586"/>
    <cellStyle name="Обычный 2 3 14 3 5 6" xfId="8587"/>
    <cellStyle name="Обычный 2 3 14 3 6" xfId="8588"/>
    <cellStyle name="Обычный 2 3 14 3 6 2" xfId="8589"/>
    <cellStyle name="Обычный 2 3 14 3 6 2 2" xfId="8590"/>
    <cellStyle name="Обычный 2 3 14 3 6 3" xfId="8591"/>
    <cellStyle name="Обычный 2 3 14 3 6 3 2" xfId="8592"/>
    <cellStyle name="Обычный 2 3 14 3 6 4" xfId="8593"/>
    <cellStyle name="Обычный 2 3 14 3 7" xfId="8594"/>
    <cellStyle name="Обычный 2 3 14 3 7 2" xfId="8595"/>
    <cellStyle name="Обычный 2 3 14 3 8" xfId="8596"/>
    <cellStyle name="Обычный 2 3 14 3 8 2" xfId="8597"/>
    <cellStyle name="Обычный 2 3 14 3 9" xfId="8598"/>
    <cellStyle name="Обычный 2 3 14 3 9 2" xfId="8599"/>
    <cellStyle name="Обычный 2 3 14 4" xfId="8600"/>
    <cellStyle name="Обычный 2 3 14 4 2" xfId="8601"/>
    <cellStyle name="Обычный 2 3 14 4 2 2" xfId="8602"/>
    <cellStyle name="Обычный 2 3 14 4 2 2 2" xfId="8603"/>
    <cellStyle name="Обычный 2 3 14 4 2 2 2 2" xfId="8604"/>
    <cellStyle name="Обычный 2 3 14 4 2 2 3" xfId="8605"/>
    <cellStyle name="Обычный 2 3 14 4 2 2 3 2" xfId="8606"/>
    <cellStyle name="Обычный 2 3 14 4 2 2 4" xfId="8607"/>
    <cellStyle name="Обычный 2 3 14 4 2 3" xfId="8608"/>
    <cellStyle name="Обычный 2 3 14 4 2 3 2" xfId="8609"/>
    <cellStyle name="Обычный 2 3 14 4 2 4" xfId="8610"/>
    <cellStyle name="Обычный 2 3 14 4 2 4 2" xfId="8611"/>
    <cellStyle name="Обычный 2 3 14 4 2 5" xfId="8612"/>
    <cellStyle name="Обычный 2 3 14 4 2 5 2" xfId="8613"/>
    <cellStyle name="Обычный 2 3 14 4 2 6" xfId="8614"/>
    <cellStyle name="Обычный 2 3 14 4 3" xfId="8615"/>
    <cellStyle name="Обычный 2 3 14 4 3 2" xfId="8616"/>
    <cellStyle name="Обычный 2 3 14 4 3 2 2" xfId="8617"/>
    <cellStyle name="Обычный 2 3 14 4 3 2 2 2" xfId="8618"/>
    <cellStyle name="Обычный 2 3 14 4 3 2 3" xfId="8619"/>
    <cellStyle name="Обычный 2 3 14 4 3 2 3 2" xfId="8620"/>
    <cellStyle name="Обычный 2 3 14 4 3 2 4" xfId="8621"/>
    <cellStyle name="Обычный 2 3 14 4 3 3" xfId="8622"/>
    <cellStyle name="Обычный 2 3 14 4 3 3 2" xfId="8623"/>
    <cellStyle name="Обычный 2 3 14 4 3 4" xfId="8624"/>
    <cellStyle name="Обычный 2 3 14 4 3 4 2" xfId="8625"/>
    <cellStyle name="Обычный 2 3 14 4 3 5" xfId="8626"/>
    <cellStyle name="Обычный 2 3 14 4 3 5 2" xfId="8627"/>
    <cellStyle name="Обычный 2 3 14 4 3 6" xfId="8628"/>
    <cellStyle name="Обычный 2 3 14 4 4" xfId="8629"/>
    <cellStyle name="Обычный 2 3 14 4 4 2" xfId="8630"/>
    <cellStyle name="Обычный 2 3 14 4 4 2 2" xfId="8631"/>
    <cellStyle name="Обычный 2 3 14 4 4 2 2 2" xfId="8632"/>
    <cellStyle name="Обычный 2 3 14 4 4 2 3" xfId="8633"/>
    <cellStyle name="Обычный 2 3 14 4 4 2 3 2" xfId="8634"/>
    <cellStyle name="Обычный 2 3 14 4 4 2 4" xfId="8635"/>
    <cellStyle name="Обычный 2 3 14 4 4 3" xfId="8636"/>
    <cellStyle name="Обычный 2 3 14 4 4 3 2" xfId="8637"/>
    <cellStyle name="Обычный 2 3 14 4 4 4" xfId="8638"/>
    <cellStyle name="Обычный 2 3 14 4 4 4 2" xfId="8639"/>
    <cellStyle name="Обычный 2 3 14 4 4 5" xfId="8640"/>
    <cellStyle name="Обычный 2 3 14 4 4 5 2" xfId="8641"/>
    <cellStyle name="Обычный 2 3 14 4 4 6" xfId="8642"/>
    <cellStyle name="Обычный 2 3 14 4 5" xfId="8643"/>
    <cellStyle name="Обычный 2 3 14 4 5 2" xfId="8644"/>
    <cellStyle name="Обычный 2 3 14 4 5 2 2" xfId="8645"/>
    <cellStyle name="Обычный 2 3 14 4 5 3" xfId="8646"/>
    <cellStyle name="Обычный 2 3 14 4 5 3 2" xfId="8647"/>
    <cellStyle name="Обычный 2 3 14 4 5 4" xfId="8648"/>
    <cellStyle name="Обычный 2 3 14 4 6" xfId="8649"/>
    <cellStyle name="Обычный 2 3 14 4 6 2" xfId="8650"/>
    <cellStyle name="Обычный 2 3 14 4 7" xfId="8651"/>
    <cellStyle name="Обычный 2 3 14 4 7 2" xfId="8652"/>
    <cellStyle name="Обычный 2 3 14 4 8" xfId="8653"/>
    <cellStyle name="Обычный 2 3 14 4 8 2" xfId="8654"/>
    <cellStyle name="Обычный 2 3 14 4 9" xfId="8655"/>
    <cellStyle name="Обычный 2 3 14 5" xfId="8656"/>
    <cellStyle name="Обычный 2 3 14 5 2" xfId="8657"/>
    <cellStyle name="Обычный 2 3 14 5 2 2" xfId="8658"/>
    <cellStyle name="Обычный 2 3 14 5 2 2 2" xfId="8659"/>
    <cellStyle name="Обычный 2 3 14 5 2 3" xfId="8660"/>
    <cellStyle name="Обычный 2 3 14 5 2 3 2" xfId="8661"/>
    <cellStyle name="Обычный 2 3 14 5 2 4" xfId="8662"/>
    <cellStyle name="Обычный 2 3 14 5 3" xfId="8663"/>
    <cellStyle name="Обычный 2 3 14 5 3 2" xfId="8664"/>
    <cellStyle name="Обычный 2 3 14 5 4" xfId="8665"/>
    <cellStyle name="Обычный 2 3 14 5 4 2" xfId="8666"/>
    <cellStyle name="Обычный 2 3 14 5 5" xfId="8667"/>
    <cellStyle name="Обычный 2 3 14 5 5 2" xfId="8668"/>
    <cellStyle name="Обычный 2 3 14 5 6" xfId="8669"/>
    <cellStyle name="Обычный 2 3 14 6" xfId="8670"/>
    <cellStyle name="Обычный 2 3 14 6 2" xfId="8671"/>
    <cellStyle name="Обычный 2 3 14 6 2 2" xfId="8672"/>
    <cellStyle name="Обычный 2 3 14 6 2 2 2" xfId="8673"/>
    <cellStyle name="Обычный 2 3 14 6 2 3" xfId="8674"/>
    <cellStyle name="Обычный 2 3 14 6 2 3 2" xfId="8675"/>
    <cellStyle name="Обычный 2 3 14 6 2 4" xfId="8676"/>
    <cellStyle name="Обычный 2 3 14 6 3" xfId="8677"/>
    <cellStyle name="Обычный 2 3 14 6 3 2" xfId="8678"/>
    <cellStyle name="Обычный 2 3 14 6 4" xfId="8679"/>
    <cellStyle name="Обычный 2 3 14 6 4 2" xfId="8680"/>
    <cellStyle name="Обычный 2 3 14 6 5" xfId="8681"/>
    <cellStyle name="Обычный 2 3 14 6 5 2" xfId="8682"/>
    <cellStyle name="Обычный 2 3 14 6 6" xfId="8683"/>
    <cellStyle name="Обычный 2 3 14 7" xfId="8684"/>
    <cellStyle name="Обычный 2 3 14 7 2" xfId="8685"/>
    <cellStyle name="Обычный 2 3 14 7 2 2" xfId="8686"/>
    <cellStyle name="Обычный 2 3 14 7 2 2 2" xfId="8687"/>
    <cellStyle name="Обычный 2 3 14 7 2 3" xfId="8688"/>
    <cellStyle name="Обычный 2 3 14 7 2 3 2" xfId="8689"/>
    <cellStyle name="Обычный 2 3 14 7 2 4" xfId="8690"/>
    <cellStyle name="Обычный 2 3 14 7 3" xfId="8691"/>
    <cellStyle name="Обычный 2 3 14 7 3 2" xfId="8692"/>
    <cellStyle name="Обычный 2 3 14 7 4" xfId="8693"/>
    <cellStyle name="Обычный 2 3 14 7 4 2" xfId="8694"/>
    <cellStyle name="Обычный 2 3 14 7 5" xfId="8695"/>
    <cellStyle name="Обычный 2 3 14 7 5 2" xfId="8696"/>
    <cellStyle name="Обычный 2 3 14 7 6" xfId="8697"/>
    <cellStyle name="Обычный 2 3 14 8" xfId="8698"/>
    <cellStyle name="Обычный 2 3 14 8 2" xfId="8699"/>
    <cellStyle name="Обычный 2 3 14 8 2 2" xfId="8700"/>
    <cellStyle name="Обычный 2 3 14 8 2 2 2" xfId="8701"/>
    <cellStyle name="Обычный 2 3 14 8 2 3" xfId="8702"/>
    <cellStyle name="Обычный 2 3 14 8 2 3 2" xfId="8703"/>
    <cellStyle name="Обычный 2 3 14 8 2 4" xfId="8704"/>
    <cellStyle name="Обычный 2 3 14 8 3" xfId="8705"/>
    <cellStyle name="Обычный 2 3 14 8 3 2" xfId="8706"/>
    <cellStyle name="Обычный 2 3 14 8 4" xfId="8707"/>
    <cellStyle name="Обычный 2 3 14 8 4 2" xfId="8708"/>
    <cellStyle name="Обычный 2 3 14 8 5" xfId="8709"/>
    <cellStyle name="Обычный 2 3 14 8 5 2" xfId="8710"/>
    <cellStyle name="Обычный 2 3 14 8 6" xfId="8711"/>
    <cellStyle name="Обычный 2 3 14 9" xfId="8712"/>
    <cellStyle name="Обычный 2 3 14 9 2" xfId="8713"/>
    <cellStyle name="Обычный 2 3 14 9 2 2" xfId="8714"/>
    <cellStyle name="Обычный 2 3 14 9 3" xfId="8715"/>
    <cellStyle name="Обычный 2 3 14 9 3 2" xfId="8716"/>
    <cellStyle name="Обычный 2 3 14 9 4" xfId="8717"/>
    <cellStyle name="Обычный 2 3 15" xfId="8718"/>
    <cellStyle name="Обычный 2 3 15 10" xfId="8719"/>
    <cellStyle name="Обычный 2 3 15 10 2" xfId="8720"/>
    <cellStyle name="Обычный 2 3 15 10 2 2" xfId="8721"/>
    <cellStyle name="Обычный 2 3 15 10 3" xfId="8722"/>
    <cellStyle name="Обычный 2 3 15 11" xfId="8723"/>
    <cellStyle name="Обычный 2 3 15 11 2" xfId="8724"/>
    <cellStyle name="Обычный 2 3 15 12" xfId="8725"/>
    <cellStyle name="Обычный 2 3 15 12 2" xfId="8726"/>
    <cellStyle name="Обычный 2 3 15 13" xfId="8727"/>
    <cellStyle name="Обычный 2 3 15 14" xfId="8728"/>
    <cellStyle name="Обычный 2 3 15 2" xfId="8729"/>
    <cellStyle name="Обычный 2 3 15 2 10" xfId="8730"/>
    <cellStyle name="Обычный 2 3 15 2 10 2" xfId="8731"/>
    <cellStyle name="Обычный 2 3 15 2 11" xfId="8732"/>
    <cellStyle name="Обычный 2 3 15 2 11 2" xfId="8733"/>
    <cellStyle name="Обычный 2 3 15 2 12" xfId="8734"/>
    <cellStyle name="Обычный 2 3 15 2 13" xfId="8735"/>
    <cellStyle name="Обычный 2 3 15 2 2" xfId="8736"/>
    <cellStyle name="Обычный 2 3 15 2 2 10" xfId="8737"/>
    <cellStyle name="Обычный 2 3 15 2 2 2" xfId="8738"/>
    <cellStyle name="Обычный 2 3 15 2 2 2 2" xfId="8739"/>
    <cellStyle name="Обычный 2 3 15 2 2 2 2 2" xfId="8740"/>
    <cellStyle name="Обычный 2 3 15 2 2 2 2 2 2" xfId="8741"/>
    <cellStyle name="Обычный 2 3 15 2 2 2 2 3" xfId="8742"/>
    <cellStyle name="Обычный 2 3 15 2 2 2 2 3 2" xfId="8743"/>
    <cellStyle name="Обычный 2 3 15 2 2 2 2 4" xfId="8744"/>
    <cellStyle name="Обычный 2 3 15 2 2 2 3" xfId="8745"/>
    <cellStyle name="Обычный 2 3 15 2 2 2 3 2" xfId="8746"/>
    <cellStyle name="Обычный 2 3 15 2 2 2 4" xfId="8747"/>
    <cellStyle name="Обычный 2 3 15 2 2 2 4 2" xfId="8748"/>
    <cellStyle name="Обычный 2 3 15 2 2 2 5" xfId="8749"/>
    <cellStyle name="Обычный 2 3 15 2 2 2 5 2" xfId="8750"/>
    <cellStyle name="Обычный 2 3 15 2 2 2 6" xfId="8751"/>
    <cellStyle name="Обычный 2 3 15 2 2 3" xfId="8752"/>
    <cellStyle name="Обычный 2 3 15 2 2 3 2" xfId="8753"/>
    <cellStyle name="Обычный 2 3 15 2 2 3 2 2" xfId="8754"/>
    <cellStyle name="Обычный 2 3 15 2 2 3 2 2 2" xfId="8755"/>
    <cellStyle name="Обычный 2 3 15 2 2 3 2 3" xfId="8756"/>
    <cellStyle name="Обычный 2 3 15 2 2 3 2 3 2" xfId="8757"/>
    <cellStyle name="Обычный 2 3 15 2 2 3 2 4" xfId="8758"/>
    <cellStyle name="Обычный 2 3 15 2 2 3 3" xfId="8759"/>
    <cellStyle name="Обычный 2 3 15 2 2 3 3 2" xfId="8760"/>
    <cellStyle name="Обычный 2 3 15 2 2 3 4" xfId="8761"/>
    <cellStyle name="Обычный 2 3 15 2 2 3 4 2" xfId="8762"/>
    <cellStyle name="Обычный 2 3 15 2 2 3 5" xfId="8763"/>
    <cellStyle name="Обычный 2 3 15 2 2 3 5 2" xfId="8764"/>
    <cellStyle name="Обычный 2 3 15 2 2 3 6" xfId="8765"/>
    <cellStyle name="Обычный 2 3 15 2 2 4" xfId="8766"/>
    <cellStyle name="Обычный 2 3 15 2 2 4 2" xfId="8767"/>
    <cellStyle name="Обычный 2 3 15 2 2 4 2 2" xfId="8768"/>
    <cellStyle name="Обычный 2 3 15 2 2 4 2 2 2" xfId="8769"/>
    <cellStyle name="Обычный 2 3 15 2 2 4 2 3" xfId="8770"/>
    <cellStyle name="Обычный 2 3 15 2 2 4 2 3 2" xfId="8771"/>
    <cellStyle name="Обычный 2 3 15 2 2 4 2 4" xfId="8772"/>
    <cellStyle name="Обычный 2 3 15 2 2 4 3" xfId="8773"/>
    <cellStyle name="Обычный 2 3 15 2 2 4 3 2" xfId="8774"/>
    <cellStyle name="Обычный 2 3 15 2 2 4 4" xfId="8775"/>
    <cellStyle name="Обычный 2 3 15 2 2 4 4 2" xfId="8776"/>
    <cellStyle name="Обычный 2 3 15 2 2 4 5" xfId="8777"/>
    <cellStyle name="Обычный 2 3 15 2 2 4 5 2" xfId="8778"/>
    <cellStyle name="Обычный 2 3 15 2 2 4 6" xfId="8779"/>
    <cellStyle name="Обычный 2 3 15 2 2 5" xfId="8780"/>
    <cellStyle name="Обычный 2 3 15 2 2 5 2" xfId="8781"/>
    <cellStyle name="Обычный 2 3 15 2 2 5 2 2" xfId="8782"/>
    <cellStyle name="Обычный 2 3 15 2 2 5 2 2 2" xfId="8783"/>
    <cellStyle name="Обычный 2 3 15 2 2 5 2 3" xfId="8784"/>
    <cellStyle name="Обычный 2 3 15 2 2 5 2 3 2" xfId="8785"/>
    <cellStyle name="Обычный 2 3 15 2 2 5 2 4" xfId="8786"/>
    <cellStyle name="Обычный 2 3 15 2 2 5 3" xfId="8787"/>
    <cellStyle name="Обычный 2 3 15 2 2 5 3 2" xfId="8788"/>
    <cellStyle name="Обычный 2 3 15 2 2 5 4" xfId="8789"/>
    <cellStyle name="Обычный 2 3 15 2 2 5 4 2" xfId="8790"/>
    <cellStyle name="Обычный 2 3 15 2 2 5 5" xfId="8791"/>
    <cellStyle name="Обычный 2 3 15 2 2 5 5 2" xfId="8792"/>
    <cellStyle name="Обычный 2 3 15 2 2 5 6" xfId="8793"/>
    <cellStyle name="Обычный 2 3 15 2 2 6" xfId="8794"/>
    <cellStyle name="Обычный 2 3 15 2 2 6 2" xfId="8795"/>
    <cellStyle name="Обычный 2 3 15 2 2 6 2 2" xfId="8796"/>
    <cellStyle name="Обычный 2 3 15 2 2 6 3" xfId="8797"/>
    <cellStyle name="Обычный 2 3 15 2 2 6 3 2" xfId="8798"/>
    <cellStyle name="Обычный 2 3 15 2 2 6 4" xfId="8799"/>
    <cellStyle name="Обычный 2 3 15 2 2 7" xfId="8800"/>
    <cellStyle name="Обычный 2 3 15 2 2 7 2" xfId="8801"/>
    <cellStyle name="Обычный 2 3 15 2 2 8" xfId="8802"/>
    <cellStyle name="Обычный 2 3 15 2 2 8 2" xfId="8803"/>
    <cellStyle name="Обычный 2 3 15 2 2 9" xfId="8804"/>
    <cellStyle name="Обычный 2 3 15 2 2 9 2" xfId="8805"/>
    <cellStyle name="Обычный 2 3 15 2 3" xfId="8806"/>
    <cellStyle name="Обычный 2 3 15 2 3 2" xfId="8807"/>
    <cellStyle name="Обычный 2 3 15 2 3 2 2" xfId="8808"/>
    <cellStyle name="Обычный 2 3 15 2 3 2 2 2" xfId="8809"/>
    <cellStyle name="Обычный 2 3 15 2 3 2 2 2 2" xfId="8810"/>
    <cellStyle name="Обычный 2 3 15 2 3 2 2 3" xfId="8811"/>
    <cellStyle name="Обычный 2 3 15 2 3 2 2 3 2" xfId="8812"/>
    <cellStyle name="Обычный 2 3 15 2 3 2 2 4" xfId="8813"/>
    <cellStyle name="Обычный 2 3 15 2 3 2 3" xfId="8814"/>
    <cellStyle name="Обычный 2 3 15 2 3 2 3 2" xfId="8815"/>
    <cellStyle name="Обычный 2 3 15 2 3 2 4" xfId="8816"/>
    <cellStyle name="Обычный 2 3 15 2 3 2 4 2" xfId="8817"/>
    <cellStyle name="Обычный 2 3 15 2 3 2 5" xfId="8818"/>
    <cellStyle name="Обычный 2 3 15 2 3 2 5 2" xfId="8819"/>
    <cellStyle name="Обычный 2 3 15 2 3 2 6" xfId="8820"/>
    <cellStyle name="Обычный 2 3 15 2 3 3" xfId="8821"/>
    <cellStyle name="Обычный 2 3 15 2 3 3 2" xfId="8822"/>
    <cellStyle name="Обычный 2 3 15 2 3 3 2 2" xfId="8823"/>
    <cellStyle name="Обычный 2 3 15 2 3 3 2 2 2" xfId="8824"/>
    <cellStyle name="Обычный 2 3 15 2 3 3 2 3" xfId="8825"/>
    <cellStyle name="Обычный 2 3 15 2 3 3 2 3 2" xfId="8826"/>
    <cellStyle name="Обычный 2 3 15 2 3 3 2 4" xfId="8827"/>
    <cellStyle name="Обычный 2 3 15 2 3 3 3" xfId="8828"/>
    <cellStyle name="Обычный 2 3 15 2 3 3 3 2" xfId="8829"/>
    <cellStyle name="Обычный 2 3 15 2 3 3 4" xfId="8830"/>
    <cellStyle name="Обычный 2 3 15 2 3 3 4 2" xfId="8831"/>
    <cellStyle name="Обычный 2 3 15 2 3 3 5" xfId="8832"/>
    <cellStyle name="Обычный 2 3 15 2 3 3 5 2" xfId="8833"/>
    <cellStyle name="Обычный 2 3 15 2 3 3 6" xfId="8834"/>
    <cellStyle name="Обычный 2 3 15 2 3 4" xfId="8835"/>
    <cellStyle name="Обычный 2 3 15 2 3 4 2" xfId="8836"/>
    <cellStyle name="Обычный 2 3 15 2 3 4 2 2" xfId="8837"/>
    <cellStyle name="Обычный 2 3 15 2 3 4 2 2 2" xfId="8838"/>
    <cellStyle name="Обычный 2 3 15 2 3 4 2 3" xfId="8839"/>
    <cellStyle name="Обычный 2 3 15 2 3 4 2 3 2" xfId="8840"/>
    <cellStyle name="Обычный 2 3 15 2 3 4 2 4" xfId="8841"/>
    <cellStyle name="Обычный 2 3 15 2 3 4 3" xfId="8842"/>
    <cellStyle name="Обычный 2 3 15 2 3 4 3 2" xfId="8843"/>
    <cellStyle name="Обычный 2 3 15 2 3 4 4" xfId="8844"/>
    <cellStyle name="Обычный 2 3 15 2 3 4 4 2" xfId="8845"/>
    <cellStyle name="Обычный 2 3 15 2 3 4 5" xfId="8846"/>
    <cellStyle name="Обычный 2 3 15 2 3 4 5 2" xfId="8847"/>
    <cellStyle name="Обычный 2 3 15 2 3 4 6" xfId="8848"/>
    <cellStyle name="Обычный 2 3 15 2 3 5" xfId="8849"/>
    <cellStyle name="Обычный 2 3 15 2 3 5 2" xfId="8850"/>
    <cellStyle name="Обычный 2 3 15 2 3 5 2 2" xfId="8851"/>
    <cellStyle name="Обычный 2 3 15 2 3 5 3" xfId="8852"/>
    <cellStyle name="Обычный 2 3 15 2 3 5 3 2" xfId="8853"/>
    <cellStyle name="Обычный 2 3 15 2 3 5 4" xfId="8854"/>
    <cellStyle name="Обычный 2 3 15 2 3 6" xfId="8855"/>
    <cellStyle name="Обычный 2 3 15 2 3 6 2" xfId="8856"/>
    <cellStyle name="Обычный 2 3 15 2 3 7" xfId="8857"/>
    <cellStyle name="Обычный 2 3 15 2 3 7 2" xfId="8858"/>
    <cellStyle name="Обычный 2 3 15 2 3 8" xfId="8859"/>
    <cellStyle name="Обычный 2 3 15 2 3 8 2" xfId="8860"/>
    <cellStyle name="Обычный 2 3 15 2 3 9" xfId="8861"/>
    <cellStyle name="Обычный 2 3 15 2 4" xfId="8862"/>
    <cellStyle name="Обычный 2 3 15 2 4 2" xfId="8863"/>
    <cellStyle name="Обычный 2 3 15 2 4 2 2" xfId="8864"/>
    <cellStyle name="Обычный 2 3 15 2 4 2 2 2" xfId="8865"/>
    <cellStyle name="Обычный 2 3 15 2 4 2 3" xfId="8866"/>
    <cellStyle name="Обычный 2 3 15 2 4 2 3 2" xfId="8867"/>
    <cellStyle name="Обычный 2 3 15 2 4 2 4" xfId="8868"/>
    <cellStyle name="Обычный 2 3 15 2 4 3" xfId="8869"/>
    <cellStyle name="Обычный 2 3 15 2 4 3 2" xfId="8870"/>
    <cellStyle name="Обычный 2 3 15 2 4 4" xfId="8871"/>
    <cellStyle name="Обычный 2 3 15 2 4 4 2" xfId="8872"/>
    <cellStyle name="Обычный 2 3 15 2 4 5" xfId="8873"/>
    <cellStyle name="Обычный 2 3 15 2 4 5 2" xfId="8874"/>
    <cellStyle name="Обычный 2 3 15 2 4 6" xfId="8875"/>
    <cellStyle name="Обычный 2 3 15 2 5" xfId="8876"/>
    <cellStyle name="Обычный 2 3 15 2 5 2" xfId="8877"/>
    <cellStyle name="Обычный 2 3 15 2 5 2 2" xfId="8878"/>
    <cellStyle name="Обычный 2 3 15 2 5 2 2 2" xfId="8879"/>
    <cellStyle name="Обычный 2 3 15 2 5 2 3" xfId="8880"/>
    <cellStyle name="Обычный 2 3 15 2 5 2 3 2" xfId="8881"/>
    <cellStyle name="Обычный 2 3 15 2 5 2 4" xfId="8882"/>
    <cellStyle name="Обычный 2 3 15 2 5 3" xfId="8883"/>
    <cellStyle name="Обычный 2 3 15 2 5 3 2" xfId="8884"/>
    <cellStyle name="Обычный 2 3 15 2 5 4" xfId="8885"/>
    <cellStyle name="Обычный 2 3 15 2 5 4 2" xfId="8886"/>
    <cellStyle name="Обычный 2 3 15 2 5 5" xfId="8887"/>
    <cellStyle name="Обычный 2 3 15 2 5 5 2" xfId="8888"/>
    <cellStyle name="Обычный 2 3 15 2 5 6" xfId="8889"/>
    <cellStyle name="Обычный 2 3 15 2 6" xfId="8890"/>
    <cellStyle name="Обычный 2 3 15 2 6 2" xfId="8891"/>
    <cellStyle name="Обычный 2 3 15 2 6 2 2" xfId="8892"/>
    <cellStyle name="Обычный 2 3 15 2 6 2 2 2" xfId="8893"/>
    <cellStyle name="Обычный 2 3 15 2 6 2 3" xfId="8894"/>
    <cellStyle name="Обычный 2 3 15 2 6 2 3 2" xfId="8895"/>
    <cellStyle name="Обычный 2 3 15 2 6 2 4" xfId="8896"/>
    <cellStyle name="Обычный 2 3 15 2 6 3" xfId="8897"/>
    <cellStyle name="Обычный 2 3 15 2 6 3 2" xfId="8898"/>
    <cellStyle name="Обычный 2 3 15 2 6 4" xfId="8899"/>
    <cellStyle name="Обычный 2 3 15 2 6 4 2" xfId="8900"/>
    <cellStyle name="Обычный 2 3 15 2 6 5" xfId="8901"/>
    <cellStyle name="Обычный 2 3 15 2 6 5 2" xfId="8902"/>
    <cellStyle name="Обычный 2 3 15 2 6 6" xfId="8903"/>
    <cellStyle name="Обычный 2 3 15 2 7" xfId="8904"/>
    <cellStyle name="Обычный 2 3 15 2 7 2" xfId="8905"/>
    <cellStyle name="Обычный 2 3 15 2 7 2 2" xfId="8906"/>
    <cellStyle name="Обычный 2 3 15 2 7 2 2 2" xfId="8907"/>
    <cellStyle name="Обычный 2 3 15 2 7 2 3" xfId="8908"/>
    <cellStyle name="Обычный 2 3 15 2 7 2 3 2" xfId="8909"/>
    <cellStyle name="Обычный 2 3 15 2 7 2 4" xfId="8910"/>
    <cellStyle name="Обычный 2 3 15 2 7 3" xfId="8911"/>
    <cellStyle name="Обычный 2 3 15 2 7 3 2" xfId="8912"/>
    <cellStyle name="Обычный 2 3 15 2 7 4" xfId="8913"/>
    <cellStyle name="Обычный 2 3 15 2 7 4 2" xfId="8914"/>
    <cellStyle name="Обычный 2 3 15 2 7 5" xfId="8915"/>
    <cellStyle name="Обычный 2 3 15 2 7 5 2" xfId="8916"/>
    <cellStyle name="Обычный 2 3 15 2 7 6" xfId="8917"/>
    <cellStyle name="Обычный 2 3 15 2 8" xfId="8918"/>
    <cellStyle name="Обычный 2 3 15 2 8 2" xfId="8919"/>
    <cellStyle name="Обычный 2 3 15 2 8 2 2" xfId="8920"/>
    <cellStyle name="Обычный 2 3 15 2 8 3" xfId="8921"/>
    <cellStyle name="Обычный 2 3 15 2 8 3 2" xfId="8922"/>
    <cellStyle name="Обычный 2 3 15 2 8 4" xfId="8923"/>
    <cellStyle name="Обычный 2 3 15 2 9" xfId="8924"/>
    <cellStyle name="Обычный 2 3 15 2 9 2" xfId="8925"/>
    <cellStyle name="Обычный 2 3 15 2 9 2 2" xfId="8926"/>
    <cellStyle name="Обычный 2 3 15 2 9 3" xfId="8927"/>
    <cellStyle name="Обычный 2 3 15 3" xfId="8928"/>
    <cellStyle name="Обычный 2 3 15 3 10" xfId="8929"/>
    <cellStyle name="Обычный 2 3 15 3 2" xfId="8930"/>
    <cellStyle name="Обычный 2 3 15 3 2 2" xfId="8931"/>
    <cellStyle name="Обычный 2 3 15 3 2 2 2" xfId="8932"/>
    <cellStyle name="Обычный 2 3 15 3 2 2 2 2" xfId="8933"/>
    <cellStyle name="Обычный 2 3 15 3 2 2 3" xfId="8934"/>
    <cellStyle name="Обычный 2 3 15 3 2 2 3 2" xfId="8935"/>
    <cellStyle name="Обычный 2 3 15 3 2 2 4" xfId="8936"/>
    <cellStyle name="Обычный 2 3 15 3 2 3" xfId="8937"/>
    <cellStyle name="Обычный 2 3 15 3 2 3 2" xfId="8938"/>
    <cellStyle name="Обычный 2 3 15 3 2 4" xfId="8939"/>
    <cellStyle name="Обычный 2 3 15 3 2 4 2" xfId="8940"/>
    <cellStyle name="Обычный 2 3 15 3 2 5" xfId="8941"/>
    <cellStyle name="Обычный 2 3 15 3 2 5 2" xfId="8942"/>
    <cellStyle name="Обычный 2 3 15 3 2 6" xfId="8943"/>
    <cellStyle name="Обычный 2 3 15 3 3" xfId="8944"/>
    <cellStyle name="Обычный 2 3 15 3 3 2" xfId="8945"/>
    <cellStyle name="Обычный 2 3 15 3 3 2 2" xfId="8946"/>
    <cellStyle name="Обычный 2 3 15 3 3 2 2 2" xfId="8947"/>
    <cellStyle name="Обычный 2 3 15 3 3 2 3" xfId="8948"/>
    <cellStyle name="Обычный 2 3 15 3 3 2 3 2" xfId="8949"/>
    <cellStyle name="Обычный 2 3 15 3 3 2 4" xfId="8950"/>
    <cellStyle name="Обычный 2 3 15 3 3 3" xfId="8951"/>
    <cellStyle name="Обычный 2 3 15 3 3 3 2" xfId="8952"/>
    <cellStyle name="Обычный 2 3 15 3 3 4" xfId="8953"/>
    <cellStyle name="Обычный 2 3 15 3 3 4 2" xfId="8954"/>
    <cellStyle name="Обычный 2 3 15 3 3 5" xfId="8955"/>
    <cellStyle name="Обычный 2 3 15 3 3 5 2" xfId="8956"/>
    <cellStyle name="Обычный 2 3 15 3 3 6" xfId="8957"/>
    <cellStyle name="Обычный 2 3 15 3 4" xfId="8958"/>
    <cellStyle name="Обычный 2 3 15 3 4 2" xfId="8959"/>
    <cellStyle name="Обычный 2 3 15 3 4 2 2" xfId="8960"/>
    <cellStyle name="Обычный 2 3 15 3 4 2 2 2" xfId="8961"/>
    <cellStyle name="Обычный 2 3 15 3 4 2 3" xfId="8962"/>
    <cellStyle name="Обычный 2 3 15 3 4 2 3 2" xfId="8963"/>
    <cellStyle name="Обычный 2 3 15 3 4 2 4" xfId="8964"/>
    <cellStyle name="Обычный 2 3 15 3 4 3" xfId="8965"/>
    <cellStyle name="Обычный 2 3 15 3 4 3 2" xfId="8966"/>
    <cellStyle name="Обычный 2 3 15 3 4 4" xfId="8967"/>
    <cellStyle name="Обычный 2 3 15 3 4 4 2" xfId="8968"/>
    <cellStyle name="Обычный 2 3 15 3 4 5" xfId="8969"/>
    <cellStyle name="Обычный 2 3 15 3 4 5 2" xfId="8970"/>
    <cellStyle name="Обычный 2 3 15 3 4 6" xfId="8971"/>
    <cellStyle name="Обычный 2 3 15 3 5" xfId="8972"/>
    <cellStyle name="Обычный 2 3 15 3 5 2" xfId="8973"/>
    <cellStyle name="Обычный 2 3 15 3 5 2 2" xfId="8974"/>
    <cellStyle name="Обычный 2 3 15 3 5 2 2 2" xfId="8975"/>
    <cellStyle name="Обычный 2 3 15 3 5 2 3" xfId="8976"/>
    <cellStyle name="Обычный 2 3 15 3 5 2 3 2" xfId="8977"/>
    <cellStyle name="Обычный 2 3 15 3 5 2 4" xfId="8978"/>
    <cellStyle name="Обычный 2 3 15 3 5 3" xfId="8979"/>
    <cellStyle name="Обычный 2 3 15 3 5 3 2" xfId="8980"/>
    <cellStyle name="Обычный 2 3 15 3 5 4" xfId="8981"/>
    <cellStyle name="Обычный 2 3 15 3 5 4 2" xfId="8982"/>
    <cellStyle name="Обычный 2 3 15 3 5 5" xfId="8983"/>
    <cellStyle name="Обычный 2 3 15 3 5 5 2" xfId="8984"/>
    <cellStyle name="Обычный 2 3 15 3 5 6" xfId="8985"/>
    <cellStyle name="Обычный 2 3 15 3 6" xfId="8986"/>
    <cellStyle name="Обычный 2 3 15 3 6 2" xfId="8987"/>
    <cellStyle name="Обычный 2 3 15 3 6 2 2" xfId="8988"/>
    <cellStyle name="Обычный 2 3 15 3 6 3" xfId="8989"/>
    <cellStyle name="Обычный 2 3 15 3 6 3 2" xfId="8990"/>
    <cellStyle name="Обычный 2 3 15 3 6 4" xfId="8991"/>
    <cellStyle name="Обычный 2 3 15 3 7" xfId="8992"/>
    <cellStyle name="Обычный 2 3 15 3 7 2" xfId="8993"/>
    <cellStyle name="Обычный 2 3 15 3 8" xfId="8994"/>
    <cellStyle name="Обычный 2 3 15 3 8 2" xfId="8995"/>
    <cellStyle name="Обычный 2 3 15 3 9" xfId="8996"/>
    <cellStyle name="Обычный 2 3 15 3 9 2" xfId="8997"/>
    <cellStyle name="Обычный 2 3 15 4" xfId="8998"/>
    <cellStyle name="Обычный 2 3 15 4 2" xfId="8999"/>
    <cellStyle name="Обычный 2 3 15 4 2 2" xfId="9000"/>
    <cellStyle name="Обычный 2 3 15 4 2 2 2" xfId="9001"/>
    <cellStyle name="Обычный 2 3 15 4 2 2 2 2" xfId="9002"/>
    <cellStyle name="Обычный 2 3 15 4 2 2 3" xfId="9003"/>
    <cellStyle name="Обычный 2 3 15 4 2 2 3 2" xfId="9004"/>
    <cellStyle name="Обычный 2 3 15 4 2 2 4" xfId="9005"/>
    <cellStyle name="Обычный 2 3 15 4 2 3" xfId="9006"/>
    <cellStyle name="Обычный 2 3 15 4 2 3 2" xfId="9007"/>
    <cellStyle name="Обычный 2 3 15 4 2 4" xfId="9008"/>
    <cellStyle name="Обычный 2 3 15 4 2 4 2" xfId="9009"/>
    <cellStyle name="Обычный 2 3 15 4 2 5" xfId="9010"/>
    <cellStyle name="Обычный 2 3 15 4 2 5 2" xfId="9011"/>
    <cellStyle name="Обычный 2 3 15 4 2 6" xfId="9012"/>
    <cellStyle name="Обычный 2 3 15 4 3" xfId="9013"/>
    <cellStyle name="Обычный 2 3 15 4 3 2" xfId="9014"/>
    <cellStyle name="Обычный 2 3 15 4 3 2 2" xfId="9015"/>
    <cellStyle name="Обычный 2 3 15 4 3 2 2 2" xfId="9016"/>
    <cellStyle name="Обычный 2 3 15 4 3 2 3" xfId="9017"/>
    <cellStyle name="Обычный 2 3 15 4 3 2 3 2" xfId="9018"/>
    <cellStyle name="Обычный 2 3 15 4 3 2 4" xfId="9019"/>
    <cellStyle name="Обычный 2 3 15 4 3 3" xfId="9020"/>
    <cellStyle name="Обычный 2 3 15 4 3 3 2" xfId="9021"/>
    <cellStyle name="Обычный 2 3 15 4 3 4" xfId="9022"/>
    <cellStyle name="Обычный 2 3 15 4 3 4 2" xfId="9023"/>
    <cellStyle name="Обычный 2 3 15 4 3 5" xfId="9024"/>
    <cellStyle name="Обычный 2 3 15 4 3 5 2" xfId="9025"/>
    <cellStyle name="Обычный 2 3 15 4 3 6" xfId="9026"/>
    <cellStyle name="Обычный 2 3 15 4 4" xfId="9027"/>
    <cellStyle name="Обычный 2 3 15 4 4 2" xfId="9028"/>
    <cellStyle name="Обычный 2 3 15 4 4 2 2" xfId="9029"/>
    <cellStyle name="Обычный 2 3 15 4 4 2 2 2" xfId="9030"/>
    <cellStyle name="Обычный 2 3 15 4 4 2 3" xfId="9031"/>
    <cellStyle name="Обычный 2 3 15 4 4 2 3 2" xfId="9032"/>
    <cellStyle name="Обычный 2 3 15 4 4 2 4" xfId="9033"/>
    <cellStyle name="Обычный 2 3 15 4 4 3" xfId="9034"/>
    <cellStyle name="Обычный 2 3 15 4 4 3 2" xfId="9035"/>
    <cellStyle name="Обычный 2 3 15 4 4 4" xfId="9036"/>
    <cellStyle name="Обычный 2 3 15 4 4 4 2" xfId="9037"/>
    <cellStyle name="Обычный 2 3 15 4 4 5" xfId="9038"/>
    <cellStyle name="Обычный 2 3 15 4 4 5 2" xfId="9039"/>
    <cellStyle name="Обычный 2 3 15 4 4 6" xfId="9040"/>
    <cellStyle name="Обычный 2 3 15 4 5" xfId="9041"/>
    <cellStyle name="Обычный 2 3 15 4 5 2" xfId="9042"/>
    <cellStyle name="Обычный 2 3 15 4 5 2 2" xfId="9043"/>
    <cellStyle name="Обычный 2 3 15 4 5 3" xfId="9044"/>
    <cellStyle name="Обычный 2 3 15 4 5 3 2" xfId="9045"/>
    <cellStyle name="Обычный 2 3 15 4 5 4" xfId="9046"/>
    <cellStyle name="Обычный 2 3 15 4 6" xfId="9047"/>
    <cellStyle name="Обычный 2 3 15 4 6 2" xfId="9048"/>
    <cellStyle name="Обычный 2 3 15 4 7" xfId="9049"/>
    <cellStyle name="Обычный 2 3 15 4 7 2" xfId="9050"/>
    <cellStyle name="Обычный 2 3 15 4 8" xfId="9051"/>
    <cellStyle name="Обычный 2 3 15 4 8 2" xfId="9052"/>
    <cellStyle name="Обычный 2 3 15 4 9" xfId="9053"/>
    <cellStyle name="Обычный 2 3 15 5" xfId="9054"/>
    <cellStyle name="Обычный 2 3 15 5 2" xfId="9055"/>
    <cellStyle name="Обычный 2 3 15 5 2 2" xfId="9056"/>
    <cellStyle name="Обычный 2 3 15 5 2 2 2" xfId="9057"/>
    <cellStyle name="Обычный 2 3 15 5 2 3" xfId="9058"/>
    <cellStyle name="Обычный 2 3 15 5 2 3 2" xfId="9059"/>
    <cellStyle name="Обычный 2 3 15 5 2 4" xfId="9060"/>
    <cellStyle name="Обычный 2 3 15 5 3" xfId="9061"/>
    <cellStyle name="Обычный 2 3 15 5 3 2" xfId="9062"/>
    <cellStyle name="Обычный 2 3 15 5 4" xfId="9063"/>
    <cellStyle name="Обычный 2 3 15 5 4 2" xfId="9064"/>
    <cellStyle name="Обычный 2 3 15 5 5" xfId="9065"/>
    <cellStyle name="Обычный 2 3 15 5 5 2" xfId="9066"/>
    <cellStyle name="Обычный 2 3 15 5 6" xfId="9067"/>
    <cellStyle name="Обычный 2 3 15 6" xfId="9068"/>
    <cellStyle name="Обычный 2 3 15 6 2" xfId="9069"/>
    <cellStyle name="Обычный 2 3 15 6 2 2" xfId="9070"/>
    <cellStyle name="Обычный 2 3 15 6 2 2 2" xfId="9071"/>
    <cellStyle name="Обычный 2 3 15 6 2 3" xfId="9072"/>
    <cellStyle name="Обычный 2 3 15 6 2 3 2" xfId="9073"/>
    <cellStyle name="Обычный 2 3 15 6 2 4" xfId="9074"/>
    <cellStyle name="Обычный 2 3 15 6 3" xfId="9075"/>
    <cellStyle name="Обычный 2 3 15 6 3 2" xfId="9076"/>
    <cellStyle name="Обычный 2 3 15 6 4" xfId="9077"/>
    <cellStyle name="Обычный 2 3 15 6 4 2" xfId="9078"/>
    <cellStyle name="Обычный 2 3 15 6 5" xfId="9079"/>
    <cellStyle name="Обычный 2 3 15 6 5 2" xfId="9080"/>
    <cellStyle name="Обычный 2 3 15 6 6" xfId="9081"/>
    <cellStyle name="Обычный 2 3 15 7" xfId="9082"/>
    <cellStyle name="Обычный 2 3 15 7 2" xfId="9083"/>
    <cellStyle name="Обычный 2 3 15 7 2 2" xfId="9084"/>
    <cellStyle name="Обычный 2 3 15 7 2 2 2" xfId="9085"/>
    <cellStyle name="Обычный 2 3 15 7 2 3" xfId="9086"/>
    <cellStyle name="Обычный 2 3 15 7 2 3 2" xfId="9087"/>
    <cellStyle name="Обычный 2 3 15 7 2 4" xfId="9088"/>
    <cellStyle name="Обычный 2 3 15 7 3" xfId="9089"/>
    <cellStyle name="Обычный 2 3 15 7 3 2" xfId="9090"/>
    <cellStyle name="Обычный 2 3 15 7 4" xfId="9091"/>
    <cellStyle name="Обычный 2 3 15 7 4 2" xfId="9092"/>
    <cellStyle name="Обычный 2 3 15 7 5" xfId="9093"/>
    <cellStyle name="Обычный 2 3 15 7 5 2" xfId="9094"/>
    <cellStyle name="Обычный 2 3 15 7 6" xfId="9095"/>
    <cellStyle name="Обычный 2 3 15 8" xfId="9096"/>
    <cellStyle name="Обычный 2 3 15 8 2" xfId="9097"/>
    <cellStyle name="Обычный 2 3 15 8 2 2" xfId="9098"/>
    <cellStyle name="Обычный 2 3 15 8 2 2 2" xfId="9099"/>
    <cellStyle name="Обычный 2 3 15 8 2 3" xfId="9100"/>
    <cellStyle name="Обычный 2 3 15 8 2 3 2" xfId="9101"/>
    <cellStyle name="Обычный 2 3 15 8 2 4" xfId="9102"/>
    <cellStyle name="Обычный 2 3 15 8 3" xfId="9103"/>
    <cellStyle name="Обычный 2 3 15 8 3 2" xfId="9104"/>
    <cellStyle name="Обычный 2 3 15 8 4" xfId="9105"/>
    <cellStyle name="Обычный 2 3 15 8 4 2" xfId="9106"/>
    <cellStyle name="Обычный 2 3 15 8 5" xfId="9107"/>
    <cellStyle name="Обычный 2 3 15 8 5 2" xfId="9108"/>
    <cellStyle name="Обычный 2 3 15 8 6" xfId="9109"/>
    <cellStyle name="Обычный 2 3 15 9" xfId="9110"/>
    <cellStyle name="Обычный 2 3 15 9 2" xfId="9111"/>
    <cellStyle name="Обычный 2 3 15 9 2 2" xfId="9112"/>
    <cellStyle name="Обычный 2 3 15 9 3" xfId="9113"/>
    <cellStyle name="Обычный 2 3 15 9 3 2" xfId="9114"/>
    <cellStyle name="Обычный 2 3 15 9 4" xfId="9115"/>
    <cellStyle name="Обычный 2 3 16" xfId="9116"/>
    <cellStyle name="Обычный 2 3 16 10" xfId="9117"/>
    <cellStyle name="Обычный 2 3 16 10 2" xfId="9118"/>
    <cellStyle name="Обычный 2 3 16 11" xfId="9119"/>
    <cellStyle name="Обычный 2 3 16 11 2" xfId="9120"/>
    <cellStyle name="Обычный 2 3 16 12" xfId="9121"/>
    <cellStyle name="Обычный 2 3 16 13" xfId="9122"/>
    <cellStyle name="Обычный 2 3 16 2" xfId="9123"/>
    <cellStyle name="Обычный 2 3 16 2 10" xfId="9124"/>
    <cellStyle name="Обычный 2 3 16 2 2" xfId="9125"/>
    <cellStyle name="Обычный 2 3 16 2 2 2" xfId="9126"/>
    <cellStyle name="Обычный 2 3 16 2 2 2 2" xfId="9127"/>
    <cellStyle name="Обычный 2 3 16 2 2 2 2 2" xfId="9128"/>
    <cellStyle name="Обычный 2 3 16 2 2 2 3" xfId="9129"/>
    <cellStyle name="Обычный 2 3 16 2 2 2 3 2" xfId="9130"/>
    <cellStyle name="Обычный 2 3 16 2 2 2 4" xfId="9131"/>
    <cellStyle name="Обычный 2 3 16 2 2 3" xfId="9132"/>
    <cellStyle name="Обычный 2 3 16 2 2 3 2" xfId="9133"/>
    <cellStyle name="Обычный 2 3 16 2 2 4" xfId="9134"/>
    <cellStyle name="Обычный 2 3 16 2 2 4 2" xfId="9135"/>
    <cellStyle name="Обычный 2 3 16 2 2 5" xfId="9136"/>
    <cellStyle name="Обычный 2 3 16 2 2 5 2" xfId="9137"/>
    <cellStyle name="Обычный 2 3 16 2 2 6" xfId="9138"/>
    <cellStyle name="Обычный 2 3 16 2 3" xfId="9139"/>
    <cellStyle name="Обычный 2 3 16 2 3 2" xfId="9140"/>
    <cellStyle name="Обычный 2 3 16 2 3 2 2" xfId="9141"/>
    <cellStyle name="Обычный 2 3 16 2 3 2 2 2" xfId="9142"/>
    <cellStyle name="Обычный 2 3 16 2 3 2 3" xfId="9143"/>
    <cellStyle name="Обычный 2 3 16 2 3 2 3 2" xfId="9144"/>
    <cellStyle name="Обычный 2 3 16 2 3 2 4" xfId="9145"/>
    <cellStyle name="Обычный 2 3 16 2 3 3" xfId="9146"/>
    <cellStyle name="Обычный 2 3 16 2 3 3 2" xfId="9147"/>
    <cellStyle name="Обычный 2 3 16 2 3 4" xfId="9148"/>
    <cellStyle name="Обычный 2 3 16 2 3 4 2" xfId="9149"/>
    <cellStyle name="Обычный 2 3 16 2 3 5" xfId="9150"/>
    <cellStyle name="Обычный 2 3 16 2 3 5 2" xfId="9151"/>
    <cellStyle name="Обычный 2 3 16 2 3 6" xfId="9152"/>
    <cellStyle name="Обычный 2 3 16 2 4" xfId="9153"/>
    <cellStyle name="Обычный 2 3 16 2 4 2" xfId="9154"/>
    <cellStyle name="Обычный 2 3 16 2 4 2 2" xfId="9155"/>
    <cellStyle name="Обычный 2 3 16 2 4 2 2 2" xfId="9156"/>
    <cellStyle name="Обычный 2 3 16 2 4 2 3" xfId="9157"/>
    <cellStyle name="Обычный 2 3 16 2 4 2 3 2" xfId="9158"/>
    <cellStyle name="Обычный 2 3 16 2 4 2 4" xfId="9159"/>
    <cellStyle name="Обычный 2 3 16 2 4 3" xfId="9160"/>
    <cellStyle name="Обычный 2 3 16 2 4 3 2" xfId="9161"/>
    <cellStyle name="Обычный 2 3 16 2 4 4" xfId="9162"/>
    <cellStyle name="Обычный 2 3 16 2 4 4 2" xfId="9163"/>
    <cellStyle name="Обычный 2 3 16 2 4 5" xfId="9164"/>
    <cellStyle name="Обычный 2 3 16 2 4 5 2" xfId="9165"/>
    <cellStyle name="Обычный 2 3 16 2 4 6" xfId="9166"/>
    <cellStyle name="Обычный 2 3 16 2 5" xfId="9167"/>
    <cellStyle name="Обычный 2 3 16 2 5 2" xfId="9168"/>
    <cellStyle name="Обычный 2 3 16 2 5 2 2" xfId="9169"/>
    <cellStyle name="Обычный 2 3 16 2 5 2 2 2" xfId="9170"/>
    <cellStyle name="Обычный 2 3 16 2 5 2 3" xfId="9171"/>
    <cellStyle name="Обычный 2 3 16 2 5 2 3 2" xfId="9172"/>
    <cellStyle name="Обычный 2 3 16 2 5 2 4" xfId="9173"/>
    <cellStyle name="Обычный 2 3 16 2 5 3" xfId="9174"/>
    <cellStyle name="Обычный 2 3 16 2 5 3 2" xfId="9175"/>
    <cellStyle name="Обычный 2 3 16 2 5 4" xfId="9176"/>
    <cellStyle name="Обычный 2 3 16 2 5 4 2" xfId="9177"/>
    <cellStyle name="Обычный 2 3 16 2 5 5" xfId="9178"/>
    <cellStyle name="Обычный 2 3 16 2 5 5 2" xfId="9179"/>
    <cellStyle name="Обычный 2 3 16 2 5 6" xfId="9180"/>
    <cellStyle name="Обычный 2 3 16 2 6" xfId="9181"/>
    <cellStyle name="Обычный 2 3 16 2 6 2" xfId="9182"/>
    <cellStyle name="Обычный 2 3 16 2 6 2 2" xfId="9183"/>
    <cellStyle name="Обычный 2 3 16 2 6 3" xfId="9184"/>
    <cellStyle name="Обычный 2 3 16 2 6 3 2" xfId="9185"/>
    <cellStyle name="Обычный 2 3 16 2 6 4" xfId="9186"/>
    <cellStyle name="Обычный 2 3 16 2 7" xfId="9187"/>
    <cellStyle name="Обычный 2 3 16 2 7 2" xfId="9188"/>
    <cellStyle name="Обычный 2 3 16 2 8" xfId="9189"/>
    <cellStyle name="Обычный 2 3 16 2 8 2" xfId="9190"/>
    <cellStyle name="Обычный 2 3 16 2 9" xfId="9191"/>
    <cellStyle name="Обычный 2 3 16 2 9 2" xfId="9192"/>
    <cellStyle name="Обычный 2 3 16 3" xfId="9193"/>
    <cellStyle name="Обычный 2 3 16 3 2" xfId="9194"/>
    <cellStyle name="Обычный 2 3 16 3 2 2" xfId="9195"/>
    <cellStyle name="Обычный 2 3 16 3 2 2 2" xfId="9196"/>
    <cellStyle name="Обычный 2 3 16 3 2 2 2 2" xfId="9197"/>
    <cellStyle name="Обычный 2 3 16 3 2 2 3" xfId="9198"/>
    <cellStyle name="Обычный 2 3 16 3 2 2 3 2" xfId="9199"/>
    <cellStyle name="Обычный 2 3 16 3 2 2 4" xfId="9200"/>
    <cellStyle name="Обычный 2 3 16 3 2 3" xfId="9201"/>
    <cellStyle name="Обычный 2 3 16 3 2 3 2" xfId="9202"/>
    <cellStyle name="Обычный 2 3 16 3 2 4" xfId="9203"/>
    <cellStyle name="Обычный 2 3 16 3 2 4 2" xfId="9204"/>
    <cellStyle name="Обычный 2 3 16 3 2 5" xfId="9205"/>
    <cellStyle name="Обычный 2 3 16 3 2 5 2" xfId="9206"/>
    <cellStyle name="Обычный 2 3 16 3 2 6" xfId="9207"/>
    <cellStyle name="Обычный 2 3 16 3 3" xfId="9208"/>
    <cellStyle name="Обычный 2 3 16 3 3 2" xfId="9209"/>
    <cellStyle name="Обычный 2 3 16 3 3 2 2" xfId="9210"/>
    <cellStyle name="Обычный 2 3 16 3 3 2 2 2" xfId="9211"/>
    <cellStyle name="Обычный 2 3 16 3 3 2 3" xfId="9212"/>
    <cellStyle name="Обычный 2 3 16 3 3 2 3 2" xfId="9213"/>
    <cellStyle name="Обычный 2 3 16 3 3 2 4" xfId="9214"/>
    <cellStyle name="Обычный 2 3 16 3 3 3" xfId="9215"/>
    <cellStyle name="Обычный 2 3 16 3 3 3 2" xfId="9216"/>
    <cellStyle name="Обычный 2 3 16 3 3 4" xfId="9217"/>
    <cellStyle name="Обычный 2 3 16 3 3 4 2" xfId="9218"/>
    <cellStyle name="Обычный 2 3 16 3 3 5" xfId="9219"/>
    <cellStyle name="Обычный 2 3 16 3 3 5 2" xfId="9220"/>
    <cellStyle name="Обычный 2 3 16 3 3 6" xfId="9221"/>
    <cellStyle name="Обычный 2 3 16 3 4" xfId="9222"/>
    <cellStyle name="Обычный 2 3 16 3 4 2" xfId="9223"/>
    <cellStyle name="Обычный 2 3 16 3 4 2 2" xfId="9224"/>
    <cellStyle name="Обычный 2 3 16 3 4 2 2 2" xfId="9225"/>
    <cellStyle name="Обычный 2 3 16 3 4 2 3" xfId="9226"/>
    <cellStyle name="Обычный 2 3 16 3 4 2 3 2" xfId="9227"/>
    <cellStyle name="Обычный 2 3 16 3 4 2 4" xfId="9228"/>
    <cellStyle name="Обычный 2 3 16 3 4 3" xfId="9229"/>
    <cellStyle name="Обычный 2 3 16 3 4 3 2" xfId="9230"/>
    <cellStyle name="Обычный 2 3 16 3 4 4" xfId="9231"/>
    <cellStyle name="Обычный 2 3 16 3 4 4 2" xfId="9232"/>
    <cellStyle name="Обычный 2 3 16 3 4 5" xfId="9233"/>
    <cellStyle name="Обычный 2 3 16 3 4 5 2" xfId="9234"/>
    <cellStyle name="Обычный 2 3 16 3 4 6" xfId="9235"/>
    <cellStyle name="Обычный 2 3 16 3 5" xfId="9236"/>
    <cellStyle name="Обычный 2 3 16 3 5 2" xfId="9237"/>
    <cellStyle name="Обычный 2 3 16 3 5 2 2" xfId="9238"/>
    <cellStyle name="Обычный 2 3 16 3 5 3" xfId="9239"/>
    <cellStyle name="Обычный 2 3 16 3 5 3 2" xfId="9240"/>
    <cellStyle name="Обычный 2 3 16 3 5 4" xfId="9241"/>
    <cellStyle name="Обычный 2 3 16 3 6" xfId="9242"/>
    <cellStyle name="Обычный 2 3 16 3 6 2" xfId="9243"/>
    <cellStyle name="Обычный 2 3 16 3 7" xfId="9244"/>
    <cellStyle name="Обычный 2 3 16 3 7 2" xfId="9245"/>
    <cellStyle name="Обычный 2 3 16 3 8" xfId="9246"/>
    <cellStyle name="Обычный 2 3 16 3 8 2" xfId="9247"/>
    <cellStyle name="Обычный 2 3 16 3 9" xfId="9248"/>
    <cellStyle name="Обычный 2 3 16 4" xfId="9249"/>
    <cellStyle name="Обычный 2 3 16 4 2" xfId="9250"/>
    <cellStyle name="Обычный 2 3 16 4 2 2" xfId="9251"/>
    <cellStyle name="Обычный 2 3 16 4 2 2 2" xfId="9252"/>
    <cellStyle name="Обычный 2 3 16 4 2 3" xfId="9253"/>
    <cellStyle name="Обычный 2 3 16 4 2 3 2" xfId="9254"/>
    <cellStyle name="Обычный 2 3 16 4 2 4" xfId="9255"/>
    <cellStyle name="Обычный 2 3 16 4 3" xfId="9256"/>
    <cellStyle name="Обычный 2 3 16 4 3 2" xfId="9257"/>
    <cellStyle name="Обычный 2 3 16 4 4" xfId="9258"/>
    <cellStyle name="Обычный 2 3 16 4 4 2" xfId="9259"/>
    <cellStyle name="Обычный 2 3 16 4 5" xfId="9260"/>
    <cellStyle name="Обычный 2 3 16 4 5 2" xfId="9261"/>
    <cellStyle name="Обычный 2 3 16 4 6" xfId="9262"/>
    <cellStyle name="Обычный 2 3 16 5" xfId="9263"/>
    <cellStyle name="Обычный 2 3 16 5 2" xfId="9264"/>
    <cellStyle name="Обычный 2 3 16 5 2 2" xfId="9265"/>
    <cellStyle name="Обычный 2 3 16 5 2 2 2" xfId="9266"/>
    <cellStyle name="Обычный 2 3 16 5 2 3" xfId="9267"/>
    <cellStyle name="Обычный 2 3 16 5 2 3 2" xfId="9268"/>
    <cellStyle name="Обычный 2 3 16 5 2 4" xfId="9269"/>
    <cellStyle name="Обычный 2 3 16 5 3" xfId="9270"/>
    <cellStyle name="Обычный 2 3 16 5 3 2" xfId="9271"/>
    <cellStyle name="Обычный 2 3 16 5 4" xfId="9272"/>
    <cellStyle name="Обычный 2 3 16 5 4 2" xfId="9273"/>
    <cellStyle name="Обычный 2 3 16 5 5" xfId="9274"/>
    <cellStyle name="Обычный 2 3 16 5 5 2" xfId="9275"/>
    <cellStyle name="Обычный 2 3 16 5 6" xfId="9276"/>
    <cellStyle name="Обычный 2 3 16 6" xfId="9277"/>
    <cellStyle name="Обычный 2 3 16 6 2" xfId="9278"/>
    <cellStyle name="Обычный 2 3 16 6 2 2" xfId="9279"/>
    <cellStyle name="Обычный 2 3 16 6 2 2 2" xfId="9280"/>
    <cellStyle name="Обычный 2 3 16 6 2 3" xfId="9281"/>
    <cellStyle name="Обычный 2 3 16 6 2 3 2" xfId="9282"/>
    <cellStyle name="Обычный 2 3 16 6 2 4" xfId="9283"/>
    <cellStyle name="Обычный 2 3 16 6 3" xfId="9284"/>
    <cellStyle name="Обычный 2 3 16 6 3 2" xfId="9285"/>
    <cellStyle name="Обычный 2 3 16 6 4" xfId="9286"/>
    <cellStyle name="Обычный 2 3 16 6 4 2" xfId="9287"/>
    <cellStyle name="Обычный 2 3 16 6 5" xfId="9288"/>
    <cellStyle name="Обычный 2 3 16 6 5 2" xfId="9289"/>
    <cellStyle name="Обычный 2 3 16 6 6" xfId="9290"/>
    <cellStyle name="Обычный 2 3 16 7" xfId="9291"/>
    <cellStyle name="Обычный 2 3 16 7 2" xfId="9292"/>
    <cellStyle name="Обычный 2 3 16 7 2 2" xfId="9293"/>
    <cellStyle name="Обычный 2 3 16 7 2 2 2" xfId="9294"/>
    <cellStyle name="Обычный 2 3 16 7 2 3" xfId="9295"/>
    <cellStyle name="Обычный 2 3 16 7 2 3 2" xfId="9296"/>
    <cellStyle name="Обычный 2 3 16 7 2 4" xfId="9297"/>
    <cellStyle name="Обычный 2 3 16 7 3" xfId="9298"/>
    <cellStyle name="Обычный 2 3 16 7 3 2" xfId="9299"/>
    <cellStyle name="Обычный 2 3 16 7 4" xfId="9300"/>
    <cellStyle name="Обычный 2 3 16 7 4 2" xfId="9301"/>
    <cellStyle name="Обычный 2 3 16 7 5" xfId="9302"/>
    <cellStyle name="Обычный 2 3 16 7 5 2" xfId="9303"/>
    <cellStyle name="Обычный 2 3 16 7 6" xfId="9304"/>
    <cellStyle name="Обычный 2 3 16 8" xfId="9305"/>
    <cellStyle name="Обычный 2 3 16 8 2" xfId="9306"/>
    <cellStyle name="Обычный 2 3 16 8 2 2" xfId="9307"/>
    <cellStyle name="Обычный 2 3 16 8 3" xfId="9308"/>
    <cellStyle name="Обычный 2 3 16 8 3 2" xfId="9309"/>
    <cellStyle name="Обычный 2 3 16 8 4" xfId="9310"/>
    <cellStyle name="Обычный 2 3 16 9" xfId="9311"/>
    <cellStyle name="Обычный 2 3 16 9 2" xfId="9312"/>
    <cellStyle name="Обычный 2 3 16 9 2 2" xfId="9313"/>
    <cellStyle name="Обычный 2 3 16 9 3" xfId="9314"/>
    <cellStyle name="Обычный 2 3 17" xfId="9315"/>
    <cellStyle name="Обычный 2 3 17 10" xfId="9316"/>
    <cellStyle name="Обычный 2 3 17 10 2" xfId="9317"/>
    <cellStyle name="Обычный 2 3 17 11" xfId="9318"/>
    <cellStyle name="Обычный 2 3 17 11 2" xfId="9319"/>
    <cellStyle name="Обычный 2 3 17 12" xfId="9320"/>
    <cellStyle name="Обычный 2 3 17 13" xfId="9321"/>
    <cellStyle name="Обычный 2 3 17 2" xfId="9322"/>
    <cellStyle name="Обычный 2 3 17 2 10" xfId="9323"/>
    <cellStyle name="Обычный 2 3 17 2 2" xfId="9324"/>
    <cellStyle name="Обычный 2 3 17 2 2 2" xfId="9325"/>
    <cellStyle name="Обычный 2 3 17 2 2 2 2" xfId="9326"/>
    <cellStyle name="Обычный 2 3 17 2 2 2 2 2" xfId="9327"/>
    <cellStyle name="Обычный 2 3 17 2 2 2 3" xfId="9328"/>
    <cellStyle name="Обычный 2 3 17 2 2 2 3 2" xfId="9329"/>
    <cellStyle name="Обычный 2 3 17 2 2 2 4" xfId="9330"/>
    <cellStyle name="Обычный 2 3 17 2 2 3" xfId="9331"/>
    <cellStyle name="Обычный 2 3 17 2 2 3 2" xfId="9332"/>
    <cellStyle name="Обычный 2 3 17 2 2 4" xfId="9333"/>
    <cellStyle name="Обычный 2 3 17 2 2 4 2" xfId="9334"/>
    <cellStyle name="Обычный 2 3 17 2 2 5" xfId="9335"/>
    <cellStyle name="Обычный 2 3 17 2 2 5 2" xfId="9336"/>
    <cellStyle name="Обычный 2 3 17 2 2 6" xfId="9337"/>
    <cellStyle name="Обычный 2 3 17 2 3" xfId="9338"/>
    <cellStyle name="Обычный 2 3 17 2 3 2" xfId="9339"/>
    <cellStyle name="Обычный 2 3 17 2 3 2 2" xfId="9340"/>
    <cellStyle name="Обычный 2 3 17 2 3 2 2 2" xfId="9341"/>
    <cellStyle name="Обычный 2 3 17 2 3 2 3" xfId="9342"/>
    <cellStyle name="Обычный 2 3 17 2 3 2 3 2" xfId="9343"/>
    <cellStyle name="Обычный 2 3 17 2 3 2 4" xfId="9344"/>
    <cellStyle name="Обычный 2 3 17 2 3 3" xfId="9345"/>
    <cellStyle name="Обычный 2 3 17 2 3 3 2" xfId="9346"/>
    <cellStyle name="Обычный 2 3 17 2 3 4" xfId="9347"/>
    <cellStyle name="Обычный 2 3 17 2 3 4 2" xfId="9348"/>
    <cellStyle name="Обычный 2 3 17 2 3 5" xfId="9349"/>
    <cellStyle name="Обычный 2 3 17 2 3 5 2" xfId="9350"/>
    <cellStyle name="Обычный 2 3 17 2 3 6" xfId="9351"/>
    <cellStyle name="Обычный 2 3 17 2 4" xfId="9352"/>
    <cellStyle name="Обычный 2 3 17 2 4 2" xfId="9353"/>
    <cellStyle name="Обычный 2 3 17 2 4 2 2" xfId="9354"/>
    <cellStyle name="Обычный 2 3 17 2 4 2 2 2" xfId="9355"/>
    <cellStyle name="Обычный 2 3 17 2 4 2 3" xfId="9356"/>
    <cellStyle name="Обычный 2 3 17 2 4 2 3 2" xfId="9357"/>
    <cellStyle name="Обычный 2 3 17 2 4 2 4" xfId="9358"/>
    <cellStyle name="Обычный 2 3 17 2 4 3" xfId="9359"/>
    <cellStyle name="Обычный 2 3 17 2 4 3 2" xfId="9360"/>
    <cellStyle name="Обычный 2 3 17 2 4 4" xfId="9361"/>
    <cellStyle name="Обычный 2 3 17 2 4 4 2" xfId="9362"/>
    <cellStyle name="Обычный 2 3 17 2 4 5" xfId="9363"/>
    <cellStyle name="Обычный 2 3 17 2 4 5 2" xfId="9364"/>
    <cellStyle name="Обычный 2 3 17 2 4 6" xfId="9365"/>
    <cellStyle name="Обычный 2 3 17 2 5" xfId="9366"/>
    <cellStyle name="Обычный 2 3 17 2 5 2" xfId="9367"/>
    <cellStyle name="Обычный 2 3 17 2 5 2 2" xfId="9368"/>
    <cellStyle name="Обычный 2 3 17 2 5 2 2 2" xfId="9369"/>
    <cellStyle name="Обычный 2 3 17 2 5 2 3" xfId="9370"/>
    <cellStyle name="Обычный 2 3 17 2 5 2 3 2" xfId="9371"/>
    <cellStyle name="Обычный 2 3 17 2 5 2 4" xfId="9372"/>
    <cellStyle name="Обычный 2 3 17 2 5 3" xfId="9373"/>
    <cellStyle name="Обычный 2 3 17 2 5 3 2" xfId="9374"/>
    <cellStyle name="Обычный 2 3 17 2 5 4" xfId="9375"/>
    <cellStyle name="Обычный 2 3 17 2 5 4 2" xfId="9376"/>
    <cellStyle name="Обычный 2 3 17 2 5 5" xfId="9377"/>
    <cellStyle name="Обычный 2 3 17 2 5 5 2" xfId="9378"/>
    <cellStyle name="Обычный 2 3 17 2 5 6" xfId="9379"/>
    <cellStyle name="Обычный 2 3 17 2 6" xfId="9380"/>
    <cellStyle name="Обычный 2 3 17 2 6 2" xfId="9381"/>
    <cellStyle name="Обычный 2 3 17 2 6 2 2" xfId="9382"/>
    <cellStyle name="Обычный 2 3 17 2 6 3" xfId="9383"/>
    <cellStyle name="Обычный 2 3 17 2 6 3 2" xfId="9384"/>
    <cellStyle name="Обычный 2 3 17 2 6 4" xfId="9385"/>
    <cellStyle name="Обычный 2 3 17 2 7" xfId="9386"/>
    <cellStyle name="Обычный 2 3 17 2 7 2" xfId="9387"/>
    <cellStyle name="Обычный 2 3 17 2 8" xfId="9388"/>
    <cellStyle name="Обычный 2 3 17 2 8 2" xfId="9389"/>
    <cellStyle name="Обычный 2 3 17 2 9" xfId="9390"/>
    <cellStyle name="Обычный 2 3 17 2 9 2" xfId="9391"/>
    <cellStyle name="Обычный 2 3 17 3" xfId="9392"/>
    <cellStyle name="Обычный 2 3 17 3 2" xfId="9393"/>
    <cellStyle name="Обычный 2 3 17 3 2 2" xfId="9394"/>
    <cellStyle name="Обычный 2 3 17 3 2 2 2" xfId="9395"/>
    <cellStyle name="Обычный 2 3 17 3 2 2 2 2" xfId="9396"/>
    <cellStyle name="Обычный 2 3 17 3 2 2 3" xfId="9397"/>
    <cellStyle name="Обычный 2 3 17 3 2 2 3 2" xfId="9398"/>
    <cellStyle name="Обычный 2 3 17 3 2 2 4" xfId="9399"/>
    <cellStyle name="Обычный 2 3 17 3 2 3" xfId="9400"/>
    <cellStyle name="Обычный 2 3 17 3 2 3 2" xfId="9401"/>
    <cellStyle name="Обычный 2 3 17 3 2 4" xfId="9402"/>
    <cellStyle name="Обычный 2 3 17 3 2 4 2" xfId="9403"/>
    <cellStyle name="Обычный 2 3 17 3 2 5" xfId="9404"/>
    <cellStyle name="Обычный 2 3 17 3 2 5 2" xfId="9405"/>
    <cellStyle name="Обычный 2 3 17 3 2 6" xfId="9406"/>
    <cellStyle name="Обычный 2 3 17 3 3" xfId="9407"/>
    <cellStyle name="Обычный 2 3 17 3 3 2" xfId="9408"/>
    <cellStyle name="Обычный 2 3 17 3 3 2 2" xfId="9409"/>
    <cellStyle name="Обычный 2 3 17 3 3 2 2 2" xfId="9410"/>
    <cellStyle name="Обычный 2 3 17 3 3 2 3" xfId="9411"/>
    <cellStyle name="Обычный 2 3 17 3 3 2 3 2" xfId="9412"/>
    <cellStyle name="Обычный 2 3 17 3 3 2 4" xfId="9413"/>
    <cellStyle name="Обычный 2 3 17 3 3 3" xfId="9414"/>
    <cellStyle name="Обычный 2 3 17 3 3 3 2" xfId="9415"/>
    <cellStyle name="Обычный 2 3 17 3 3 4" xfId="9416"/>
    <cellStyle name="Обычный 2 3 17 3 3 4 2" xfId="9417"/>
    <cellStyle name="Обычный 2 3 17 3 3 5" xfId="9418"/>
    <cellStyle name="Обычный 2 3 17 3 3 5 2" xfId="9419"/>
    <cellStyle name="Обычный 2 3 17 3 3 6" xfId="9420"/>
    <cellStyle name="Обычный 2 3 17 3 4" xfId="9421"/>
    <cellStyle name="Обычный 2 3 17 3 4 2" xfId="9422"/>
    <cellStyle name="Обычный 2 3 17 3 4 2 2" xfId="9423"/>
    <cellStyle name="Обычный 2 3 17 3 4 2 2 2" xfId="9424"/>
    <cellStyle name="Обычный 2 3 17 3 4 2 3" xfId="9425"/>
    <cellStyle name="Обычный 2 3 17 3 4 2 3 2" xfId="9426"/>
    <cellStyle name="Обычный 2 3 17 3 4 2 4" xfId="9427"/>
    <cellStyle name="Обычный 2 3 17 3 4 3" xfId="9428"/>
    <cellStyle name="Обычный 2 3 17 3 4 3 2" xfId="9429"/>
    <cellStyle name="Обычный 2 3 17 3 4 4" xfId="9430"/>
    <cellStyle name="Обычный 2 3 17 3 4 4 2" xfId="9431"/>
    <cellStyle name="Обычный 2 3 17 3 4 5" xfId="9432"/>
    <cellStyle name="Обычный 2 3 17 3 4 5 2" xfId="9433"/>
    <cellStyle name="Обычный 2 3 17 3 4 6" xfId="9434"/>
    <cellStyle name="Обычный 2 3 17 3 5" xfId="9435"/>
    <cellStyle name="Обычный 2 3 17 3 5 2" xfId="9436"/>
    <cellStyle name="Обычный 2 3 17 3 5 2 2" xfId="9437"/>
    <cellStyle name="Обычный 2 3 17 3 5 3" xfId="9438"/>
    <cellStyle name="Обычный 2 3 17 3 5 3 2" xfId="9439"/>
    <cellStyle name="Обычный 2 3 17 3 5 4" xfId="9440"/>
    <cellStyle name="Обычный 2 3 17 3 6" xfId="9441"/>
    <cellStyle name="Обычный 2 3 17 3 6 2" xfId="9442"/>
    <cellStyle name="Обычный 2 3 17 3 7" xfId="9443"/>
    <cellStyle name="Обычный 2 3 17 3 7 2" xfId="9444"/>
    <cellStyle name="Обычный 2 3 17 3 8" xfId="9445"/>
    <cellStyle name="Обычный 2 3 17 3 8 2" xfId="9446"/>
    <cellStyle name="Обычный 2 3 17 3 9" xfId="9447"/>
    <cellStyle name="Обычный 2 3 17 4" xfId="9448"/>
    <cellStyle name="Обычный 2 3 17 4 2" xfId="9449"/>
    <cellStyle name="Обычный 2 3 17 4 2 2" xfId="9450"/>
    <cellStyle name="Обычный 2 3 17 4 2 2 2" xfId="9451"/>
    <cellStyle name="Обычный 2 3 17 4 2 3" xfId="9452"/>
    <cellStyle name="Обычный 2 3 17 4 2 3 2" xfId="9453"/>
    <cellStyle name="Обычный 2 3 17 4 2 4" xfId="9454"/>
    <cellStyle name="Обычный 2 3 17 4 3" xfId="9455"/>
    <cellStyle name="Обычный 2 3 17 4 3 2" xfId="9456"/>
    <cellStyle name="Обычный 2 3 17 4 4" xfId="9457"/>
    <cellStyle name="Обычный 2 3 17 4 4 2" xfId="9458"/>
    <cellStyle name="Обычный 2 3 17 4 5" xfId="9459"/>
    <cellStyle name="Обычный 2 3 17 4 5 2" xfId="9460"/>
    <cellStyle name="Обычный 2 3 17 4 6" xfId="9461"/>
    <cellStyle name="Обычный 2 3 17 5" xfId="9462"/>
    <cellStyle name="Обычный 2 3 17 5 2" xfId="9463"/>
    <cellStyle name="Обычный 2 3 17 5 2 2" xfId="9464"/>
    <cellStyle name="Обычный 2 3 17 5 2 2 2" xfId="9465"/>
    <cellStyle name="Обычный 2 3 17 5 2 3" xfId="9466"/>
    <cellStyle name="Обычный 2 3 17 5 2 3 2" xfId="9467"/>
    <cellStyle name="Обычный 2 3 17 5 2 4" xfId="9468"/>
    <cellStyle name="Обычный 2 3 17 5 3" xfId="9469"/>
    <cellStyle name="Обычный 2 3 17 5 3 2" xfId="9470"/>
    <cellStyle name="Обычный 2 3 17 5 4" xfId="9471"/>
    <cellStyle name="Обычный 2 3 17 5 4 2" xfId="9472"/>
    <cellStyle name="Обычный 2 3 17 5 5" xfId="9473"/>
    <cellStyle name="Обычный 2 3 17 5 5 2" xfId="9474"/>
    <cellStyle name="Обычный 2 3 17 5 6" xfId="9475"/>
    <cellStyle name="Обычный 2 3 17 6" xfId="9476"/>
    <cellStyle name="Обычный 2 3 17 6 2" xfId="9477"/>
    <cellStyle name="Обычный 2 3 17 6 2 2" xfId="9478"/>
    <cellStyle name="Обычный 2 3 17 6 2 2 2" xfId="9479"/>
    <cellStyle name="Обычный 2 3 17 6 2 3" xfId="9480"/>
    <cellStyle name="Обычный 2 3 17 6 2 3 2" xfId="9481"/>
    <cellStyle name="Обычный 2 3 17 6 2 4" xfId="9482"/>
    <cellStyle name="Обычный 2 3 17 6 3" xfId="9483"/>
    <cellStyle name="Обычный 2 3 17 6 3 2" xfId="9484"/>
    <cellStyle name="Обычный 2 3 17 6 4" xfId="9485"/>
    <cellStyle name="Обычный 2 3 17 6 4 2" xfId="9486"/>
    <cellStyle name="Обычный 2 3 17 6 5" xfId="9487"/>
    <cellStyle name="Обычный 2 3 17 6 5 2" xfId="9488"/>
    <cellStyle name="Обычный 2 3 17 6 6" xfId="9489"/>
    <cellStyle name="Обычный 2 3 17 7" xfId="9490"/>
    <cellStyle name="Обычный 2 3 17 7 2" xfId="9491"/>
    <cellStyle name="Обычный 2 3 17 7 2 2" xfId="9492"/>
    <cellStyle name="Обычный 2 3 17 7 2 2 2" xfId="9493"/>
    <cellStyle name="Обычный 2 3 17 7 2 3" xfId="9494"/>
    <cellStyle name="Обычный 2 3 17 7 2 3 2" xfId="9495"/>
    <cellStyle name="Обычный 2 3 17 7 2 4" xfId="9496"/>
    <cellStyle name="Обычный 2 3 17 7 3" xfId="9497"/>
    <cellStyle name="Обычный 2 3 17 7 3 2" xfId="9498"/>
    <cellStyle name="Обычный 2 3 17 7 4" xfId="9499"/>
    <cellStyle name="Обычный 2 3 17 7 4 2" xfId="9500"/>
    <cellStyle name="Обычный 2 3 17 7 5" xfId="9501"/>
    <cellStyle name="Обычный 2 3 17 7 5 2" xfId="9502"/>
    <cellStyle name="Обычный 2 3 17 7 6" xfId="9503"/>
    <cellStyle name="Обычный 2 3 17 8" xfId="9504"/>
    <cellStyle name="Обычный 2 3 17 8 2" xfId="9505"/>
    <cellStyle name="Обычный 2 3 17 8 2 2" xfId="9506"/>
    <cellStyle name="Обычный 2 3 17 8 3" xfId="9507"/>
    <cellStyle name="Обычный 2 3 17 8 3 2" xfId="9508"/>
    <cellStyle name="Обычный 2 3 17 8 4" xfId="9509"/>
    <cellStyle name="Обычный 2 3 17 9" xfId="9510"/>
    <cellStyle name="Обычный 2 3 17 9 2" xfId="9511"/>
    <cellStyle name="Обычный 2 3 17 9 2 2" xfId="9512"/>
    <cellStyle name="Обычный 2 3 17 9 3" xfId="9513"/>
    <cellStyle name="Обычный 2 3 18" xfId="9514"/>
    <cellStyle name="Обычный 2 3 18 10" xfId="9515"/>
    <cellStyle name="Обычный 2 3 18 10 2" xfId="9516"/>
    <cellStyle name="Обычный 2 3 18 11" xfId="9517"/>
    <cellStyle name="Обычный 2 3 18 11 2" xfId="9518"/>
    <cellStyle name="Обычный 2 3 18 12" xfId="9519"/>
    <cellStyle name="Обычный 2 3 18 13" xfId="9520"/>
    <cellStyle name="Обычный 2 3 18 2" xfId="9521"/>
    <cellStyle name="Обычный 2 3 18 2 10" xfId="9522"/>
    <cellStyle name="Обычный 2 3 18 2 2" xfId="9523"/>
    <cellStyle name="Обычный 2 3 18 2 2 2" xfId="9524"/>
    <cellStyle name="Обычный 2 3 18 2 2 2 2" xfId="9525"/>
    <cellStyle name="Обычный 2 3 18 2 2 2 2 2" xfId="9526"/>
    <cellStyle name="Обычный 2 3 18 2 2 2 3" xfId="9527"/>
    <cellStyle name="Обычный 2 3 18 2 2 2 3 2" xfId="9528"/>
    <cellStyle name="Обычный 2 3 18 2 2 2 4" xfId="9529"/>
    <cellStyle name="Обычный 2 3 18 2 2 3" xfId="9530"/>
    <cellStyle name="Обычный 2 3 18 2 2 3 2" xfId="9531"/>
    <cellStyle name="Обычный 2 3 18 2 2 4" xfId="9532"/>
    <cellStyle name="Обычный 2 3 18 2 2 4 2" xfId="9533"/>
    <cellStyle name="Обычный 2 3 18 2 2 5" xfId="9534"/>
    <cellStyle name="Обычный 2 3 18 2 2 5 2" xfId="9535"/>
    <cellStyle name="Обычный 2 3 18 2 2 6" xfId="9536"/>
    <cellStyle name="Обычный 2 3 18 2 3" xfId="9537"/>
    <cellStyle name="Обычный 2 3 18 2 3 2" xfId="9538"/>
    <cellStyle name="Обычный 2 3 18 2 3 2 2" xfId="9539"/>
    <cellStyle name="Обычный 2 3 18 2 3 2 2 2" xfId="9540"/>
    <cellStyle name="Обычный 2 3 18 2 3 2 3" xfId="9541"/>
    <cellStyle name="Обычный 2 3 18 2 3 2 3 2" xfId="9542"/>
    <cellStyle name="Обычный 2 3 18 2 3 2 4" xfId="9543"/>
    <cellStyle name="Обычный 2 3 18 2 3 3" xfId="9544"/>
    <cellStyle name="Обычный 2 3 18 2 3 3 2" xfId="9545"/>
    <cellStyle name="Обычный 2 3 18 2 3 4" xfId="9546"/>
    <cellStyle name="Обычный 2 3 18 2 3 4 2" xfId="9547"/>
    <cellStyle name="Обычный 2 3 18 2 3 5" xfId="9548"/>
    <cellStyle name="Обычный 2 3 18 2 3 5 2" xfId="9549"/>
    <cellStyle name="Обычный 2 3 18 2 3 6" xfId="9550"/>
    <cellStyle name="Обычный 2 3 18 2 4" xfId="9551"/>
    <cellStyle name="Обычный 2 3 18 2 4 2" xfId="9552"/>
    <cellStyle name="Обычный 2 3 18 2 4 2 2" xfId="9553"/>
    <cellStyle name="Обычный 2 3 18 2 4 2 2 2" xfId="9554"/>
    <cellStyle name="Обычный 2 3 18 2 4 2 3" xfId="9555"/>
    <cellStyle name="Обычный 2 3 18 2 4 2 3 2" xfId="9556"/>
    <cellStyle name="Обычный 2 3 18 2 4 2 4" xfId="9557"/>
    <cellStyle name="Обычный 2 3 18 2 4 3" xfId="9558"/>
    <cellStyle name="Обычный 2 3 18 2 4 3 2" xfId="9559"/>
    <cellStyle name="Обычный 2 3 18 2 4 4" xfId="9560"/>
    <cellStyle name="Обычный 2 3 18 2 4 4 2" xfId="9561"/>
    <cellStyle name="Обычный 2 3 18 2 4 5" xfId="9562"/>
    <cellStyle name="Обычный 2 3 18 2 4 5 2" xfId="9563"/>
    <cellStyle name="Обычный 2 3 18 2 4 6" xfId="9564"/>
    <cellStyle name="Обычный 2 3 18 2 5" xfId="9565"/>
    <cellStyle name="Обычный 2 3 18 2 5 2" xfId="9566"/>
    <cellStyle name="Обычный 2 3 18 2 5 2 2" xfId="9567"/>
    <cellStyle name="Обычный 2 3 18 2 5 2 2 2" xfId="9568"/>
    <cellStyle name="Обычный 2 3 18 2 5 2 3" xfId="9569"/>
    <cellStyle name="Обычный 2 3 18 2 5 2 3 2" xfId="9570"/>
    <cellStyle name="Обычный 2 3 18 2 5 2 4" xfId="9571"/>
    <cellStyle name="Обычный 2 3 18 2 5 3" xfId="9572"/>
    <cellStyle name="Обычный 2 3 18 2 5 3 2" xfId="9573"/>
    <cellStyle name="Обычный 2 3 18 2 5 4" xfId="9574"/>
    <cellStyle name="Обычный 2 3 18 2 5 4 2" xfId="9575"/>
    <cellStyle name="Обычный 2 3 18 2 5 5" xfId="9576"/>
    <cellStyle name="Обычный 2 3 18 2 5 5 2" xfId="9577"/>
    <cellStyle name="Обычный 2 3 18 2 5 6" xfId="9578"/>
    <cellStyle name="Обычный 2 3 18 2 6" xfId="9579"/>
    <cellStyle name="Обычный 2 3 18 2 6 2" xfId="9580"/>
    <cellStyle name="Обычный 2 3 18 2 6 2 2" xfId="9581"/>
    <cellStyle name="Обычный 2 3 18 2 6 3" xfId="9582"/>
    <cellStyle name="Обычный 2 3 18 2 6 3 2" xfId="9583"/>
    <cellStyle name="Обычный 2 3 18 2 6 4" xfId="9584"/>
    <cellStyle name="Обычный 2 3 18 2 7" xfId="9585"/>
    <cellStyle name="Обычный 2 3 18 2 7 2" xfId="9586"/>
    <cellStyle name="Обычный 2 3 18 2 8" xfId="9587"/>
    <cellStyle name="Обычный 2 3 18 2 8 2" xfId="9588"/>
    <cellStyle name="Обычный 2 3 18 2 9" xfId="9589"/>
    <cellStyle name="Обычный 2 3 18 2 9 2" xfId="9590"/>
    <cellStyle name="Обычный 2 3 18 3" xfId="9591"/>
    <cellStyle name="Обычный 2 3 18 3 2" xfId="9592"/>
    <cellStyle name="Обычный 2 3 18 3 2 2" xfId="9593"/>
    <cellStyle name="Обычный 2 3 18 3 2 2 2" xfId="9594"/>
    <cellStyle name="Обычный 2 3 18 3 2 2 2 2" xfId="9595"/>
    <cellStyle name="Обычный 2 3 18 3 2 2 3" xfId="9596"/>
    <cellStyle name="Обычный 2 3 18 3 2 2 3 2" xfId="9597"/>
    <cellStyle name="Обычный 2 3 18 3 2 2 4" xfId="9598"/>
    <cellStyle name="Обычный 2 3 18 3 2 3" xfId="9599"/>
    <cellStyle name="Обычный 2 3 18 3 2 3 2" xfId="9600"/>
    <cellStyle name="Обычный 2 3 18 3 2 4" xfId="9601"/>
    <cellStyle name="Обычный 2 3 18 3 2 4 2" xfId="9602"/>
    <cellStyle name="Обычный 2 3 18 3 2 5" xfId="9603"/>
    <cellStyle name="Обычный 2 3 18 3 2 5 2" xfId="9604"/>
    <cellStyle name="Обычный 2 3 18 3 2 6" xfId="9605"/>
    <cellStyle name="Обычный 2 3 18 3 3" xfId="9606"/>
    <cellStyle name="Обычный 2 3 18 3 3 2" xfId="9607"/>
    <cellStyle name="Обычный 2 3 18 3 3 2 2" xfId="9608"/>
    <cellStyle name="Обычный 2 3 18 3 3 2 2 2" xfId="9609"/>
    <cellStyle name="Обычный 2 3 18 3 3 2 3" xfId="9610"/>
    <cellStyle name="Обычный 2 3 18 3 3 2 3 2" xfId="9611"/>
    <cellStyle name="Обычный 2 3 18 3 3 2 4" xfId="9612"/>
    <cellStyle name="Обычный 2 3 18 3 3 3" xfId="9613"/>
    <cellStyle name="Обычный 2 3 18 3 3 3 2" xfId="9614"/>
    <cellStyle name="Обычный 2 3 18 3 3 4" xfId="9615"/>
    <cellStyle name="Обычный 2 3 18 3 3 4 2" xfId="9616"/>
    <cellStyle name="Обычный 2 3 18 3 3 5" xfId="9617"/>
    <cellStyle name="Обычный 2 3 18 3 3 5 2" xfId="9618"/>
    <cellStyle name="Обычный 2 3 18 3 3 6" xfId="9619"/>
    <cellStyle name="Обычный 2 3 18 3 4" xfId="9620"/>
    <cellStyle name="Обычный 2 3 18 3 4 2" xfId="9621"/>
    <cellStyle name="Обычный 2 3 18 3 4 2 2" xfId="9622"/>
    <cellStyle name="Обычный 2 3 18 3 4 2 2 2" xfId="9623"/>
    <cellStyle name="Обычный 2 3 18 3 4 2 3" xfId="9624"/>
    <cellStyle name="Обычный 2 3 18 3 4 2 3 2" xfId="9625"/>
    <cellStyle name="Обычный 2 3 18 3 4 2 4" xfId="9626"/>
    <cellStyle name="Обычный 2 3 18 3 4 3" xfId="9627"/>
    <cellStyle name="Обычный 2 3 18 3 4 3 2" xfId="9628"/>
    <cellStyle name="Обычный 2 3 18 3 4 4" xfId="9629"/>
    <cellStyle name="Обычный 2 3 18 3 4 4 2" xfId="9630"/>
    <cellStyle name="Обычный 2 3 18 3 4 5" xfId="9631"/>
    <cellStyle name="Обычный 2 3 18 3 4 5 2" xfId="9632"/>
    <cellStyle name="Обычный 2 3 18 3 4 6" xfId="9633"/>
    <cellStyle name="Обычный 2 3 18 3 5" xfId="9634"/>
    <cellStyle name="Обычный 2 3 18 3 5 2" xfId="9635"/>
    <cellStyle name="Обычный 2 3 18 3 5 2 2" xfId="9636"/>
    <cellStyle name="Обычный 2 3 18 3 5 3" xfId="9637"/>
    <cellStyle name="Обычный 2 3 18 3 5 3 2" xfId="9638"/>
    <cellStyle name="Обычный 2 3 18 3 5 4" xfId="9639"/>
    <cellStyle name="Обычный 2 3 18 3 6" xfId="9640"/>
    <cellStyle name="Обычный 2 3 18 3 6 2" xfId="9641"/>
    <cellStyle name="Обычный 2 3 18 3 7" xfId="9642"/>
    <cellStyle name="Обычный 2 3 18 3 7 2" xfId="9643"/>
    <cellStyle name="Обычный 2 3 18 3 8" xfId="9644"/>
    <cellStyle name="Обычный 2 3 18 3 8 2" xfId="9645"/>
    <cellStyle name="Обычный 2 3 18 3 9" xfId="9646"/>
    <cellStyle name="Обычный 2 3 18 4" xfId="9647"/>
    <cellStyle name="Обычный 2 3 18 4 2" xfId="9648"/>
    <cellStyle name="Обычный 2 3 18 4 2 2" xfId="9649"/>
    <cellStyle name="Обычный 2 3 18 4 2 2 2" xfId="9650"/>
    <cellStyle name="Обычный 2 3 18 4 2 3" xfId="9651"/>
    <cellStyle name="Обычный 2 3 18 4 2 3 2" xfId="9652"/>
    <cellStyle name="Обычный 2 3 18 4 2 4" xfId="9653"/>
    <cellStyle name="Обычный 2 3 18 4 3" xfId="9654"/>
    <cellStyle name="Обычный 2 3 18 4 3 2" xfId="9655"/>
    <cellStyle name="Обычный 2 3 18 4 4" xfId="9656"/>
    <cellStyle name="Обычный 2 3 18 4 4 2" xfId="9657"/>
    <cellStyle name="Обычный 2 3 18 4 5" xfId="9658"/>
    <cellStyle name="Обычный 2 3 18 4 5 2" xfId="9659"/>
    <cellStyle name="Обычный 2 3 18 4 6" xfId="9660"/>
    <cellStyle name="Обычный 2 3 18 5" xfId="9661"/>
    <cellStyle name="Обычный 2 3 18 5 2" xfId="9662"/>
    <cellStyle name="Обычный 2 3 18 5 2 2" xfId="9663"/>
    <cellStyle name="Обычный 2 3 18 5 2 2 2" xfId="9664"/>
    <cellStyle name="Обычный 2 3 18 5 2 3" xfId="9665"/>
    <cellStyle name="Обычный 2 3 18 5 2 3 2" xfId="9666"/>
    <cellStyle name="Обычный 2 3 18 5 2 4" xfId="9667"/>
    <cellStyle name="Обычный 2 3 18 5 3" xfId="9668"/>
    <cellStyle name="Обычный 2 3 18 5 3 2" xfId="9669"/>
    <cellStyle name="Обычный 2 3 18 5 4" xfId="9670"/>
    <cellStyle name="Обычный 2 3 18 5 4 2" xfId="9671"/>
    <cellStyle name="Обычный 2 3 18 5 5" xfId="9672"/>
    <cellStyle name="Обычный 2 3 18 5 5 2" xfId="9673"/>
    <cellStyle name="Обычный 2 3 18 5 6" xfId="9674"/>
    <cellStyle name="Обычный 2 3 18 6" xfId="9675"/>
    <cellStyle name="Обычный 2 3 18 6 2" xfId="9676"/>
    <cellStyle name="Обычный 2 3 18 6 2 2" xfId="9677"/>
    <cellStyle name="Обычный 2 3 18 6 2 2 2" xfId="9678"/>
    <cellStyle name="Обычный 2 3 18 6 2 3" xfId="9679"/>
    <cellStyle name="Обычный 2 3 18 6 2 3 2" xfId="9680"/>
    <cellStyle name="Обычный 2 3 18 6 2 4" xfId="9681"/>
    <cellStyle name="Обычный 2 3 18 6 3" xfId="9682"/>
    <cellStyle name="Обычный 2 3 18 6 3 2" xfId="9683"/>
    <cellStyle name="Обычный 2 3 18 6 4" xfId="9684"/>
    <cellStyle name="Обычный 2 3 18 6 4 2" xfId="9685"/>
    <cellStyle name="Обычный 2 3 18 6 5" xfId="9686"/>
    <cellStyle name="Обычный 2 3 18 6 5 2" xfId="9687"/>
    <cellStyle name="Обычный 2 3 18 6 6" xfId="9688"/>
    <cellStyle name="Обычный 2 3 18 7" xfId="9689"/>
    <cellStyle name="Обычный 2 3 18 7 2" xfId="9690"/>
    <cellStyle name="Обычный 2 3 18 7 2 2" xfId="9691"/>
    <cellStyle name="Обычный 2 3 18 7 2 2 2" xfId="9692"/>
    <cellStyle name="Обычный 2 3 18 7 2 3" xfId="9693"/>
    <cellStyle name="Обычный 2 3 18 7 2 3 2" xfId="9694"/>
    <cellStyle name="Обычный 2 3 18 7 2 4" xfId="9695"/>
    <cellStyle name="Обычный 2 3 18 7 3" xfId="9696"/>
    <cellStyle name="Обычный 2 3 18 7 3 2" xfId="9697"/>
    <cellStyle name="Обычный 2 3 18 7 4" xfId="9698"/>
    <cellStyle name="Обычный 2 3 18 7 4 2" xfId="9699"/>
    <cellStyle name="Обычный 2 3 18 7 5" xfId="9700"/>
    <cellStyle name="Обычный 2 3 18 7 5 2" xfId="9701"/>
    <cellStyle name="Обычный 2 3 18 7 6" xfId="9702"/>
    <cellStyle name="Обычный 2 3 18 8" xfId="9703"/>
    <cellStyle name="Обычный 2 3 18 8 2" xfId="9704"/>
    <cellStyle name="Обычный 2 3 18 8 2 2" xfId="9705"/>
    <cellStyle name="Обычный 2 3 18 8 3" xfId="9706"/>
    <cellStyle name="Обычный 2 3 18 8 3 2" xfId="9707"/>
    <cellStyle name="Обычный 2 3 18 8 4" xfId="9708"/>
    <cellStyle name="Обычный 2 3 18 9" xfId="9709"/>
    <cellStyle name="Обычный 2 3 18 9 2" xfId="9710"/>
    <cellStyle name="Обычный 2 3 18 9 2 2" xfId="9711"/>
    <cellStyle name="Обычный 2 3 18 9 3" xfId="9712"/>
    <cellStyle name="Обычный 2 3 19" xfId="9713"/>
    <cellStyle name="Обычный 2 3 19 10" xfId="9714"/>
    <cellStyle name="Обычный 2 3 19 10 2" xfId="9715"/>
    <cellStyle name="Обычный 2 3 19 11" xfId="9716"/>
    <cellStyle name="Обычный 2 3 19 11 2" xfId="9717"/>
    <cellStyle name="Обычный 2 3 19 12" xfId="9718"/>
    <cellStyle name="Обычный 2 3 19 13" xfId="9719"/>
    <cellStyle name="Обычный 2 3 19 2" xfId="9720"/>
    <cellStyle name="Обычный 2 3 19 2 10" xfId="9721"/>
    <cellStyle name="Обычный 2 3 19 2 2" xfId="9722"/>
    <cellStyle name="Обычный 2 3 19 2 2 2" xfId="9723"/>
    <cellStyle name="Обычный 2 3 19 2 2 2 2" xfId="9724"/>
    <cellStyle name="Обычный 2 3 19 2 2 2 2 2" xfId="9725"/>
    <cellStyle name="Обычный 2 3 19 2 2 2 3" xfId="9726"/>
    <cellStyle name="Обычный 2 3 19 2 2 2 3 2" xfId="9727"/>
    <cellStyle name="Обычный 2 3 19 2 2 2 4" xfId="9728"/>
    <cellStyle name="Обычный 2 3 19 2 2 3" xfId="9729"/>
    <cellStyle name="Обычный 2 3 19 2 2 3 2" xfId="9730"/>
    <cellStyle name="Обычный 2 3 19 2 2 4" xfId="9731"/>
    <cellStyle name="Обычный 2 3 19 2 2 4 2" xfId="9732"/>
    <cellStyle name="Обычный 2 3 19 2 2 5" xfId="9733"/>
    <cellStyle name="Обычный 2 3 19 2 2 5 2" xfId="9734"/>
    <cellStyle name="Обычный 2 3 19 2 2 6" xfId="9735"/>
    <cellStyle name="Обычный 2 3 19 2 3" xfId="9736"/>
    <cellStyle name="Обычный 2 3 19 2 3 2" xfId="9737"/>
    <cellStyle name="Обычный 2 3 19 2 3 2 2" xfId="9738"/>
    <cellStyle name="Обычный 2 3 19 2 3 2 2 2" xfId="9739"/>
    <cellStyle name="Обычный 2 3 19 2 3 2 3" xfId="9740"/>
    <cellStyle name="Обычный 2 3 19 2 3 2 3 2" xfId="9741"/>
    <cellStyle name="Обычный 2 3 19 2 3 2 4" xfId="9742"/>
    <cellStyle name="Обычный 2 3 19 2 3 3" xfId="9743"/>
    <cellStyle name="Обычный 2 3 19 2 3 3 2" xfId="9744"/>
    <cellStyle name="Обычный 2 3 19 2 3 4" xfId="9745"/>
    <cellStyle name="Обычный 2 3 19 2 3 4 2" xfId="9746"/>
    <cellStyle name="Обычный 2 3 19 2 3 5" xfId="9747"/>
    <cellStyle name="Обычный 2 3 19 2 3 5 2" xfId="9748"/>
    <cellStyle name="Обычный 2 3 19 2 3 6" xfId="9749"/>
    <cellStyle name="Обычный 2 3 19 2 4" xfId="9750"/>
    <cellStyle name="Обычный 2 3 19 2 4 2" xfId="9751"/>
    <cellStyle name="Обычный 2 3 19 2 4 2 2" xfId="9752"/>
    <cellStyle name="Обычный 2 3 19 2 4 2 2 2" xfId="9753"/>
    <cellStyle name="Обычный 2 3 19 2 4 2 3" xfId="9754"/>
    <cellStyle name="Обычный 2 3 19 2 4 2 3 2" xfId="9755"/>
    <cellStyle name="Обычный 2 3 19 2 4 2 4" xfId="9756"/>
    <cellStyle name="Обычный 2 3 19 2 4 3" xfId="9757"/>
    <cellStyle name="Обычный 2 3 19 2 4 3 2" xfId="9758"/>
    <cellStyle name="Обычный 2 3 19 2 4 4" xfId="9759"/>
    <cellStyle name="Обычный 2 3 19 2 4 4 2" xfId="9760"/>
    <cellStyle name="Обычный 2 3 19 2 4 5" xfId="9761"/>
    <cellStyle name="Обычный 2 3 19 2 4 5 2" xfId="9762"/>
    <cellStyle name="Обычный 2 3 19 2 4 6" xfId="9763"/>
    <cellStyle name="Обычный 2 3 19 2 5" xfId="9764"/>
    <cellStyle name="Обычный 2 3 19 2 5 2" xfId="9765"/>
    <cellStyle name="Обычный 2 3 19 2 5 2 2" xfId="9766"/>
    <cellStyle name="Обычный 2 3 19 2 5 2 2 2" xfId="9767"/>
    <cellStyle name="Обычный 2 3 19 2 5 2 3" xfId="9768"/>
    <cellStyle name="Обычный 2 3 19 2 5 2 3 2" xfId="9769"/>
    <cellStyle name="Обычный 2 3 19 2 5 2 4" xfId="9770"/>
    <cellStyle name="Обычный 2 3 19 2 5 3" xfId="9771"/>
    <cellStyle name="Обычный 2 3 19 2 5 3 2" xfId="9772"/>
    <cellStyle name="Обычный 2 3 19 2 5 4" xfId="9773"/>
    <cellStyle name="Обычный 2 3 19 2 5 4 2" xfId="9774"/>
    <cellStyle name="Обычный 2 3 19 2 5 5" xfId="9775"/>
    <cellStyle name="Обычный 2 3 19 2 5 5 2" xfId="9776"/>
    <cellStyle name="Обычный 2 3 19 2 5 6" xfId="9777"/>
    <cellStyle name="Обычный 2 3 19 2 6" xfId="9778"/>
    <cellStyle name="Обычный 2 3 19 2 6 2" xfId="9779"/>
    <cellStyle name="Обычный 2 3 19 2 6 2 2" xfId="9780"/>
    <cellStyle name="Обычный 2 3 19 2 6 3" xfId="9781"/>
    <cellStyle name="Обычный 2 3 19 2 6 3 2" xfId="9782"/>
    <cellStyle name="Обычный 2 3 19 2 6 4" xfId="9783"/>
    <cellStyle name="Обычный 2 3 19 2 7" xfId="9784"/>
    <cellStyle name="Обычный 2 3 19 2 7 2" xfId="9785"/>
    <cellStyle name="Обычный 2 3 19 2 8" xfId="9786"/>
    <cellStyle name="Обычный 2 3 19 2 8 2" xfId="9787"/>
    <cellStyle name="Обычный 2 3 19 2 9" xfId="9788"/>
    <cellStyle name="Обычный 2 3 19 2 9 2" xfId="9789"/>
    <cellStyle name="Обычный 2 3 19 3" xfId="9790"/>
    <cellStyle name="Обычный 2 3 19 3 2" xfId="9791"/>
    <cellStyle name="Обычный 2 3 19 3 2 2" xfId="9792"/>
    <cellStyle name="Обычный 2 3 19 3 2 2 2" xfId="9793"/>
    <cellStyle name="Обычный 2 3 19 3 2 2 2 2" xfId="9794"/>
    <cellStyle name="Обычный 2 3 19 3 2 2 3" xfId="9795"/>
    <cellStyle name="Обычный 2 3 19 3 2 2 3 2" xfId="9796"/>
    <cellStyle name="Обычный 2 3 19 3 2 2 4" xfId="9797"/>
    <cellStyle name="Обычный 2 3 19 3 2 3" xfId="9798"/>
    <cellStyle name="Обычный 2 3 19 3 2 3 2" xfId="9799"/>
    <cellStyle name="Обычный 2 3 19 3 2 4" xfId="9800"/>
    <cellStyle name="Обычный 2 3 19 3 2 4 2" xfId="9801"/>
    <cellStyle name="Обычный 2 3 19 3 2 5" xfId="9802"/>
    <cellStyle name="Обычный 2 3 19 3 2 5 2" xfId="9803"/>
    <cellStyle name="Обычный 2 3 19 3 2 6" xfId="9804"/>
    <cellStyle name="Обычный 2 3 19 3 3" xfId="9805"/>
    <cellStyle name="Обычный 2 3 19 3 3 2" xfId="9806"/>
    <cellStyle name="Обычный 2 3 19 3 3 2 2" xfId="9807"/>
    <cellStyle name="Обычный 2 3 19 3 3 2 2 2" xfId="9808"/>
    <cellStyle name="Обычный 2 3 19 3 3 2 3" xfId="9809"/>
    <cellStyle name="Обычный 2 3 19 3 3 2 3 2" xfId="9810"/>
    <cellStyle name="Обычный 2 3 19 3 3 2 4" xfId="9811"/>
    <cellStyle name="Обычный 2 3 19 3 3 3" xfId="9812"/>
    <cellStyle name="Обычный 2 3 19 3 3 3 2" xfId="9813"/>
    <cellStyle name="Обычный 2 3 19 3 3 4" xfId="9814"/>
    <cellStyle name="Обычный 2 3 19 3 3 4 2" xfId="9815"/>
    <cellStyle name="Обычный 2 3 19 3 3 5" xfId="9816"/>
    <cellStyle name="Обычный 2 3 19 3 3 5 2" xfId="9817"/>
    <cellStyle name="Обычный 2 3 19 3 3 6" xfId="9818"/>
    <cellStyle name="Обычный 2 3 19 3 4" xfId="9819"/>
    <cellStyle name="Обычный 2 3 19 3 4 2" xfId="9820"/>
    <cellStyle name="Обычный 2 3 19 3 4 2 2" xfId="9821"/>
    <cellStyle name="Обычный 2 3 19 3 4 2 2 2" xfId="9822"/>
    <cellStyle name="Обычный 2 3 19 3 4 2 3" xfId="9823"/>
    <cellStyle name="Обычный 2 3 19 3 4 2 3 2" xfId="9824"/>
    <cellStyle name="Обычный 2 3 19 3 4 2 4" xfId="9825"/>
    <cellStyle name="Обычный 2 3 19 3 4 3" xfId="9826"/>
    <cellStyle name="Обычный 2 3 19 3 4 3 2" xfId="9827"/>
    <cellStyle name="Обычный 2 3 19 3 4 4" xfId="9828"/>
    <cellStyle name="Обычный 2 3 19 3 4 4 2" xfId="9829"/>
    <cellStyle name="Обычный 2 3 19 3 4 5" xfId="9830"/>
    <cellStyle name="Обычный 2 3 19 3 4 5 2" xfId="9831"/>
    <cellStyle name="Обычный 2 3 19 3 4 6" xfId="9832"/>
    <cellStyle name="Обычный 2 3 19 3 5" xfId="9833"/>
    <cellStyle name="Обычный 2 3 19 3 5 2" xfId="9834"/>
    <cellStyle name="Обычный 2 3 19 3 5 2 2" xfId="9835"/>
    <cellStyle name="Обычный 2 3 19 3 5 3" xfId="9836"/>
    <cellStyle name="Обычный 2 3 19 3 5 3 2" xfId="9837"/>
    <cellStyle name="Обычный 2 3 19 3 5 4" xfId="9838"/>
    <cellStyle name="Обычный 2 3 19 3 6" xfId="9839"/>
    <cellStyle name="Обычный 2 3 19 3 6 2" xfId="9840"/>
    <cellStyle name="Обычный 2 3 19 3 7" xfId="9841"/>
    <cellStyle name="Обычный 2 3 19 3 7 2" xfId="9842"/>
    <cellStyle name="Обычный 2 3 19 3 8" xfId="9843"/>
    <cellStyle name="Обычный 2 3 19 3 8 2" xfId="9844"/>
    <cellStyle name="Обычный 2 3 19 3 9" xfId="9845"/>
    <cellStyle name="Обычный 2 3 19 4" xfId="9846"/>
    <cellStyle name="Обычный 2 3 19 4 2" xfId="9847"/>
    <cellStyle name="Обычный 2 3 19 4 2 2" xfId="9848"/>
    <cellStyle name="Обычный 2 3 19 4 2 2 2" xfId="9849"/>
    <cellStyle name="Обычный 2 3 19 4 2 3" xfId="9850"/>
    <cellStyle name="Обычный 2 3 19 4 2 3 2" xfId="9851"/>
    <cellStyle name="Обычный 2 3 19 4 2 4" xfId="9852"/>
    <cellStyle name="Обычный 2 3 19 4 3" xfId="9853"/>
    <cellStyle name="Обычный 2 3 19 4 3 2" xfId="9854"/>
    <cellStyle name="Обычный 2 3 19 4 4" xfId="9855"/>
    <cellStyle name="Обычный 2 3 19 4 4 2" xfId="9856"/>
    <cellStyle name="Обычный 2 3 19 4 5" xfId="9857"/>
    <cellStyle name="Обычный 2 3 19 4 5 2" xfId="9858"/>
    <cellStyle name="Обычный 2 3 19 4 6" xfId="9859"/>
    <cellStyle name="Обычный 2 3 19 5" xfId="9860"/>
    <cellStyle name="Обычный 2 3 19 5 2" xfId="9861"/>
    <cellStyle name="Обычный 2 3 19 5 2 2" xfId="9862"/>
    <cellStyle name="Обычный 2 3 19 5 2 2 2" xfId="9863"/>
    <cellStyle name="Обычный 2 3 19 5 2 3" xfId="9864"/>
    <cellStyle name="Обычный 2 3 19 5 2 3 2" xfId="9865"/>
    <cellStyle name="Обычный 2 3 19 5 2 4" xfId="9866"/>
    <cellStyle name="Обычный 2 3 19 5 3" xfId="9867"/>
    <cellStyle name="Обычный 2 3 19 5 3 2" xfId="9868"/>
    <cellStyle name="Обычный 2 3 19 5 4" xfId="9869"/>
    <cellStyle name="Обычный 2 3 19 5 4 2" xfId="9870"/>
    <cellStyle name="Обычный 2 3 19 5 5" xfId="9871"/>
    <cellStyle name="Обычный 2 3 19 5 5 2" xfId="9872"/>
    <cellStyle name="Обычный 2 3 19 5 6" xfId="9873"/>
    <cellStyle name="Обычный 2 3 19 6" xfId="9874"/>
    <cellStyle name="Обычный 2 3 19 6 2" xfId="9875"/>
    <cellStyle name="Обычный 2 3 19 6 2 2" xfId="9876"/>
    <cellStyle name="Обычный 2 3 19 6 2 2 2" xfId="9877"/>
    <cellStyle name="Обычный 2 3 19 6 2 3" xfId="9878"/>
    <cellStyle name="Обычный 2 3 19 6 2 3 2" xfId="9879"/>
    <cellStyle name="Обычный 2 3 19 6 2 4" xfId="9880"/>
    <cellStyle name="Обычный 2 3 19 6 3" xfId="9881"/>
    <cellStyle name="Обычный 2 3 19 6 3 2" xfId="9882"/>
    <cellStyle name="Обычный 2 3 19 6 4" xfId="9883"/>
    <cellStyle name="Обычный 2 3 19 6 4 2" xfId="9884"/>
    <cellStyle name="Обычный 2 3 19 6 5" xfId="9885"/>
    <cellStyle name="Обычный 2 3 19 6 5 2" xfId="9886"/>
    <cellStyle name="Обычный 2 3 19 6 6" xfId="9887"/>
    <cellStyle name="Обычный 2 3 19 7" xfId="9888"/>
    <cellStyle name="Обычный 2 3 19 7 2" xfId="9889"/>
    <cellStyle name="Обычный 2 3 19 7 2 2" xfId="9890"/>
    <cellStyle name="Обычный 2 3 19 7 2 2 2" xfId="9891"/>
    <cellStyle name="Обычный 2 3 19 7 2 3" xfId="9892"/>
    <cellStyle name="Обычный 2 3 19 7 2 3 2" xfId="9893"/>
    <cellStyle name="Обычный 2 3 19 7 2 4" xfId="9894"/>
    <cellStyle name="Обычный 2 3 19 7 3" xfId="9895"/>
    <cellStyle name="Обычный 2 3 19 7 3 2" xfId="9896"/>
    <cellStyle name="Обычный 2 3 19 7 4" xfId="9897"/>
    <cellStyle name="Обычный 2 3 19 7 4 2" xfId="9898"/>
    <cellStyle name="Обычный 2 3 19 7 5" xfId="9899"/>
    <cellStyle name="Обычный 2 3 19 7 5 2" xfId="9900"/>
    <cellStyle name="Обычный 2 3 19 7 6" xfId="9901"/>
    <cellStyle name="Обычный 2 3 19 8" xfId="9902"/>
    <cellStyle name="Обычный 2 3 19 8 2" xfId="9903"/>
    <cellStyle name="Обычный 2 3 19 8 2 2" xfId="9904"/>
    <cellStyle name="Обычный 2 3 19 8 3" xfId="9905"/>
    <cellStyle name="Обычный 2 3 19 8 3 2" xfId="9906"/>
    <cellStyle name="Обычный 2 3 19 8 4" xfId="9907"/>
    <cellStyle name="Обычный 2 3 19 9" xfId="9908"/>
    <cellStyle name="Обычный 2 3 19 9 2" xfId="9909"/>
    <cellStyle name="Обычный 2 3 19 9 2 2" xfId="9910"/>
    <cellStyle name="Обычный 2 3 19 9 3" xfId="9911"/>
    <cellStyle name="Обычный 2 3 2" xfId="9912"/>
    <cellStyle name="Обычный 2 3 2 10" xfId="9913"/>
    <cellStyle name="Обычный 2 3 2 10 10" xfId="9914"/>
    <cellStyle name="Обычный 2 3 2 10 10 2" xfId="9915"/>
    <cellStyle name="Обычный 2 3 2 10 10 2 2" xfId="9916"/>
    <cellStyle name="Обычный 2 3 2 10 10 3" xfId="9917"/>
    <cellStyle name="Обычный 2 3 2 10 11" xfId="9918"/>
    <cellStyle name="Обычный 2 3 2 10 11 2" xfId="9919"/>
    <cellStyle name="Обычный 2 3 2 10 12" xfId="9920"/>
    <cellStyle name="Обычный 2 3 2 10 12 2" xfId="9921"/>
    <cellStyle name="Обычный 2 3 2 10 13" xfId="9922"/>
    <cellStyle name="Обычный 2 3 2 10 14" xfId="9923"/>
    <cellStyle name="Обычный 2 3 2 10 2" xfId="9924"/>
    <cellStyle name="Обычный 2 3 2 10 2 10" xfId="9925"/>
    <cellStyle name="Обычный 2 3 2 10 2 10 2" xfId="9926"/>
    <cellStyle name="Обычный 2 3 2 10 2 11" xfId="9927"/>
    <cellStyle name="Обычный 2 3 2 10 2 11 2" xfId="9928"/>
    <cellStyle name="Обычный 2 3 2 10 2 12" xfId="9929"/>
    <cellStyle name="Обычный 2 3 2 10 2 13" xfId="9930"/>
    <cellStyle name="Обычный 2 3 2 10 2 2" xfId="9931"/>
    <cellStyle name="Обычный 2 3 2 10 2 2 10" xfId="9932"/>
    <cellStyle name="Обычный 2 3 2 10 2 2 2" xfId="9933"/>
    <cellStyle name="Обычный 2 3 2 10 2 2 2 2" xfId="9934"/>
    <cellStyle name="Обычный 2 3 2 10 2 2 2 2 2" xfId="9935"/>
    <cellStyle name="Обычный 2 3 2 10 2 2 2 2 2 2" xfId="9936"/>
    <cellStyle name="Обычный 2 3 2 10 2 2 2 2 3" xfId="9937"/>
    <cellStyle name="Обычный 2 3 2 10 2 2 2 2 3 2" xfId="9938"/>
    <cellStyle name="Обычный 2 3 2 10 2 2 2 2 4" xfId="9939"/>
    <cellStyle name="Обычный 2 3 2 10 2 2 2 3" xfId="9940"/>
    <cellStyle name="Обычный 2 3 2 10 2 2 2 3 2" xfId="9941"/>
    <cellStyle name="Обычный 2 3 2 10 2 2 2 4" xfId="9942"/>
    <cellStyle name="Обычный 2 3 2 10 2 2 2 4 2" xfId="9943"/>
    <cellStyle name="Обычный 2 3 2 10 2 2 2 5" xfId="9944"/>
    <cellStyle name="Обычный 2 3 2 10 2 2 2 5 2" xfId="9945"/>
    <cellStyle name="Обычный 2 3 2 10 2 2 2 6" xfId="9946"/>
    <cellStyle name="Обычный 2 3 2 10 2 2 3" xfId="9947"/>
    <cellStyle name="Обычный 2 3 2 10 2 2 3 2" xfId="9948"/>
    <cellStyle name="Обычный 2 3 2 10 2 2 3 2 2" xfId="9949"/>
    <cellStyle name="Обычный 2 3 2 10 2 2 3 2 2 2" xfId="9950"/>
    <cellStyle name="Обычный 2 3 2 10 2 2 3 2 3" xfId="9951"/>
    <cellStyle name="Обычный 2 3 2 10 2 2 3 2 3 2" xfId="9952"/>
    <cellStyle name="Обычный 2 3 2 10 2 2 3 2 4" xfId="9953"/>
    <cellStyle name="Обычный 2 3 2 10 2 2 3 3" xfId="9954"/>
    <cellStyle name="Обычный 2 3 2 10 2 2 3 3 2" xfId="9955"/>
    <cellStyle name="Обычный 2 3 2 10 2 2 3 4" xfId="9956"/>
    <cellStyle name="Обычный 2 3 2 10 2 2 3 4 2" xfId="9957"/>
    <cellStyle name="Обычный 2 3 2 10 2 2 3 5" xfId="9958"/>
    <cellStyle name="Обычный 2 3 2 10 2 2 3 5 2" xfId="9959"/>
    <cellStyle name="Обычный 2 3 2 10 2 2 3 6" xfId="9960"/>
    <cellStyle name="Обычный 2 3 2 10 2 2 4" xfId="9961"/>
    <cellStyle name="Обычный 2 3 2 10 2 2 4 2" xfId="9962"/>
    <cellStyle name="Обычный 2 3 2 10 2 2 4 2 2" xfId="9963"/>
    <cellStyle name="Обычный 2 3 2 10 2 2 4 2 2 2" xfId="9964"/>
    <cellStyle name="Обычный 2 3 2 10 2 2 4 2 3" xfId="9965"/>
    <cellStyle name="Обычный 2 3 2 10 2 2 4 2 3 2" xfId="9966"/>
    <cellStyle name="Обычный 2 3 2 10 2 2 4 2 4" xfId="9967"/>
    <cellStyle name="Обычный 2 3 2 10 2 2 4 3" xfId="9968"/>
    <cellStyle name="Обычный 2 3 2 10 2 2 4 3 2" xfId="9969"/>
    <cellStyle name="Обычный 2 3 2 10 2 2 4 4" xfId="9970"/>
    <cellStyle name="Обычный 2 3 2 10 2 2 4 4 2" xfId="9971"/>
    <cellStyle name="Обычный 2 3 2 10 2 2 4 5" xfId="9972"/>
    <cellStyle name="Обычный 2 3 2 10 2 2 4 5 2" xfId="9973"/>
    <cellStyle name="Обычный 2 3 2 10 2 2 4 6" xfId="9974"/>
    <cellStyle name="Обычный 2 3 2 10 2 2 5" xfId="9975"/>
    <cellStyle name="Обычный 2 3 2 10 2 2 5 2" xfId="9976"/>
    <cellStyle name="Обычный 2 3 2 10 2 2 5 2 2" xfId="9977"/>
    <cellStyle name="Обычный 2 3 2 10 2 2 5 2 2 2" xfId="9978"/>
    <cellStyle name="Обычный 2 3 2 10 2 2 5 2 3" xfId="9979"/>
    <cellStyle name="Обычный 2 3 2 10 2 2 5 2 3 2" xfId="9980"/>
    <cellStyle name="Обычный 2 3 2 10 2 2 5 2 4" xfId="9981"/>
    <cellStyle name="Обычный 2 3 2 10 2 2 5 3" xfId="9982"/>
    <cellStyle name="Обычный 2 3 2 10 2 2 5 3 2" xfId="9983"/>
    <cellStyle name="Обычный 2 3 2 10 2 2 5 4" xfId="9984"/>
    <cellStyle name="Обычный 2 3 2 10 2 2 5 4 2" xfId="9985"/>
    <cellStyle name="Обычный 2 3 2 10 2 2 5 5" xfId="9986"/>
    <cellStyle name="Обычный 2 3 2 10 2 2 5 5 2" xfId="9987"/>
    <cellStyle name="Обычный 2 3 2 10 2 2 5 6" xfId="9988"/>
    <cellStyle name="Обычный 2 3 2 10 2 2 6" xfId="9989"/>
    <cellStyle name="Обычный 2 3 2 10 2 2 6 2" xfId="9990"/>
    <cellStyle name="Обычный 2 3 2 10 2 2 6 2 2" xfId="9991"/>
    <cellStyle name="Обычный 2 3 2 10 2 2 6 3" xfId="9992"/>
    <cellStyle name="Обычный 2 3 2 10 2 2 6 3 2" xfId="9993"/>
    <cellStyle name="Обычный 2 3 2 10 2 2 6 4" xfId="9994"/>
    <cellStyle name="Обычный 2 3 2 10 2 2 7" xfId="9995"/>
    <cellStyle name="Обычный 2 3 2 10 2 2 7 2" xfId="9996"/>
    <cellStyle name="Обычный 2 3 2 10 2 2 8" xfId="9997"/>
    <cellStyle name="Обычный 2 3 2 10 2 2 8 2" xfId="9998"/>
    <cellStyle name="Обычный 2 3 2 10 2 2 9" xfId="9999"/>
    <cellStyle name="Обычный 2 3 2 10 2 2 9 2" xfId="10000"/>
    <cellStyle name="Обычный 2 3 2 10 2 3" xfId="10001"/>
    <cellStyle name="Обычный 2 3 2 10 2 3 2" xfId="10002"/>
    <cellStyle name="Обычный 2 3 2 10 2 3 2 2" xfId="10003"/>
    <cellStyle name="Обычный 2 3 2 10 2 3 2 2 2" xfId="10004"/>
    <cellStyle name="Обычный 2 3 2 10 2 3 2 2 2 2" xfId="10005"/>
    <cellStyle name="Обычный 2 3 2 10 2 3 2 2 3" xfId="10006"/>
    <cellStyle name="Обычный 2 3 2 10 2 3 2 2 3 2" xfId="10007"/>
    <cellStyle name="Обычный 2 3 2 10 2 3 2 2 4" xfId="10008"/>
    <cellStyle name="Обычный 2 3 2 10 2 3 2 3" xfId="10009"/>
    <cellStyle name="Обычный 2 3 2 10 2 3 2 3 2" xfId="10010"/>
    <cellStyle name="Обычный 2 3 2 10 2 3 2 4" xfId="10011"/>
    <cellStyle name="Обычный 2 3 2 10 2 3 2 4 2" xfId="10012"/>
    <cellStyle name="Обычный 2 3 2 10 2 3 2 5" xfId="10013"/>
    <cellStyle name="Обычный 2 3 2 10 2 3 2 5 2" xfId="10014"/>
    <cellStyle name="Обычный 2 3 2 10 2 3 2 6" xfId="10015"/>
    <cellStyle name="Обычный 2 3 2 10 2 3 3" xfId="10016"/>
    <cellStyle name="Обычный 2 3 2 10 2 3 3 2" xfId="10017"/>
    <cellStyle name="Обычный 2 3 2 10 2 3 3 2 2" xfId="10018"/>
    <cellStyle name="Обычный 2 3 2 10 2 3 3 2 2 2" xfId="10019"/>
    <cellStyle name="Обычный 2 3 2 10 2 3 3 2 3" xfId="10020"/>
    <cellStyle name="Обычный 2 3 2 10 2 3 3 2 3 2" xfId="10021"/>
    <cellStyle name="Обычный 2 3 2 10 2 3 3 2 4" xfId="10022"/>
    <cellStyle name="Обычный 2 3 2 10 2 3 3 3" xfId="10023"/>
    <cellStyle name="Обычный 2 3 2 10 2 3 3 3 2" xfId="10024"/>
    <cellStyle name="Обычный 2 3 2 10 2 3 3 4" xfId="10025"/>
    <cellStyle name="Обычный 2 3 2 10 2 3 3 4 2" xfId="10026"/>
    <cellStyle name="Обычный 2 3 2 10 2 3 3 5" xfId="10027"/>
    <cellStyle name="Обычный 2 3 2 10 2 3 3 5 2" xfId="10028"/>
    <cellStyle name="Обычный 2 3 2 10 2 3 3 6" xfId="10029"/>
    <cellStyle name="Обычный 2 3 2 10 2 3 4" xfId="10030"/>
    <cellStyle name="Обычный 2 3 2 10 2 3 4 2" xfId="10031"/>
    <cellStyle name="Обычный 2 3 2 10 2 3 4 2 2" xfId="10032"/>
    <cellStyle name="Обычный 2 3 2 10 2 3 4 2 2 2" xfId="10033"/>
    <cellStyle name="Обычный 2 3 2 10 2 3 4 2 3" xfId="10034"/>
    <cellStyle name="Обычный 2 3 2 10 2 3 4 2 3 2" xfId="10035"/>
    <cellStyle name="Обычный 2 3 2 10 2 3 4 2 4" xfId="10036"/>
    <cellStyle name="Обычный 2 3 2 10 2 3 4 3" xfId="10037"/>
    <cellStyle name="Обычный 2 3 2 10 2 3 4 3 2" xfId="10038"/>
    <cellStyle name="Обычный 2 3 2 10 2 3 4 4" xfId="10039"/>
    <cellStyle name="Обычный 2 3 2 10 2 3 4 4 2" xfId="10040"/>
    <cellStyle name="Обычный 2 3 2 10 2 3 4 5" xfId="10041"/>
    <cellStyle name="Обычный 2 3 2 10 2 3 4 5 2" xfId="10042"/>
    <cellStyle name="Обычный 2 3 2 10 2 3 4 6" xfId="10043"/>
    <cellStyle name="Обычный 2 3 2 10 2 3 5" xfId="10044"/>
    <cellStyle name="Обычный 2 3 2 10 2 3 5 2" xfId="10045"/>
    <cellStyle name="Обычный 2 3 2 10 2 3 5 2 2" xfId="10046"/>
    <cellStyle name="Обычный 2 3 2 10 2 3 5 3" xfId="10047"/>
    <cellStyle name="Обычный 2 3 2 10 2 3 5 3 2" xfId="10048"/>
    <cellStyle name="Обычный 2 3 2 10 2 3 5 4" xfId="10049"/>
    <cellStyle name="Обычный 2 3 2 10 2 3 6" xfId="10050"/>
    <cellStyle name="Обычный 2 3 2 10 2 3 6 2" xfId="10051"/>
    <cellStyle name="Обычный 2 3 2 10 2 3 7" xfId="10052"/>
    <cellStyle name="Обычный 2 3 2 10 2 3 7 2" xfId="10053"/>
    <cellStyle name="Обычный 2 3 2 10 2 3 8" xfId="10054"/>
    <cellStyle name="Обычный 2 3 2 10 2 3 8 2" xfId="10055"/>
    <cellStyle name="Обычный 2 3 2 10 2 3 9" xfId="10056"/>
    <cellStyle name="Обычный 2 3 2 10 2 4" xfId="10057"/>
    <cellStyle name="Обычный 2 3 2 10 2 4 2" xfId="10058"/>
    <cellStyle name="Обычный 2 3 2 10 2 4 2 2" xfId="10059"/>
    <cellStyle name="Обычный 2 3 2 10 2 4 2 2 2" xfId="10060"/>
    <cellStyle name="Обычный 2 3 2 10 2 4 2 3" xfId="10061"/>
    <cellStyle name="Обычный 2 3 2 10 2 4 2 3 2" xfId="10062"/>
    <cellStyle name="Обычный 2 3 2 10 2 4 2 4" xfId="10063"/>
    <cellStyle name="Обычный 2 3 2 10 2 4 3" xfId="10064"/>
    <cellStyle name="Обычный 2 3 2 10 2 4 3 2" xfId="10065"/>
    <cellStyle name="Обычный 2 3 2 10 2 4 4" xfId="10066"/>
    <cellStyle name="Обычный 2 3 2 10 2 4 4 2" xfId="10067"/>
    <cellStyle name="Обычный 2 3 2 10 2 4 5" xfId="10068"/>
    <cellStyle name="Обычный 2 3 2 10 2 4 5 2" xfId="10069"/>
    <cellStyle name="Обычный 2 3 2 10 2 4 6" xfId="10070"/>
    <cellStyle name="Обычный 2 3 2 10 2 5" xfId="10071"/>
    <cellStyle name="Обычный 2 3 2 10 2 5 2" xfId="10072"/>
    <cellStyle name="Обычный 2 3 2 10 2 5 2 2" xfId="10073"/>
    <cellStyle name="Обычный 2 3 2 10 2 5 2 2 2" xfId="10074"/>
    <cellStyle name="Обычный 2 3 2 10 2 5 2 3" xfId="10075"/>
    <cellStyle name="Обычный 2 3 2 10 2 5 2 3 2" xfId="10076"/>
    <cellStyle name="Обычный 2 3 2 10 2 5 2 4" xfId="10077"/>
    <cellStyle name="Обычный 2 3 2 10 2 5 3" xfId="10078"/>
    <cellStyle name="Обычный 2 3 2 10 2 5 3 2" xfId="10079"/>
    <cellStyle name="Обычный 2 3 2 10 2 5 4" xfId="10080"/>
    <cellStyle name="Обычный 2 3 2 10 2 5 4 2" xfId="10081"/>
    <cellStyle name="Обычный 2 3 2 10 2 5 5" xfId="10082"/>
    <cellStyle name="Обычный 2 3 2 10 2 5 5 2" xfId="10083"/>
    <cellStyle name="Обычный 2 3 2 10 2 5 6" xfId="10084"/>
    <cellStyle name="Обычный 2 3 2 10 2 6" xfId="10085"/>
    <cellStyle name="Обычный 2 3 2 10 2 6 2" xfId="10086"/>
    <cellStyle name="Обычный 2 3 2 10 2 6 2 2" xfId="10087"/>
    <cellStyle name="Обычный 2 3 2 10 2 6 2 2 2" xfId="10088"/>
    <cellStyle name="Обычный 2 3 2 10 2 6 2 3" xfId="10089"/>
    <cellStyle name="Обычный 2 3 2 10 2 6 2 3 2" xfId="10090"/>
    <cellStyle name="Обычный 2 3 2 10 2 6 2 4" xfId="10091"/>
    <cellStyle name="Обычный 2 3 2 10 2 6 3" xfId="10092"/>
    <cellStyle name="Обычный 2 3 2 10 2 6 3 2" xfId="10093"/>
    <cellStyle name="Обычный 2 3 2 10 2 6 4" xfId="10094"/>
    <cellStyle name="Обычный 2 3 2 10 2 6 4 2" xfId="10095"/>
    <cellStyle name="Обычный 2 3 2 10 2 6 5" xfId="10096"/>
    <cellStyle name="Обычный 2 3 2 10 2 6 5 2" xfId="10097"/>
    <cellStyle name="Обычный 2 3 2 10 2 6 6" xfId="10098"/>
    <cellStyle name="Обычный 2 3 2 10 2 7" xfId="10099"/>
    <cellStyle name="Обычный 2 3 2 10 2 7 2" xfId="10100"/>
    <cellStyle name="Обычный 2 3 2 10 2 7 2 2" xfId="10101"/>
    <cellStyle name="Обычный 2 3 2 10 2 7 2 2 2" xfId="10102"/>
    <cellStyle name="Обычный 2 3 2 10 2 7 2 3" xfId="10103"/>
    <cellStyle name="Обычный 2 3 2 10 2 7 2 3 2" xfId="10104"/>
    <cellStyle name="Обычный 2 3 2 10 2 7 2 4" xfId="10105"/>
    <cellStyle name="Обычный 2 3 2 10 2 7 3" xfId="10106"/>
    <cellStyle name="Обычный 2 3 2 10 2 7 3 2" xfId="10107"/>
    <cellStyle name="Обычный 2 3 2 10 2 7 4" xfId="10108"/>
    <cellStyle name="Обычный 2 3 2 10 2 7 4 2" xfId="10109"/>
    <cellStyle name="Обычный 2 3 2 10 2 7 5" xfId="10110"/>
    <cellStyle name="Обычный 2 3 2 10 2 7 5 2" xfId="10111"/>
    <cellStyle name="Обычный 2 3 2 10 2 7 6" xfId="10112"/>
    <cellStyle name="Обычный 2 3 2 10 2 8" xfId="10113"/>
    <cellStyle name="Обычный 2 3 2 10 2 8 2" xfId="10114"/>
    <cellStyle name="Обычный 2 3 2 10 2 8 2 2" xfId="10115"/>
    <cellStyle name="Обычный 2 3 2 10 2 8 3" xfId="10116"/>
    <cellStyle name="Обычный 2 3 2 10 2 8 3 2" xfId="10117"/>
    <cellStyle name="Обычный 2 3 2 10 2 8 4" xfId="10118"/>
    <cellStyle name="Обычный 2 3 2 10 2 9" xfId="10119"/>
    <cellStyle name="Обычный 2 3 2 10 2 9 2" xfId="10120"/>
    <cellStyle name="Обычный 2 3 2 10 2 9 2 2" xfId="10121"/>
    <cellStyle name="Обычный 2 3 2 10 2 9 3" xfId="10122"/>
    <cellStyle name="Обычный 2 3 2 10 3" xfId="10123"/>
    <cellStyle name="Обычный 2 3 2 10 3 10" xfId="10124"/>
    <cellStyle name="Обычный 2 3 2 10 3 2" xfId="10125"/>
    <cellStyle name="Обычный 2 3 2 10 3 2 2" xfId="10126"/>
    <cellStyle name="Обычный 2 3 2 10 3 2 2 2" xfId="10127"/>
    <cellStyle name="Обычный 2 3 2 10 3 2 2 2 2" xfId="10128"/>
    <cellStyle name="Обычный 2 3 2 10 3 2 2 3" xfId="10129"/>
    <cellStyle name="Обычный 2 3 2 10 3 2 2 3 2" xfId="10130"/>
    <cellStyle name="Обычный 2 3 2 10 3 2 2 4" xfId="10131"/>
    <cellStyle name="Обычный 2 3 2 10 3 2 3" xfId="10132"/>
    <cellStyle name="Обычный 2 3 2 10 3 2 3 2" xfId="10133"/>
    <cellStyle name="Обычный 2 3 2 10 3 2 4" xfId="10134"/>
    <cellStyle name="Обычный 2 3 2 10 3 2 4 2" xfId="10135"/>
    <cellStyle name="Обычный 2 3 2 10 3 2 5" xfId="10136"/>
    <cellStyle name="Обычный 2 3 2 10 3 2 5 2" xfId="10137"/>
    <cellStyle name="Обычный 2 3 2 10 3 2 6" xfId="10138"/>
    <cellStyle name="Обычный 2 3 2 10 3 3" xfId="10139"/>
    <cellStyle name="Обычный 2 3 2 10 3 3 2" xfId="10140"/>
    <cellStyle name="Обычный 2 3 2 10 3 3 2 2" xfId="10141"/>
    <cellStyle name="Обычный 2 3 2 10 3 3 2 2 2" xfId="10142"/>
    <cellStyle name="Обычный 2 3 2 10 3 3 2 3" xfId="10143"/>
    <cellStyle name="Обычный 2 3 2 10 3 3 2 3 2" xfId="10144"/>
    <cellStyle name="Обычный 2 3 2 10 3 3 2 4" xfId="10145"/>
    <cellStyle name="Обычный 2 3 2 10 3 3 3" xfId="10146"/>
    <cellStyle name="Обычный 2 3 2 10 3 3 3 2" xfId="10147"/>
    <cellStyle name="Обычный 2 3 2 10 3 3 4" xfId="10148"/>
    <cellStyle name="Обычный 2 3 2 10 3 3 4 2" xfId="10149"/>
    <cellStyle name="Обычный 2 3 2 10 3 3 5" xfId="10150"/>
    <cellStyle name="Обычный 2 3 2 10 3 3 5 2" xfId="10151"/>
    <cellStyle name="Обычный 2 3 2 10 3 3 6" xfId="10152"/>
    <cellStyle name="Обычный 2 3 2 10 3 4" xfId="10153"/>
    <cellStyle name="Обычный 2 3 2 10 3 4 2" xfId="10154"/>
    <cellStyle name="Обычный 2 3 2 10 3 4 2 2" xfId="10155"/>
    <cellStyle name="Обычный 2 3 2 10 3 4 2 2 2" xfId="10156"/>
    <cellStyle name="Обычный 2 3 2 10 3 4 2 3" xfId="10157"/>
    <cellStyle name="Обычный 2 3 2 10 3 4 2 3 2" xfId="10158"/>
    <cellStyle name="Обычный 2 3 2 10 3 4 2 4" xfId="10159"/>
    <cellStyle name="Обычный 2 3 2 10 3 4 3" xfId="10160"/>
    <cellStyle name="Обычный 2 3 2 10 3 4 3 2" xfId="10161"/>
    <cellStyle name="Обычный 2 3 2 10 3 4 4" xfId="10162"/>
    <cellStyle name="Обычный 2 3 2 10 3 4 4 2" xfId="10163"/>
    <cellStyle name="Обычный 2 3 2 10 3 4 5" xfId="10164"/>
    <cellStyle name="Обычный 2 3 2 10 3 4 5 2" xfId="10165"/>
    <cellStyle name="Обычный 2 3 2 10 3 4 6" xfId="10166"/>
    <cellStyle name="Обычный 2 3 2 10 3 5" xfId="10167"/>
    <cellStyle name="Обычный 2 3 2 10 3 5 2" xfId="10168"/>
    <cellStyle name="Обычный 2 3 2 10 3 5 2 2" xfId="10169"/>
    <cellStyle name="Обычный 2 3 2 10 3 5 2 2 2" xfId="10170"/>
    <cellStyle name="Обычный 2 3 2 10 3 5 2 3" xfId="10171"/>
    <cellStyle name="Обычный 2 3 2 10 3 5 2 3 2" xfId="10172"/>
    <cellStyle name="Обычный 2 3 2 10 3 5 2 4" xfId="10173"/>
    <cellStyle name="Обычный 2 3 2 10 3 5 3" xfId="10174"/>
    <cellStyle name="Обычный 2 3 2 10 3 5 3 2" xfId="10175"/>
    <cellStyle name="Обычный 2 3 2 10 3 5 4" xfId="10176"/>
    <cellStyle name="Обычный 2 3 2 10 3 5 4 2" xfId="10177"/>
    <cellStyle name="Обычный 2 3 2 10 3 5 5" xfId="10178"/>
    <cellStyle name="Обычный 2 3 2 10 3 5 5 2" xfId="10179"/>
    <cellStyle name="Обычный 2 3 2 10 3 5 6" xfId="10180"/>
    <cellStyle name="Обычный 2 3 2 10 3 6" xfId="10181"/>
    <cellStyle name="Обычный 2 3 2 10 3 6 2" xfId="10182"/>
    <cellStyle name="Обычный 2 3 2 10 3 6 2 2" xfId="10183"/>
    <cellStyle name="Обычный 2 3 2 10 3 6 3" xfId="10184"/>
    <cellStyle name="Обычный 2 3 2 10 3 6 3 2" xfId="10185"/>
    <cellStyle name="Обычный 2 3 2 10 3 6 4" xfId="10186"/>
    <cellStyle name="Обычный 2 3 2 10 3 7" xfId="10187"/>
    <cellStyle name="Обычный 2 3 2 10 3 7 2" xfId="10188"/>
    <cellStyle name="Обычный 2 3 2 10 3 8" xfId="10189"/>
    <cellStyle name="Обычный 2 3 2 10 3 8 2" xfId="10190"/>
    <cellStyle name="Обычный 2 3 2 10 3 9" xfId="10191"/>
    <cellStyle name="Обычный 2 3 2 10 3 9 2" xfId="10192"/>
    <cellStyle name="Обычный 2 3 2 10 4" xfId="10193"/>
    <cellStyle name="Обычный 2 3 2 10 4 2" xfId="10194"/>
    <cellStyle name="Обычный 2 3 2 10 4 2 2" xfId="10195"/>
    <cellStyle name="Обычный 2 3 2 10 4 2 2 2" xfId="10196"/>
    <cellStyle name="Обычный 2 3 2 10 4 2 2 2 2" xfId="10197"/>
    <cellStyle name="Обычный 2 3 2 10 4 2 2 3" xfId="10198"/>
    <cellStyle name="Обычный 2 3 2 10 4 2 2 3 2" xfId="10199"/>
    <cellStyle name="Обычный 2 3 2 10 4 2 2 4" xfId="10200"/>
    <cellStyle name="Обычный 2 3 2 10 4 2 3" xfId="10201"/>
    <cellStyle name="Обычный 2 3 2 10 4 2 3 2" xfId="10202"/>
    <cellStyle name="Обычный 2 3 2 10 4 2 4" xfId="10203"/>
    <cellStyle name="Обычный 2 3 2 10 4 2 4 2" xfId="10204"/>
    <cellStyle name="Обычный 2 3 2 10 4 2 5" xfId="10205"/>
    <cellStyle name="Обычный 2 3 2 10 4 2 5 2" xfId="10206"/>
    <cellStyle name="Обычный 2 3 2 10 4 2 6" xfId="10207"/>
    <cellStyle name="Обычный 2 3 2 10 4 3" xfId="10208"/>
    <cellStyle name="Обычный 2 3 2 10 4 3 2" xfId="10209"/>
    <cellStyle name="Обычный 2 3 2 10 4 3 2 2" xfId="10210"/>
    <cellStyle name="Обычный 2 3 2 10 4 3 2 2 2" xfId="10211"/>
    <cellStyle name="Обычный 2 3 2 10 4 3 2 3" xfId="10212"/>
    <cellStyle name="Обычный 2 3 2 10 4 3 2 3 2" xfId="10213"/>
    <cellStyle name="Обычный 2 3 2 10 4 3 2 4" xfId="10214"/>
    <cellStyle name="Обычный 2 3 2 10 4 3 3" xfId="10215"/>
    <cellStyle name="Обычный 2 3 2 10 4 3 3 2" xfId="10216"/>
    <cellStyle name="Обычный 2 3 2 10 4 3 4" xfId="10217"/>
    <cellStyle name="Обычный 2 3 2 10 4 3 4 2" xfId="10218"/>
    <cellStyle name="Обычный 2 3 2 10 4 3 5" xfId="10219"/>
    <cellStyle name="Обычный 2 3 2 10 4 3 5 2" xfId="10220"/>
    <cellStyle name="Обычный 2 3 2 10 4 3 6" xfId="10221"/>
    <cellStyle name="Обычный 2 3 2 10 4 4" xfId="10222"/>
    <cellStyle name="Обычный 2 3 2 10 4 4 2" xfId="10223"/>
    <cellStyle name="Обычный 2 3 2 10 4 4 2 2" xfId="10224"/>
    <cellStyle name="Обычный 2 3 2 10 4 4 2 2 2" xfId="10225"/>
    <cellStyle name="Обычный 2 3 2 10 4 4 2 3" xfId="10226"/>
    <cellStyle name="Обычный 2 3 2 10 4 4 2 3 2" xfId="10227"/>
    <cellStyle name="Обычный 2 3 2 10 4 4 2 4" xfId="10228"/>
    <cellStyle name="Обычный 2 3 2 10 4 4 3" xfId="10229"/>
    <cellStyle name="Обычный 2 3 2 10 4 4 3 2" xfId="10230"/>
    <cellStyle name="Обычный 2 3 2 10 4 4 4" xfId="10231"/>
    <cellStyle name="Обычный 2 3 2 10 4 4 4 2" xfId="10232"/>
    <cellStyle name="Обычный 2 3 2 10 4 4 5" xfId="10233"/>
    <cellStyle name="Обычный 2 3 2 10 4 4 5 2" xfId="10234"/>
    <cellStyle name="Обычный 2 3 2 10 4 4 6" xfId="10235"/>
    <cellStyle name="Обычный 2 3 2 10 4 5" xfId="10236"/>
    <cellStyle name="Обычный 2 3 2 10 4 5 2" xfId="10237"/>
    <cellStyle name="Обычный 2 3 2 10 4 5 2 2" xfId="10238"/>
    <cellStyle name="Обычный 2 3 2 10 4 5 3" xfId="10239"/>
    <cellStyle name="Обычный 2 3 2 10 4 5 3 2" xfId="10240"/>
    <cellStyle name="Обычный 2 3 2 10 4 5 4" xfId="10241"/>
    <cellStyle name="Обычный 2 3 2 10 4 6" xfId="10242"/>
    <cellStyle name="Обычный 2 3 2 10 4 6 2" xfId="10243"/>
    <cellStyle name="Обычный 2 3 2 10 4 7" xfId="10244"/>
    <cellStyle name="Обычный 2 3 2 10 4 7 2" xfId="10245"/>
    <cellStyle name="Обычный 2 3 2 10 4 8" xfId="10246"/>
    <cellStyle name="Обычный 2 3 2 10 4 8 2" xfId="10247"/>
    <cellStyle name="Обычный 2 3 2 10 4 9" xfId="10248"/>
    <cellStyle name="Обычный 2 3 2 10 5" xfId="10249"/>
    <cellStyle name="Обычный 2 3 2 10 5 2" xfId="10250"/>
    <cellStyle name="Обычный 2 3 2 10 5 2 2" xfId="10251"/>
    <cellStyle name="Обычный 2 3 2 10 5 2 2 2" xfId="10252"/>
    <cellStyle name="Обычный 2 3 2 10 5 2 3" xfId="10253"/>
    <cellStyle name="Обычный 2 3 2 10 5 2 3 2" xfId="10254"/>
    <cellStyle name="Обычный 2 3 2 10 5 2 4" xfId="10255"/>
    <cellStyle name="Обычный 2 3 2 10 5 3" xfId="10256"/>
    <cellStyle name="Обычный 2 3 2 10 5 3 2" xfId="10257"/>
    <cellStyle name="Обычный 2 3 2 10 5 4" xfId="10258"/>
    <cellStyle name="Обычный 2 3 2 10 5 4 2" xfId="10259"/>
    <cellStyle name="Обычный 2 3 2 10 5 5" xfId="10260"/>
    <cellStyle name="Обычный 2 3 2 10 5 5 2" xfId="10261"/>
    <cellStyle name="Обычный 2 3 2 10 5 6" xfId="10262"/>
    <cellStyle name="Обычный 2 3 2 10 6" xfId="10263"/>
    <cellStyle name="Обычный 2 3 2 10 6 2" xfId="10264"/>
    <cellStyle name="Обычный 2 3 2 10 6 2 2" xfId="10265"/>
    <cellStyle name="Обычный 2 3 2 10 6 2 2 2" xfId="10266"/>
    <cellStyle name="Обычный 2 3 2 10 6 2 3" xfId="10267"/>
    <cellStyle name="Обычный 2 3 2 10 6 2 3 2" xfId="10268"/>
    <cellStyle name="Обычный 2 3 2 10 6 2 4" xfId="10269"/>
    <cellStyle name="Обычный 2 3 2 10 6 3" xfId="10270"/>
    <cellStyle name="Обычный 2 3 2 10 6 3 2" xfId="10271"/>
    <cellStyle name="Обычный 2 3 2 10 6 4" xfId="10272"/>
    <cellStyle name="Обычный 2 3 2 10 6 4 2" xfId="10273"/>
    <cellStyle name="Обычный 2 3 2 10 6 5" xfId="10274"/>
    <cellStyle name="Обычный 2 3 2 10 6 5 2" xfId="10275"/>
    <cellStyle name="Обычный 2 3 2 10 6 6" xfId="10276"/>
    <cellStyle name="Обычный 2 3 2 10 7" xfId="10277"/>
    <cellStyle name="Обычный 2 3 2 10 7 2" xfId="10278"/>
    <cellStyle name="Обычный 2 3 2 10 7 2 2" xfId="10279"/>
    <cellStyle name="Обычный 2 3 2 10 7 2 2 2" xfId="10280"/>
    <cellStyle name="Обычный 2 3 2 10 7 2 3" xfId="10281"/>
    <cellStyle name="Обычный 2 3 2 10 7 2 3 2" xfId="10282"/>
    <cellStyle name="Обычный 2 3 2 10 7 2 4" xfId="10283"/>
    <cellStyle name="Обычный 2 3 2 10 7 3" xfId="10284"/>
    <cellStyle name="Обычный 2 3 2 10 7 3 2" xfId="10285"/>
    <cellStyle name="Обычный 2 3 2 10 7 4" xfId="10286"/>
    <cellStyle name="Обычный 2 3 2 10 7 4 2" xfId="10287"/>
    <cellStyle name="Обычный 2 3 2 10 7 5" xfId="10288"/>
    <cellStyle name="Обычный 2 3 2 10 7 5 2" xfId="10289"/>
    <cellStyle name="Обычный 2 3 2 10 7 6" xfId="10290"/>
    <cellStyle name="Обычный 2 3 2 10 8" xfId="10291"/>
    <cellStyle name="Обычный 2 3 2 10 8 2" xfId="10292"/>
    <cellStyle name="Обычный 2 3 2 10 8 2 2" xfId="10293"/>
    <cellStyle name="Обычный 2 3 2 10 8 2 2 2" xfId="10294"/>
    <cellStyle name="Обычный 2 3 2 10 8 2 3" xfId="10295"/>
    <cellStyle name="Обычный 2 3 2 10 8 2 3 2" xfId="10296"/>
    <cellStyle name="Обычный 2 3 2 10 8 2 4" xfId="10297"/>
    <cellStyle name="Обычный 2 3 2 10 8 3" xfId="10298"/>
    <cellStyle name="Обычный 2 3 2 10 8 3 2" xfId="10299"/>
    <cellStyle name="Обычный 2 3 2 10 8 4" xfId="10300"/>
    <cellStyle name="Обычный 2 3 2 10 8 4 2" xfId="10301"/>
    <cellStyle name="Обычный 2 3 2 10 8 5" xfId="10302"/>
    <cellStyle name="Обычный 2 3 2 10 8 5 2" xfId="10303"/>
    <cellStyle name="Обычный 2 3 2 10 8 6" xfId="10304"/>
    <cellStyle name="Обычный 2 3 2 10 9" xfId="10305"/>
    <cellStyle name="Обычный 2 3 2 10 9 2" xfId="10306"/>
    <cellStyle name="Обычный 2 3 2 10 9 2 2" xfId="10307"/>
    <cellStyle name="Обычный 2 3 2 10 9 3" xfId="10308"/>
    <cellStyle name="Обычный 2 3 2 10 9 3 2" xfId="10309"/>
    <cellStyle name="Обычный 2 3 2 10 9 4" xfId="10310"/>
    <cellStyle name="Обычный 2 3 2 11" xfId="10311"/>
    <cellStyle name="Обычный 2 3 2 11 10" xfId="10312"/>
    <cellStyle name="Обычный 2 3 2 11 10 2" xfId="10313"/>
    <cellStyle name="Обычный 2 3 2 11 10 2 2" xfId="10314"/>
    <cellStyle name="Обычный 2 3 2 11 10 3" xfId="10315"/>
    <cellStyle name="Обычный 2 3 2 11 11" xfId="10316"/>
    <cellStyle name="Обычный 2 3 2 11 11 2" xfId="10317"/>
    <cellStyle name="Обычный 2 3 2 11 12" xfId="10318"/>
    <cellStyle name="Обычный 2 3 2 11 12 2" xfId="10319"/>
    <cellStyle name="Обычный 2 3 2 11 13" xfId="10320"/>
    <cellStyle name="Обычный 2 3 2 11 14" xfId="10321"/>
    <cellStyle name="Обычный 2 3 2 11 2" xfId="10322"/>
    <cellStyle name="Обычный 2 3 2 11 2 10" xfId="10323"/>
    <cellStyle name="Обычный 2 3 2 11 2 10 2" xfId="10324"/>
    <cellStyle name="Обычный 2 3 2 11 2 11" xfId="10325"/>
    <cellStyle name="Обычный 2 3 2 11 2 11 2" xfId="10326"/>
    <cellStyle name="Обычный 2 3 2 11 2 12" xfId="10327"/>
    <cellStyle name="Обычный 2 3 2 11 2 13" xfId="10328"/>
    <cellStyle name="Обычный 2 3 2 11 2 2" xfId="10329"/>
    <cellStyle name="Обычный 2 3 2 11 2 2 10" xfId="10330"/>
    <cellStyle name="Обычный 2 3 2 11 2 2 2" xfId="10331"/>
    <cellStyle name="Обычный 2 3 2 11 2 2 2 2" xfId="10332"/>
    <cellStyle name="Обычный 2 3 2 11 2 2 2 2 2" xfId="10333"/>
    <cellStyle name="Обычный 2 3 2 11 2 2 2 2 2 2" xfId="10334"/>
    <cellStyle name="Обычный 2 3 2 11 2 2 2 2 3" xfId="10335"/>
    <cellStyle name="Обычный 2 3 2 11 2 2 2 2 3 2" xfId="10336"/>
    <cellStyle name="Обычный 2 3 2 11 2 2 2 2 4" xfId="10337"/>
    <cellStyle name="Обычный 2 3 2 11 2 2 2 3" xfId="10338"/>
    <cellStyle name="Обычный 2 3 2 11 2 2 2 3 2" xfId="10339"/>
    <cellStyle name="Обычный 2 3 2 11 2 2 2 4" xfId="10340"/>
    <cellStyle name="Обычный 2 3 2 11 2 2 2 4 2" xfId="10341"/>
    <cellStyle name="Обычный 2 3 2 11 2 2 2 5" xfId="10342"/>
    <cellStyle name="Обычный 2 3 2 11 2 2 2 5 2" xfId="10343"/>
    <cellStyle name="Обычный 2 3 2 11 2 2 2 6" xfId="10344"/>
    <cellStyle name="Обычный 2 3 2 11 2 2 3" xfId="10345"/>
    <cellStyle name="Обычный 2 3 2 11 2 2 3 2" xfId="10346"/>
    <cellStyle name="Обычный 2 3 2 11 2 2 3 2 2" xfId="10347"/>
    <cellStyle name="Обычный 2 3 2 11 2 2 3 2 2 2" xfId="10348"/>
    <cellStyle name="Обычный 2 3 2 11 2 2 3 2 3" xfId="10349"/>
    <cellStyle name="Обычный 2 3 2 11 2 2 3 2 3 2" xfId="10350"/>
    <cellStyle name="Обычный 2 3 2 11 2 2 3 2 4" xfId="10351"/>
    <cellStyle name="Обычный 2 3 2 11 2 2 3 3" xfId="10352"/>
    <cellStyle name="Обычный 2 3 2 11 2 2 3 3 2" xfId="10353"/>
    <cellStyle name="Обычный 2 3 2 11 2 2 3 4" xfId="10354"/>
    <cellStyle name="Обычный 2 3 2 11 2 2 3 4 2" xfId="10355"/>
    <cellStyle name="Обычный 2 3 2 11 2 2 3 5" xfId="10356"/>
    <cellStyle name="Обычный 2 3 2 11 2 2 3 5 2" xfId="10357"/>
    <cellStyle name="Обычный 2 3 2 11 2 2 3 6" xfId="10358"/>
    <cellStyle name="Обычный 2 3 2 11 2 2 4" xfId="10359"/>
    <cellStyle name="Обычный 2 3 2 11 2 2 4 2" xfId="10360"/>
    <cellStyle name="Обычный 2 3 2 11 2 2 4 2 2" xfId="10361"/>
    <cellStyle name="Обычный 2 3 2 11 2 2 4 2 2 2" xfId="10362"/>
    <cellStyle name="Обычный 2 3 2 11 2 2 4 2 3" xfId="10363"/>
    <cellStyle name="Обычный 2 3 2 11 2 2 4 2 3 2" xfId="10364"/>
    <cellStyle name="Обычный 2 3 2 11 2 2 4 2 4" xfId="10365"/>
    <cellStyle name="Обычный 2 3 2 11 2 2 4 3" xfId="10366"/>
    <cellStyle name="Обычный 2 3 2 11 2 2 4 3 2" xfId="10367"/>
    <cellStyle name="Обычный 2 3 2 11 2 2 4 4" xfId="10368"/>
    <cellStyle name="Обычный 2 3 2 11 2 2 4 4 2" xfId="10369"/>
    <cellStyle name="Обычный 2 3 2 11 2 2 4 5" xfId="10370"/>
    <cellStyle name="Обычный 2 3 2 11 2 2 4 5 2" xfId="10371"/>
    <cellStyle name="Обычный 2 3 2 11 2 2 4 6" xfId="10372"/>
    <cellStyle name="Обычный 2 3 2 11 2 2 5" xfId="10373"/>
    <cellStyle name="Обычный 2 3 2 11 2 2 5 2" xfId="10374"/>
    <cellStyle name="Обычный 2 3 2 11 2 2 5 2 2" xfId="10375"/>
    <cellStyle name="Обычный 2 3 2 11 2 2 5 2 2 2" xfId="10376"/>
    <cellStyle name="Обычный 2 3 2 11 2 2 5 2 3" xfId="10377"/>
    <cellStyle name="Обычный 2 3 2 11 2 2 5 2 3 2" xfId="10378"/>
    <cellStyle name="Обычный 2 3 2 11 2 2 5 2 4" xfId="10379"/>
    <cellStyle name="Обычный 2 3 2 11 2 2 5 3" xfId="10380"/>
    <cellStyle name="Обычный 2 3 2 11 2 2 5 3 2" xfId="10381"/>
    <cellStyle name="Обычный 2 3 2 11 2 2 5 4" xfId="10382"/>
    <cellStyle name="Обычный 2 3 2 11 2 2 5 4 2" xfId="10383"/>
    <cellStyle name="Обычный 2 3 2 11 2 2 5 5" xfId="10384"/>
    <cellStyle name="Обычный 2 3 2 11 2 2 5 5 2" xfId="10385"/>
    <cellStyle name="Обычный 2 3 2 11 2 2 5 6" xfId="10386"/>
    <cellStyle name="Обычный 2 3 2 11 2 2 6" xfId="10387"/>
    <cellStyle name="Обычный 2 3 2 11 2 2 6 2" xfId="10388"/>
    <cellStyle name="Обычный 2 3 2 11 2 2 6 2 2" xfId="10389"/>
    <cellStyle name="Обычный 2 3 2 11 2 2 6 3" xfId="10390"/>
    <cellStyle name="Обычный 2 3 2 11 2 2 6 3 2" xfId="10391"/>
    <cellStyle name="Обычный 2 3 2 11 2 2 6 4" xfId="10392"/>
    <cellStyle name="Обычный 2 3 2 11 2 2 7" xfId="10393"/>
    <cellStyle name="Обычный 2 3 2 11 2 2 7 2" xfId="10394"/>
    <cellStyle name="Обычный 2 3 2 11 2 2 8" xfId="10395"/>
    <cellStyle name="Обычный 2 3 2 11 2 2 8 2" xfId="10396"/>
    <cellStyle name="Обычный 2 3 2 11 2 2 9" xfId="10397"/>
    <cellStyle name="Обычный 2 3 2 11 2 2 9 2" xfId="10398"/>
    <cellStyle name="Обычный 2 3 2 11 2 3" xfId="10399"/>
    <cellStyle name="Обычный 2 3 2 11 2 3 2" xfId="10400"/>
    <cellStyle name="Обычный 2 3 2 11 2 3 2 2" xfId="10401"/>
    <cellStyle name="Обычный 2 3 2 11 2 3 2 2 2" xfId="10402"/>
    <cellStyle name="Обычный 2 3 2 11 2 3 2 2 2 2" xfId="10403"/>
    <cellStyle name="Обычный 2 3 2 11 2 3 2 2 3" xfId="10404"/>
    <cellStyle name="Обычный 2 3 2 11 2 3 2 2 3 2" xfId="10405"/>
    <cellStyle name="Обычный 2 3 2 11 2 3 2 2 4" xfId="10406"/>
    <cellStyle name="Обычный 2 3 2 11 2 3 2 3" xfId="10407"/>
    <cellStyle name="Обычный 2 3 2 11 2 3 2 3 2" xfId="10408"/>
    <cellStyle name="Обычный 2 3 2 11 2 3 2 4" xfId="10409"/>
    <cellStyle name="Обычный 2 3 2 11 2 3 2 4 2" xfId="10410"/>
    <cellStyle name="Обычный 2 3 2 11 2 3 2 5" xfId="10411"/>
    <cellStyle name="Обычный 2 3 2 11 2 3 2 5 2" xfId="10412"/>
    <cellStyle name="Обычный 2 3 2 11 2 3 2 6" xfId="10413"/>
    <cellStyle name="Обычный 2 3 2 11 2 3 3" xfId="10414"/>
    <cellStyle name="Обычный 2 3 2 11 2 3 3 2" xfId="10415"/>
    <cellStyle name="Обычный 2 3 2 11 2 3 3 2 2" xfId="10416"/>
    <cellStyle name="Обычный 2 3 2 11 2 3 3 2 2 2" xfId="10417"/>
    <cellStyle name="Обычный 2 3 2 11 2 3 3 2 3" xfId="10418"/>
    <cellStyle name="Обычный 2 3 2 11 2 3 3 2 3 2" xfId="10419"/>
    <cellStyle name="Обычный 2 3 2 11 2 3 3 2 4" xfId="10420"/>
    <cellStyle name="Обычный 2 3 2 11 2 3 3 3" xfId="10421"/>
    <cellStyle name="Обычный 2 3 2 11 2 3 3 3 2" xfId="10422"/>
    <cellStyle name="Обычный 2 3 2 11 2 3 3 4" xfId="10423"/>
    <cellStyle name="Обычный 2 3 2 11 2 3 3 4 2" xfId="10424"/>
    <cellStyle name="Обычный 2 3 2 11 2 3 3 5" xfId="10425"/>
    <cellStyle name="Обычный 2 3 2 11 2 3 3 5 2" xfId="10426"/>
    <cellStyle name="Обычный 2 3 2 11 2 3 3 6" xfId="10427"/>
    <cellStyle name="Обычный 2 3 2 11 2 3 4" xfId="10428"/>
    <cellStyle name="Обычный 2 3 2 11 2 3 4 2" xfId="10429"/>
    <cellStyle name="Обычный 2 3 2 11 2 3 4 2 2" xfId="10430"/>
    <cellStyle name="Обычный 2 3 2 11 2 3 4 2 2 2" xfId="10431"/>
    <cellStyle name="Обычный 2 3 2 11 2 3 4 2 3" xfId="10432"/>
    <cellStyle name="Обычный 2 3 2 11 2 3 4 2 3 2" xfId="10433"/>
    <cellStyle name="Обычный 2 3 2 11 2 3 4 2 4" xfId="10434"/>
    <cellStyle name="Обычный 2 3 2 11 2 3 4 3" xfId="10435"/>
    <cellStyle name="Обычный 2 3 2 11 2 3 4 3 2" xfId="10436"/>
    <cellStyle name="Обычный 2 3 2 11 2 3 4 4" xfId="10437"/>
    <cellStyle name="Обычный 2 3 2 11 2 3 4 4 2" xfId="10438"/>
    <cellStyle name="Обычный 2 3 2 11 2 3 4 5" xfId="10439"/>
    <cellStyle name="Обычный 2 3 2 11 2 3 4 5 2" xfId="10440"/>
    <cellStyle name="Обычный 2 3 2 11 2 3 4 6" xfId="10441"/>
    <cellStyle name="Обычный 2 3 2 11 2 3 5" xfId="10442"/>
    <cellStyle name="Обычный 2 3 2 11 2 3 5 2" xfId="10443"/>
    <cellStyle name="Обычный 2 3 2 11 2 3 5 2 2" xfId="10444"/>
    <cellStyle name="Обычный 2 3 2 11 2 3 5 3" xfId="10445"/>
    <cellStyle name="Обычный 2 3 2 11 2 3 5 3 2" xfId="10446"/>
    <cellStyle name="Обычный 2 3 2 11 2 3 5 4" xfId="10447"/>
    <cellStyle name="Обычный 2 3 2 11 2 3 6" xfId="10448"/>
    <cellStyle name="Обычный 2 3 2 11 2 3 6 2" xfId="10449"/>
    <cellStyle name="Обычный 2 3 2 11 2 3 7" xfId="10450"/>
    <cellStyle name="Обычный 2 3 2 11 2 3 7 2" xfId="10451"/>
    <cellStyle name="Обычный 2 3 2 11 2 3 8" xfId="10452"/>
    <cellStyle name="Обычный 2 3 2 11 2 3 8 2" xfId="10453"/>
    <cellStyle name="Обычный 2 3 2 11 2 3 9" xfId="10454"/>
    <cellStyle name="Обычный 2 3 2 11 2 4" xfId="10455"/>
    <cellStyle name="Обычный 2 3 2 11 2 4 2" xfId="10456"/>
    <cellStyle name="Обычный 2 3 2 11 2 4 2 2" xfId="10457"/>
    <cellStyle name="Обычный 2 3 2 11 2 4 2 2 2" xfId="10458"/>
    <cellStyle name="Обычный 2 3 2 11 2 4 2 3" xfId="10459"/>
    <cellStyle name="Обычный 2 3 2 11 2 4 2 3 2" xfId="10460"/>
    <cellStyle name="Обычный 2 3 2 11 2 4 2 4" xfId="10461"/>
    <cellStyle name="Обычный 2 3 2 11 2 4 3" xfId="10462"/>
    <cellStyle name="Обычный 2 3 2 11 2 4 3 2" xfId="10463"/>
    <cellStyle name="Обычный 2 3 2 11 2 4 4" xfId="10464"/>
    <cellStyle name="Обычный 2 3 2 11 2 4 4 2" xfId="10465"/>
    <cellStyle name="Обычный 2 3 2 11 2 4 5" xfId="10466"/>
    <cellStyle name="Обычный 2 3 2 11 2 4 5 2" xfId="10467"/>
    <cellStyle name="Обычный 2 3 2 11 2 4 6" xfId="10468"/>
    <cellStyle name="Обычный 2 3 2 11 2 5" xfId="10469"/>
    <cellStyle name="Обычный 2 3 2 11 2 5 2" xfId="10470"/>
    <cellStyle name="Обычный 2 3 2 11 2 5 2 2" xfId="10471"/>
    <cellStyle name="Обычный 2 3 2 11 2 5 2 2 2" xfId="10472"/>
    <cellStyle name="Обычный 2 3 2 11 2 5 2 3" xfId="10473"/>
    <cellStyle name="Обычный 2 3 2 11 2 5 2 3 2" xfId="10474"/>
    <cellStyle name="Обычный 2 3 2 11 2 5 2 4" xfId="10475"/>
    <cellStyle name="Обычный 2 3 2 11 2 5 3" xfId="10476"/>
    <cellStyle name="Обычный 2 3 2 11 2 5 3 2" xfId="10477"/>
    <cellStyle name="Обычный 2 3 2 11 2 5 4" xfId="10478"/>
    <cellStyle name="Обычный 2 3 2 11 2 5 4 2" xfId="10479"/>
    <cellStyle name="Обычный 2 3 2 11 2 5 5" xfId="10480"/>
    <cellStyle name="Обычный 2 3 2 11 2 5 5 2" xfId="10481"/>
    <cellStyle name="Обычный 2 3 2 11 2 5 6" xfId="10482"/>
    <cellStyle name="Обычный 2 3 2 11 2 6" xfId="10483"/>
    <cellStyle name="Обычный 2 3 2 11 2 6 2" xfId="10484"/>
    <cellStyle name="Обычный 2 3 2 11 2 6 2 2" xfId="10485"/>
    <cellStyle name="Обычный 2 3 2 11 2 6 2 2 2" xfId="10486"/>
    <cellStyle name="Обычный 2 3 2 11 2 6 2 3" xfId="10487"/>
    <cellStyle name="Обычный 2 3 2 11 2 6 2 3 2" xfId="10488"/>
    <cellStyle name="Обычный 2 3 2 11 2 6 2 4" xfId="10489"/>
    <cellStyle name="Обычный 2 3 2 11 2 6 3" xfId="10490"/>
    <cellStyle name="Обычный 2 3 2 11 2 6 3 2" xfId="10491"/>
    <cellStyle name="Обычный 2 3 2 11 2 6 4" xfId="10492"/>
    <cellStyle name="Обычный 2 3 2 11 2 6 4 2" xfId="10493"/>
    <cellStyle name="Обычный 2 3 2 11 2 6 5" xfId="10494"/>
    <cellStyle name="Обычный 2 3 2 11 2 6 5 2" xfId="10495"/>
    <cellStyle name="Обычный 2 3 2 11 2 6 6" xfId="10496"/>
    <cellStyle name="Обычный 2 3 2 11 2 7" xfId="10497"/>
    <cellStyle name="Обычный 2 3 2 11 2 7 2" xfId="10498"/>
    <cellStyle name="Обычный 2 3 2 11 2 7 2 2" xfId="10499"/>
    <cellStyle name="Обычный 2 3 2 11 2 7 2 2 2" xfId="10500"/>
    <cellStyle name="Обычный 2 3 2 11 2 7 2 3" xfId="10501"/>
    <cellStyle name="Обычный 2 3 2 11 2 7 2 3 2" xfId="10502"/>
    <cellStyle name="Обычный 2 3 2 11 2 7 2 4" xfId="10503"/>
    <cellStyle name="Обычный 2 3 2 11 2 7 3" xfId="10504"/>
    <cellStyle name="Обычный 2 3 2 11 2 7 3 2" xfId="10505"/>
    <cellStyle name="Обычный 2 3 2 11 2 7 4" xfId="10506"/>
    <cellStyle name="Обычный 2 3 2 11 2 7 4 2" xfId="10507"/>
    <cellStyle name="Обычный 2 3 2 11 2 7 5" xfId="10508"/>
    <cellStyle name="Обычный 2 3 2 11 2 7 5 2" xfId="10509"/>
    <cellStyle name="Обычный 2 3 2 11 2 7 6" xfId="10510"/>
    <cellStyle name="Обычный 2 3 2 11 2 8" xfId="10511"/>
    <cellStyle name="Обычный 2 3 2 11 2 8 2" xfId="10512"/>
    <cellStyle name="Обычный 2 3 2 11 2 8 2 2" xfId="10513"/>
    <cellStyle name="Обычный 2 3 2 11 2 8 3" xfId="10514"/>
    <cellStyle name="Обычный 2 3 2 11 2 8 3 2" xfId="10515"/>
    <cellStyle name="Обычный 2 3 2 11 2 8 4" xfId="10516"/>
    <cellStyle name="Обычный 2 3 2 11 2 9" xfId="10517"/>
    <cellStyle name="Обычный 2 3 2 11 2 9 2" xfId="10518"/>
    <cellStyle name="Обычный 2 3 2 11 2 9 2 2" xfId="10519"/>
    <cellStyle name="Обычный 2 3 2 11 2 9 3" xfId="10520"/>
    <cellStyle name="Обычный 2 3 2 11 3" xfId="10521"/>
    <cellStyle name="Обычный 2 3 2 11 3 10" xfId="10522"/>
    <cellStyle name="Обычный 2 3 2 11 3 2" xfId="10523"/>
    <cellStyle name="Обычный 2 3 2 11 3 2 2" xfId="10524"/>
    <cellStyle name="Обычный 2 3 2 11 3 2 2 2" xfId="10525"/>
    <cellStyle name="Обычный 2 3 2 11 3 2 2 2 2" xfId="10526"/>
    <cellStyle name="Обычный 2 3 2 11 3 2 2 3" xfId="10527"/>
    <cellStyle name="Обычный 2 3 2 11 3 2 2 3 2" xfId="10528"/>
    <cellStyle name="Обычный 2 3 2 11 3 2 2 4" xfId="10529"/>
    <cellStyle name="Обычный 2 3 2 11 3 2 3" xfId="10530"/>
    <cellStyle name="Обычный 2 3 2 11 3 2 3 2" xfId="10531"/>
    <cellStyle name="Обычный 2 3 2 11 3 2 4" xfId="10532"/>
    <cellStyle name="Обычный 2 3 2 11 3 2 4 2" xfId="10533"/>
    <cellStyle name="Обычный 2 3 2 11 3 2 5" xfId="10534"/>
    <cellStyle name="Обычный 2 3 2 11 3 2 5 2" xfId="10535"/>
    <cellStyle name="Обычный 2 3 2 11 3 2 6" xfId="10536"/>
    <cellStyle name="Обычный 2 3 2 11 3 3" xfId="10537"/>
    <cellStyle name="Обычный 2 3 2 11 3 3 2" xfId="10538"/>
    <cellStyle name="Обычный 2 3 2 11 3 3 2 2" xfId="10539"/>
    <cellStyle name="Обычный 2 3 2 11 3 3 2 2 2" xfId="10540"/>
    <cellStyle name="Обычный 2 3 2 11 3 3 2 3" xfId="10541"/>
    <cellStyle name="Обычный 2 3 2 11 3 3 2 3 2" xfId="10542"/>
    <cellStyle name="Обычный 2 3 2 11 3 3 2 4" xfId="10543"/>
    <cellStyle name="Обычный 2 3 2 11 3 3 3" xfId="10544"/>
    <cellStyle name="Обычный 2 3 2 11 3 3 3 2" xfId="10545"/>
    <cellStyle name="Обычный 2 3 2 11 3 3 4" xfId="10546"/>
    <cellStyle name="Обычный 2 3 2 11 3 3 4 2" xfId="10547"/>
    <cellStyle name="Обычный 2 3 2 11 3 3 5" xfId="10548"/>
    <cellStyle name="Обычный 2 3 2 11 3 3 5 2" xfId="10549"/>
    <cellStyle name="Обычный 2 3 2 11 3 3 6" xfId="10550"/>
    <cellStyle name="Обычный 2 3 2 11 3 4" xfId="10551"/>
    <cellStyle name="Обычный 2 3 2 11 3 4 2" xfId="10552"/>
    <cellStyle name="Обычный 2 3 2 11 3 4 2 2" xfId="10553"/>
    <cellStyle name="Обычный 2 3 2 11 3 4 2 2 2" xfId="10554"/>
    <cellStyle name="Обычный 2 3 2 11 3 4 2 3" xfId="10555"/>
    <cellStyle name="Обычный 2 3 2 11 3 4 2 3 2" xfId="10556"/>
    <cellStyle name="Обычный 2 3 2 11 3 4 2 4" xfId="10557"/>
    <cellStyle name="Обычный 2 3 2 11 3 4 3" xfId="10558"/>
    <cellStyle name="Обычный 2 3 2 11 3 4 3 2" xfId="10559"/>
    <cellStyle name="Обычный 2 3 2 11 3 4 4" xfId="10560"/>
    <cellStyle name="Обычный 2 3 2 11 3 4 4 2" xfId="10561"/>
    <cellStyle name="Обычный 2 3 2 11 3 4 5" xfId="10562"/>
    <cellStyle name="Обычный 2 3 2 11 3 4 5 2" xfId="10563"/>
    <cellStyle name="Обычный 2 3 2 11 3 4 6" xfId="10564"/>
    <cellStyle name="Обычный 2 3 2 11 3 5" xfId="10565"/>
    <cellStyle name="Обычный 2 3 2 11 3 5 2" xfId="10566"/>
    <cellStyle name="Обычный 2 3 2 11 3 5 2 2" xfId="10567"/>
    <cellStyle name="Обычный 2 3 2 11 3 5 2 2 2" xfId="10568"/>
    <cellStyle name="Обычный 2 3 2 11 3 5 2 3" xfId="10569"/>
    <cellStyle name="Обычный 2 3 2 11 3 5 2 3 2" xfId="10570"/>
    <cellStyle name="Обычный 2 3 2 11 3 5 2 4" xfId="10571"/>
    <cellStyle name="Обычный 2 3 2 11 3 5 3" xfId="10572"/>
    <cellStyle name="Обычный 2 3 2 11 3 5 3 2" xfId="10573"/>
    <cellStyle name="Обычный 2 3 2 11 3 5 4" xfId="10574"/>
    <cellStyle name="Обычный 2 3 2 11 3 5 4 2" xfId="10575"/>
    <cellStyle name="Обычный 2 3 2 11 3 5 5" xfId="10576"/>
    <cellStyle name="Обычный 2 3 2 11 3 5 5 2" xfId="10577"/>
    <cellStyle name="Обычный 2 3 2 11 3 5 6" xfId="10578"/>
    <cellStyle name="Обычный 2 3 2 11 3 6" xfId="10579"/>
    <cellStyle name="Обычный 2 3 2 11 3 6 2" xfId="10580"/>
    <cellStyle name="Обычный 2 3 2 11 3 6 2 2" xfId="10581"/>
    <cellStyle name="Обычный 2 3 2 11 3 6 3" xfId="10582"/>
    <cellStyle name="Обычный 2 3 2 11 3 6 3 2" xfId="10583"/>
    <cellStyle name="Обычный 2 3 2 11 3 6 4" xfId="10584"/>
    <cellStyle name="Обычный 2 3 2 11 3 7" xfId="10585"/>
    <cellStyle name="Обычный 2 3 2 11 3 7 2" xfId="10586"/>
    <cellStyle name="Обычный 2 3 2 11 3 8" xfId="10587"/>
    <cellStyle name="Обычный 2 3 2 11 3 8 2" xfId="10588"/>
    <cellStyle name="Обычный 2 3 2 11 3 9" xfId="10589"/>
    <cellStyle name="Обычный 2 3 2 11 3 9 2" xfId="10590"/>
    <cellStyle name="Обычный 2 3 2 11 4" xfId="10591"/>
    <cellStyle name="Обычный 2 3 2 11 4 2" xfId="10592"/>
    <cellStyle name="Обычный 2 3 2 11 4 2 2" xfId="10593"/>
    <cellStyle name="Обычный 2 3 2 11 4 2 2 2" xfId="10594"/>
    <cellStyle name="Обычный 2 3 2 11 4 2 2 2 2" xfId="10595"/>
    <cellStyle name="Обычный 2 3 2 11 4 2 2 3" xfId="10596"/>
    <cellStyle name="Обычный 2 3 2 11 4 2 2 3 2" xfId="10597"/>
    <cellStyle name="Обычный 2 3 2 11 4 2 2 4" xfId="10598"/>
    <cellStyle name="Обычный 2 3 2 11 4 2 3" xfId="10599"/>
    <cellStyle name="Обычный 2 3 2 11 4 2 3 2" xfId="10600"/>
    <cellStyle name="Обычный 2 3 2 11 4 2 4" xfId="10601"/>
    <cellStyle name="Обычный 2 3 2 11 4 2 4 2" xfId="10602"/>
    <cellStyle name="Обычный 2 3 2 11 4 2 5" xfId="10603"/>
    <cellStyle name="Обычный 2 3 2 11 4 2 5 2" xfId="10604"/>
    <cellStyle name="Обычный 2 3 2 11 4 2 6" xfId="10605"/>
    <cellStyle name="Обычный 2 3 2 11 4 3" xfId="10606"/>
    <cellStyle name="Обычный 2 3 2 11 4 3 2" xfId="10607"/>
    <cellStyle name="Обычный 2 3 2 11 4 3 2 2" xfId="10608"/>
    <cellStyle name="Обычный 2 3 2 11 4 3 2 2 2" xfId="10609"/>
    <cellStyle name="Обычный 2 3 2 11 4 3 2 3" xfId="10610"/>
    <cellStyle name="Обычный 2 3 2 11 4 3 2 3 2" xfId="10611"/>
    <cellStyle name="Обычный 2 3 2 11 4 3 2 4" xfId="10612"/>
    <cellStyle name="Обычный 2 3 2 11 4 3 3" xfId="10613"/>
    <cellStyle name="Обычный 2 3 2 11 4 3 3 2" xfId="10614"/>
    <cellStyle name="Обычный 2 3 2 11 4 3 4" xfId="10615"/>
    <cellStyle name="Обычный 2 3 2 11 4 3 4 2" xfId="10616"/>
    <cellStyle name="Обычный 2 3 2 11 4 3 5" xfId="10617"/>
    <cellStyle name="Обычный 2 3 2 11 4 3 5 2" xfId="10618"/>
    <cellStyle name="Обычный 2 3 2 11 4 3 6" xfId="10619"/>
    <cellStyle name="Обычный 2 3 2 11 4 4" xfId="10620"/>
    <cellStyle name="Обычный 2 3 2 11 4 4 2" xfId="10621"/>
    <cellStyle name="Обычный 2 3 2 11 4 4 2 2" xfId="10622"/>
    <cellStyle name="Обычный 2 3 2 11 4 4 2 2 2" xfId="10623"/>
    <cellStyle name="Обычный 2 3 2 11 4 4 2 3" xfId="10624"/>
    <cellStyle name="Обычный 2 3 2 11 4 4 2 3 2" xfId="10625"/>
    <cellStyle name="Обычный 2 3 2 11 4 4 2 4" xfId="10626"/>
    <cellStyle name="Обычный 2 3 2 11 4 4 3" xfId="10627"/>
    <cellStyle name="Обычный 2 3 2 11 4 4 3 2" xfId="10628"/>
    <cellStyle name="Обычный 2 3 2 11 4 4 4" xfId="10629"/>
    <cellStyle name="Обычный 2 3 2 11 4 4 4 2" xfId="10630"/>
    <cellStyle name="Обычный 2 3 2 11 4 4 5" xfId="10631"/>
    <cellStyle name="Обычный 2 3 2 11 4 4 5 2" xfId="10632"/>
    <cellStyle name="Обычный 2 3 2 11 4 4 6" xfId="10633"/>
    <cellStyle name="Обычный 2 3 2 11 4 5" xfId="10634"/>
    <cellStyle name="Обычный 2 3 2 11 4 5 2" xfId="10635"/>
    <cellStyle name="Обычный 2 3 2 11 4 5 2 2" xfId="10636"/>
    <cellStyle name="Обычный 2 3 2 11 4 5 3" xfId="10637"/>
    <cellStyle name="Обычный 2 3 2 11 4 5 3 2" xfId="10638"/>
    <cellStyle name="Обычный 2 3 2 11 4 5 4" xfId="10639"/>
    <cellStyle name="Обычный 2 3 2 11 4 6" xfId="10640"/>
    <cellStyle name="Обычный 2 3 2 11 4 6 2" xfId="10641"/>
    <cellStyle name="Обычный 2 3 2 11 4 7" xfId="10642"/>
    <cellStyle name="Обычный 2 3 2 11 4 7 2" xfId="10643"/>
    <cellStyle name="Обычный 2 3 2 11 4 8" xfId="10644"/>
    <cellStyle name="Обычный 2 3 2 11 4 8 2" xfId="10645"/>
    <cellStyle name="Обычный 2 3 2 11 4 9" xfId="10646"/>
    <cellStyle name="Обычный 2 3 2 11 5" xfId="10647"/>
    <cellStyle name="Обычный 2 3 2 11 5 2" xfId="10648"/>
    <cellStyle name="Обычный 2 3 2 11 5 2 2" xfId="10649"/>
    <cellStyle name="Обычный 2 3 2 11 5 2 2 2" xfId="10650"/>
    <cellStyle name="Обычный 2 3 2 11 5 2 3" xfId="10651"/>
    <cellStyle name="Обычный 2 3 2 11 5 2 3 2" xfId="10652"/>
    <cellStyle name="Обычный 2 3 2 11 5 2 4" xfId="10653"/>
    <cellStyle name="Обычный 2 3 2 11 5 3" xfId="10654"/>
    <cellStyle name="Обычный 2 3 2 11 5 3 2" xfId="10655"/>
    <cellStyle name="Обычный 2 3 2 11 5 4" xfId="10656"/>
    <cellStyle name="Обычный 2 3 2 11 5 4 2" xfId="10657"/>
    <cellStyle name="Обычный 2 3 2 11 5 5" xfId="10658"/>
    <cellStyle name="Обычный 2 3 2 11 5 5 2" xfId="10659"/>
    <cellStyle name="Обычный 2 3 2 11 5 6" xfId="10660"/>
    <cellStyle name="Обычный 2 3 2 11 6" xfId="10661"/>
    <cellStyle name="Обычный 2 3 2 11 6 2" xfId="10662"/>
    <cellStyle name="Обычный 2 3 2 11 6 2 2" xfId="10663"/>
    <cellStyle name="Обычный 2 3 2 11 6 2 2 2" xfId="10664"/>
    <cellStyle name="Обычный 2 3 2 11 6 2 3" xfId="10665"/>
    <cellStyle name="Обычный 2 3 2 11 6 2 3 2" xfId="10666"/>
    <cellStyle name="Обычный 2 3 2 11 6 2 4" xfId="10667"/>
    <cellStyle name="Обычный 2 3 2 11 6 3" xfId="10668"/>
    <cellStyle name="Обычный 2 3 2 11 6 3 2" xfId="10669"/>
    <cellStyle name="Обычный 2 3 2 11 6 4" xfId="10670"/>
    <cellStyle name="Обычный 2 3 2 11 6 4 2" xfId="10671"/>
    <cellStyle name="Обычный 2 3 2 11 6 5" xfId="10672"/>
    <cellStyle name="Обычный 2 3 2 11 6 5 2" xfId="10673"/>
    <cellStyle name="Обычный 2 3 2 11 6 6" xfId="10674"/>
    <cellStyle name="Обычный 2 3 2 11 7" xfId="10675"/>
    <cellStyle name="Обычный 2 3 2 11 7 2" xfId="10676"/>
    <cellStyle name="Обычный 2 3 2 11 7 2 2" xfId="10677"/>
    <cellStyle name="Обычный 2 3 2 11 7 2 2 2" xfId="10678"/>
    <cellStyle name="Обычный 2 3 2 11 7 2 3" xfId="10679"/>
    <cellStyle name="Обычный 2 3 2 11 7 2 3 2" xfId="10680"/>
    <cellStyle name="Обычный 2 3 2 11 7 2 4" xfId="10681"/>
    <cellStyle name="Обычный 2 3 2 11 7 3" xfId="10682"/>
    <cellStyle name="Обычный 2 3 2 11 7 3 2" xfId="10683"/>
    <cellStyle name="Обычный 2 3 2 11 7 4" xfId="10684"/>
    <cellStyle name="Обычный 2 3 2 11 7 4 2" xfId="10685"/>
    <cellStyle name="Обычный 2 3 2 11 7 5" xfId="10686"/>
    <cellStyle name="Обычный 2 3 2 11 7 5 2" xfId="10687"/>
    <cellStyle name="Обычный 2 3 2 11 7 6" xfId="10688"/>
    <cellStyle name="Обычный 2 3 2 11 8" xfId="10689"/>
    <cellStyle name="Обычный 2 3 2 11 8 2" xfId="10690"/>
    <cellStyle name="Обычный 2 3 2 11 8 2 2" xfId="10691"/>
    <cellStyle name="Обычный 2 3 2 11 8 2 2 2" xfId="10692"/>
    <cellStyle name="Обычный 2 3 2 11 8 2 3" xfId="10693"/>
    <cellStyle name="Обычный 2 3 2 11 8 2 3 2" xfId="10694"/>
    <cellStyle name="Обычный 2 3 2 11 8 2 4" xfId="10695"/>
    <cellStyle name="Обычный 2 3 2 11 8 3" xfId="10696"/>
    <cellStyle name="Обычный 2 3 2 11 8 3 2" xfId="10697"/>
    <cellStyle name="Обычный 2 3 2 11 8 4" xfId="10698"/>
    <cellStyle name="Обычный 2 3 2 11 8 4 2" xfId="10699"/>
    <cellStyle name="Обычный 2 3 2 11 8 5" xfId="10700"/>
    <cellStyle name="Обычный 2 3 2 11 8 5 2" xfId="10701"/>
    <cellStyle name="Обычный 2 3 2 11 8 6" xfId="10702"/>
    <cellStyle name="Обычный 2 3 2 11 9" xfId="10703"/>
    <cellStyle name="Обычный 2 3 2 11 9 2" xfId="10704"/>
    <cellStyle name="Обычный 2 3 2 11 9 2 2" xfId="10705"/>
    <cellStyle name="Обычный 2 3 2 11 9 3" xfId="10706"/>
    <cellStyle name="Обычный 2 3 2 11 9 3 2" xfId="10707"/>
    <cellStyle name="Обычный 2 3 2 11 9 4" xfId="10708"/>
    <cellStyle name="Обычный 2 3 2 12" xfId="10709"/>
    <cellStyle name="Обычный 2 3 2 12 10" xfId="10710"/>
    <cellStyle name="Обычный 2 3 2 12 10 2" xfId="10711"/>
    <cellStyle name="Обычный 2 3 2 12 10 2 2" xfId="10712"/>
    <cellStyle name="Обычный 2 3 2 12 10 3" xfId="10713"/>
    <cellStyle name="Обычный 2 3 2 12 11" xfId="10714"/>
    <cellStyle name="Обычный 2 3 2 12 11 2" xfId="10715"/>
    <cellStyle name="Обычный 2 3 2 12 12" xfId="10716"/>
    <cellStyle name="Обычный 2 3 2 12 12 2" xfId="10717"/>
    <cellStyle name="Обычный 2 3 2 12 13" xfId="10718"/>
    <cellStyle name="Обычный 2 3 2 12 14" xfId="10719"/>
    <cellStyle name="Обычный 2 3 2 12 2" xfId="10720"/>
    <cellStyle name="Обычный 2 3 2 12 2 10" xfId="10721"/>
    <cellStyle name="Обычный 2 3 2 12 2 10 2" xfId="10722"/>
    <cellStyle name="Обычный 2 3 2 12 2 11" xfId="10723"/>
    <cellStyle name="Обычный 2 3 2 12 2 11 2" xfId="10724"/>
    <cellStyle name="Обычный 2 3 2 12 2 12" xfId="10725"/>
    <cellStyle name="Обычный 2 3 2 12 2 13" xfId="10726"/>
    <cellStyle name="Обычный 2 3 2 12 2 2" xfId="10727"/>
    <cellStyle name="Обычный 2 3 2 12 2 2 10" xfId="10728"/>
    <cellStyle name="Обычный 2 3 2 12 2 2 2" xfId="10729"/>
    <cellStyle name="Обычный 2 3 2 12 2 2 2 2" xfId="10730"/>
    <cellStyle name="Обычный 2 3 2 12 2 2 2 2 2" xfId="10731"/>
    <cellStyle name="Обычный 2 3 2 12 2 2 2 2 2 2" xfId="10732"/>
    <cellStyle name="Обычный 2 3 2 12 2 2 2 2 3" xfId="10733"/>
    <cellStyle name="Обычный 2 3 2 12 2 2 2 2 3 2" xfId="10734"/>
    <cellStyle name="Обычный 2 3 2 12 2 2 2 2 4" xfId="10735"/>
    <cellStyle name="Обычный 2 3 2 12 2 2 2 3" xfId="10736"/>
    <cellStyle name="Обычный 2 3 2 12 2 2 2 3 2" xfId="10737"/>
    <cellStyle name="Обычный 2 3 2 12 2 2 2 4" xfId="10738"/>
    <cellStyle name="Обычный 2 3 2 12 2 2 2 4 2" xfId="10739"/>
    <cellStyle name="Обычный 2 3 2 12 2 2 2 5" xfId="10740"/>
    <cellStyle name="Обычный 2 3 2 12 2 2 2 5 2" xfId="10741"/>
    <cellStyle name="Обычный 2 3 2 12 2 2 2 6" xfId="10742"/>
    <cellStyle name="Обычный 2 3 2 12 2 2 3" xfId="10743"/>
    <cellStyle name="Обычный 2 3 2 12 2 2 3 2" xfId="10744"/>
    <cellStyle name="Обычный 2 3 2 12 2 2 3 2 2" xfId="10745"/>
    <cellStyle name="Обычный 2 3 2 12 2 2 3 2 2 2" xfId="10746"/>
    <cellStyle name="Обычный 2 3 2 12 2 2 3 2 3" xfId="10747"/>
    <cellStyle name="Обычный 2 3 2 12 2 2 3 2 3 2" xfId="10748"/>
    <cellStyle name="Обычный 2 3 2 12 2 2 3 2 4" xfId="10749"/>
    <cellStyle name="Обычный 2 3 2 12 2 2 3 3" xfId="10750"/>
    <cellStyle name="Обычный 2 3 2 12 2 2 3 3 2" xfId="10751"/>
    <cellStyle name="Обычный 2 3 2 12 2 2 3 4" xfId="10752"/>
    <cellStyle name="Обычный 2 3 2 12 2 2 3 4 2" xfId="10753"/>
    <cellStyle name="Обычный 2 3 2 12 2 2 3 5" xfId="10754"/>
    <cellStyle name="Обычный 2 3 2 12 2 2 3 5 2" xfId="10755"/>
    <cellStyle name="Обычный 2 3 2 12 2 2 3 6" xfId="10756"/>
    <cellStyle name="Обычный 2 3 2 12 2 2 4" xfId="10757"/>
    <cellStyle name="Обычный 2 3 2 12 2 2 4 2" xfId="10758"/>
    <cellStyle name="Обычный 2 3 2 12 2 2 4 2 2" xfId="10759"/>
    <cellStyle name="Обычный 2 3 2 12 2 2 4 2 2 2" xfId="10760"/>
    <cellStyle name="Обычный 2 3 2 12 2 2 4 2 3" xfId="10761"/>
    <cellStyle name="Обычный 2 3 2 12 2 2 4 2 3 2" xfId="10762"/>
    <cellStyle name="Обычный 2 3 2 12 2 2 4 2 4" xfId="10763"/>
    <cellStyle name="Обычный 2 3 2 12 2 2 4 3" xfId="10764"/>
    <cellStyle name="Обычный 2 3 2 12 2 2 4 3 2" xfId="10765"/>
    <cellStyle name="Обычный 2 3 2 12 2 2 4 4" xfId="10766"/>
    <cellStyle name="Обычный 2 3 2 12 2 2 4 4 2" xfId="10767"/>
    <cellStyle name="Обычный 2 3 2 12 2 2 4 5" xfId="10768"/>
    <cellStyle name="Обычный 2 3 2 12 2 2 4 5 2" xfId="10769"/>
    <cellStyle name="Обычный 2 3 2 12 2 2 4 6" xfId="10770"/>
    <cellStyle name="Обычный 2 3 2 12 2 2 5" xfId="10771"/>
    <cellStyle name="Обычный 2 3 2 12 2 2 5 2" xfId="10772"/>
    <cellStyle name="Обычный 2 3 2 12 2 2 5 2 2" xfId="10773"/>
    <cellStyle name="Обычный 2 3 2 12 2 2 5 2 2 2" xfId="10774"/>
    <cellStyle name="Обычный 2 3 2 12 2 2 5 2 3" xfId="10775"/>
    <cellStyle name="Обычный 2 3 2 12 2 2 5 2 3 2" xfId="10776"/>
    <cellStyle name="Обычный 2 3 2 12 2 2 5 2 4" xfId="10777"/>
    <cellStyle name="Обычный 2 3 2 12 2 2 5 3" xfId="10778"/>
    <cellStyle name="Обычный 2 3 2 12 2 2 5 3 2" xfId="10779"/>
    <cellStyle name="Обычный 2 3 2 12 2 2 5 4" xfId="10780"/>
    <cellStyle name="Обычный 2 3 2 12 2 2 5 4 2" xfId="10781"/>
    <cellStyle name="Обычный 2 3 2 12 2 2 5 5" xfId="10782"/>
    <cellStyle name="Обычный 2 3 2 12 2 2 5 5 2" xfId="10783"/>
    <cellStyle name="Обычный 2 3 2 12 2 2 5 6" xfId="10784"/>
    <cellStyle name="Обычный 2 3 2 12 2 2 6" xfId="10785"/>
    <cellStyle name="Обычный 2 3 2 12 2 2 6 2" xfId="10786"/>
    <cellStyle name="Обычный 2 3 2 12 2 2 6 2 2" xfId="10787"/>
    <cellStyle name="Обычный 2 3 2 12 2 2 6 3" xfId="10788"/>
    <cellStyle name="Обычный 2 3 2 12 2 2 6 3 2" xfId="10789"/>
    <cellStyle name="Обычный 2 3 2 12 2 2 6 4" xfId="10790"/>
    <cellStyle name="Обычный 2 3 2 12 2 2 7" xfId="10791"/>
    <cellStyle name="Обычный 2 3 2 12 2 2 7 2" xfId="10792"/>
    <cellStyle name="Обычный 2 3 2 12 2 2 8" xfId="10793"/>
    <cellStyle name="Обычный 2 3 2 12 2 2 8 2" xfId="10794"/>
    <cellStyle name="Обычный 2 3 2 12 2 2 9" xfId="10795"/>
    <cellStyle name="Обычный 2 3 2 12 2 2 9 2" xfId="10796"/>
    <cellStyle name="Обычный 2 3 2 12 2 3" xfId="10797"/>
    <cellStyle name="Обычный 2 3 2 12 2 3 2" xfId="10798"/>
    <cellStyle name="Обычный 2 3 2 12 2 3 2 2" xfId="10799"/>
    <cellStyle name="Обычный 2 3 2 12 2 3 2 2 2" xfId="10800"/>
    <cellStyle name="Обычный 2 3 2 12 2 3 2 2 2 2" xfId="10801"/>
    <cellStyle name="Обычный 2 3 2 12 2 3 2 2 3" xfId="10802"/>
    <cellStyle name="Обычный 2 3 2 12 2 3 2 2 3 2" xfId="10803"/>
    <cellStyle name="Обычный 2 3 2 12 2 3 2 2 4" xfId="10804"/>
    <cellStyle name="Обычный 2 3 2 12 2 3 2 3" xfId="10805"/>
    <cellStyle name="Обычный 2 3 2 12 2 3 2 3 2" xfId="10806"/>
    <cellStyle name="Обычный 2 3 2 12 2 3 2 4" xfId="10807"/>
    <cellStyle name="Обычный 2 3 2 12 2 3 2 4 2" xfId="10808"/>
    <cellStyle name="Обычный 2 3 2 12 2 3 2 5" xfId="10809"/>
    <cellStyle name="Обычный 2 3 2 12 2 3 2 5 2" xfId="10810"/>
    <cellStyle name="Обычный 2 3 2 12 2 3 2 6" xfId="10811"/>
    <cellStyle name="Обычный 2 3 2 12 2 3 3" xfId="10812"/>
    <cellStyle name="Обычный 2 3 2 12 2 3 3 2" xfId="10813"/>
    <cellStyle name="Обычный 2 3 2 12 2 3 3 2 2" xfId="10814"/>
    <cellStyle name="Обычный 2 3 2 12 2 3 3 2 2 2" xfId="10815"/>
    <cellStyle name="Обычный 2 3 2 12 2 3 3 2 3" xfId="10816"/>
    <cellStyle name="Обычный 2 3 2 12 2 3 3 2 3 2" xfId="10817"/>
    <cellStyle name="Обычный 2 3 2 12 2 3 3 2 4" xfId="10818"/>
    <cellStyle name="Обычный 2 3 2 12 2 3 3 3" xfId="10819"/>
    <cellStyle name="Обычный 2 3 2 12 2 3 3 3 2" xfId="10820"/>
    <cellStyle name="Обычный 2 3 2 12 2 3 3 4" xfId="10821"/>
    <cellStyle name="Обычный 2 3 2 12 2 3 3 4 2" xfId="10822"/>
    <cellStyle name="Обычный 2 3 2 12 2 3 3 5" xfId="10823"/>
    <cellStyle name="Обычный 2 3 2 12 2 3 3 5 2" xfId="10824"/>
    <cellStyle name="Обычный 2 3 2 12 2 3 3 6" xfId="10825"/>
    <cellStyle name="Обычный 2 3 2 12 2 3 4" xfId="10826"/>
    <cellStyle name="Обычный 2 3 2 12 2 3 4 2" xfId="10827"/>
    <cellStyle name="Обычный 2 3 2 12 2 3 4 2 2" xfId="10828"/>
    <cellStyle name="Обычный 2 3 2 12 2 3 4 2 2 2" xfId="10829"/>
    <cellStyle name="Обычный 2 3 2 12 2 3 4 2 3" xfId="10830"/>
    <cellStyle name="Обычный 2 3 2 12 2 3 4 2 3 2" xfId="10831"/>
    <cellStyle name="Обычный 2 3 2 12 2 3 4 2 4" xfId="10832"/>
    <cellStyle name="Обычный 2 3 2 12 2 3 4 3" xfId="10833"/>
    <cellStyle name="Обычный 2 3 2 12 2 3 4 3 2" xfId="10834"/>
    <cellStyle name="Обычный 2 3 2 12 2 3 4 4" xfId="10835"/>
    <cellStyle name="Обычный 2 3 2 12 2 3 4 4 2" xfId="10836"/>
    <cellStyle name="Обычный 2 3 2 12 2 3 4 5" xfId="10837"/>
    <cellStyle name="Обычный 2 3 2 12 2 3 4 5 2" xfId="10838"/>
    <cellStyle name="Обычный 2 3 2 12 2 3 4 6" xfId="10839"/>
    <cellStyle name="Обычный 2 3 2 12 2 3 5" xfId="10840"/>
    <cellStyle name="Обычный 2 3 2 12 2 3 5 2" xfId="10841"/>
    <cellStyle name="Обычный 2 3 2 12 2 3 5 2 2" xfId="10842"/>
    <cellStyle name="Обычный 2 3 2 12 2 3 5 3" xfId="10843"/>
    <cellStyle name="Обычный 2 3 2 12 2 3 5 3 2" xfId="10844"/>
    <cellStyle name="Обычный 2 3 2 12 2 3 5 4" xfId="10845"/>
    <cellStyle name="Обычный 2 3 2 12 2 3 6" xfId="10846"/>
    <cellStyle name="Обычный 2 3 2 12 2 3 6 2" xfId="10847"/>
    <cellStyle name="Обычный 2 3 2 12 2 3 7" xfId="10848"/>
    <cellStyle name="Обычный 2 3 2 12 2 3 7 2" xfId="10849"/>
    <cellStyle name="Обычный 2 3 2 12 2 3 8" xfId="10850"/>
    <cellStyle name="Обычный 2 3 2 12 2 3 8 2" xfId="10851"/>
    <cellStyle name="Обычный 2 3 2 12 2 3 9" xfId="10852"/>
    <cellStyle name="Обычный 2 3 2 12 2 4" xfId="10853"/>
    <cellStyle name="Обычный 2 3 2 12 2 4 2" xfId="10854"/>
    <cellStyle name="Обычный 2 3 2 12 2 4 2 2" xfId="10855"/>
    <cellStyle name="Обычный 2 3 2 12 2 4 2 2 2" xfId="10856"/>
    <cellStyle name="Обычный 2 3 2 12 2 4 2 3" xfId="10857"/>
    <cellStyle name="Обычный 2 3 2 12 2 4 2 3 2" xfId="10858"/>
    <cellStyle name="Обычный 2 3 2 12 2 4 2 4" xfId="10859"/>
    <cellStyle name="Обычный 2 3 2 12 2 4 3" xfId="10860"/>
    <cellStyle name="Обычный 2 3 2 12 2 4 3 2" xfId="10861"/>
    <cellStyle name="Обычный 2 3 2 12 2 4 4" xfId="10862"/>
    <cellStyle name="Обычный 2 3 2 12 2 4 4 2" xfId="10863"/>
    <cellStyle name="Обычный 2 3 2 12 2 4 5" xfId="10864"/>
    <cellStyle name="Обычный 2 3 2 12 2 4 5 2" xfId="10865"/>
    <cellStyle name="Обычный 2 3 2 12 2 4 6" xfId="10866"/>
    <cellStyle name="Обычный 2 3 2 12 2 5" xfId="10867"/>
    <cellStyle name="Обычный 2 3 2 12 2 5 2" xfId="10868"/>
    <cellStyle name="Обычный 2 3 2 12 2 5 2 2" xfId="10869"/>
    <cellStyle name="Обычный 2 3 2 12 2 5 2 2 2" xfId="10870"/>
    <cellStyle name="Обычный 2 3 2 12 2 5 2 3" xfId="10871"/>
    <cellStyle name="Обычный 2 3 2 12 2 5 2 3 2" xfId="10872"/>
    <cellStyle name="Обычный 2 3 2 12 2 5 2 4" xfId="10873"/>
    <cellStyle name="Обычный 2 3 2 12 2 5 3" xfId="10874"/>
    <cellStyle name="Обычный 2 3 2 12 2 5 3 2" xfId="10875"/>
    <cellStyle name="Обычный 2 3 2 12 2 5 4" xfId="10876"/>
    <cellStyle name="Обычный 2 3 2 12 2 5 4 2" xfId="10877"/>
    <cellStyle name="Обычный 2 3 2 12 2 5 5" xfId="10878"/>
    <cellStyle name="Обычный 2 3 2 12 2 5 5 2" xfId="10879"/>
    <cellStyle name="Обычный 2 3 2 12 2 5 6" xfId="10880"/>
    <cellStyle name="Обычный 2 3 2 12 2 6" xfId="10881"/>
    <cellStyle name="Обычный 2 3 2 12 2 6 2" xfId="10882"/>
    <cellStyle name="Обычный 2 3 2 12 2 6 2 2" xfId="10883"/>
    <cellStyle name="Обычный 2 3 2 12 2 6 2 2 2" xfId="10884"/>
    <cellStyle name="Обычный 2 3 2 12 2 6 2 3" xfId="10885"/>
    <cellStyle name="Обычный 2 3 2 12 2 6 2 3 2" xfId="10886"/>
    <cellStyle name="Обычный 2 3 2 12 2 6 2 4" xfId="10887"/>
    <cellStyle name="Обычный 2 3 2 12 2 6 3" xfId="10888"/>
    <cellStyle name="Обычный 2 3 2 12 2 6 3 2" xfId="10889"/>
    <cellStyle name="Обычный 2 3 2 12 2 6 4" xfId="10890"/>
    <cellStyle name="Обычный 2 3 2 12 2 6 4 2" xfId="10891"/>
    <cellStyle name="Обычный 2 3 2 12 2 6 5" xfId="10892"/>
    <cellStyle name="Обычный 2 3 2 12 2 6 5 2" xfId="10893"/>
    <cellStyle name="Обычный 2 3 2 12 2 6 6" xfId="10894"/>
    <cellStyle name="Обычный 2 3 2 12 2 7" xfId="10895"/>
    <cellStyle name="Обычный 2 3 2 12 2 7 2" xfId="10896"/>
    <cellStyle name="Обычный 2 3 2 12 2 7 2 2" xfId="10897"/>
    <cellStyle name="Обычный 2 3 2 12 2 7 2 2 2" xfId="10898"/>
    <cellStyle name="Обычный 2 3 2 12 2 7 2 3" xfId="10899"/>
    <cellStyle name="Обычный 2 3 2 12 2 7 2 3 2" xfId="10900"/>
    <cellStyle name="Обычный 2 3 2 12 2 7 2 4" xfId="10901"/>
    <cellStyle name="Обычный 2 3 2 12 2 7 3" xfId="10902"/>
    <cellStyle name="Обычный 2 3 2 12 2 7 3 2" xfId="10903"/>
    <cellStyle name="Обычный 2 3 2 12 2 7 4" xfId="10904"/>
    <cellStyle name="Обычный 2 3 2 12 2 7 4 2" xfId="10905"/>
    <cellStyle name="Обычный 2 3 2 12 2 7 5" xfId="10906"/>
    <cellStyle name="Обычный 2 3 2 12 2 7 5 2" xfId="10907"/>
    <cellStyle name="Обычный 2 3 2 12 2 7 6" xfId="10908"/>
    <cellStyle name="Обычный 2 3 2 12 2 8" xfId="10909"/>
    <cellStyle name="Обычный 2 3 2 12 2 8 2" xfId="10910"/>
    <cellStyle name="Обычный 2 3 2 12 2 8 2 2" xfId="10911"/>
    <cellStyle name="Обычный 2 3 2 12 2 8 3" xfId="10912"/>
    <cellStyle name="Обычный 2 3 2 12 2 8 3 2" xfId="10913"/>
    <cellStyle name="Обычный 2 3 2 12 2 8 4" xfId="10914"/>
    <cellStyle name="Обычный 2 3 2 12 2 9" xfId="10915"/>
    <cellStyle name="Обычный 2 3 2 12 2 9 2" xfId="10916"/>
    <cellStyle name="Обычный 2 3 2 12 2 9 2 2" xfId="10917"/>
    <cellStyle name="Обычный 2 3 2 12 2 9 3" xfId="10918"/>
    <cellStyle name="Обычный 2 3 2 12 3" xfId="10919"/>
    <cellStyle name="Обычный 2 3 2 12 3 10" xfId="10920"/>
    <cellStyle name="Обычный 2 3 2 12 3 2" xfId="10921"/>
    <cellStyle name="Обычный 2 3 2 12 3 2 2" xfId="10922"/>
    <cellStyle name="Обычный 2 3 2 12 3 2 2 2" xfId="10923"/>
    <cellStyle name="Обычный 2 3 2 12 3 2 2 2 2" xfId="10924"/>
    <cellStyle name="Обычный 2 3 2 12 3 2 2 3" xfId="10925"/>
    <cellStyle name="Обычный 2 3 2 12 3 2 2 3 2" xfId="10926"/>
    <cellStyle name="Обычный 2 3 2 12 3 2 2 4" xfId="10927"/>
    <cellStyle name="Обычный 2 3 2 12 3 2 3" xfId="10928"/>
    <cellStyle name="Обычный 2 3 2 12 3 2 3 2" xfId="10929"/>
    <cellStyle name="Обычный 2 3 2 12 3 2 4" xfId="10930"/>
    <cellStyle name="Обычный 2 3 2 12 3 2 4 2" xfId="10931"/>
    <cellStyle name="Обычный 2 3 2 12 3 2 5" xfId="10932"/>
    <cellStyle name="Обычный 2 3 2 12 3 2 5 2" xfId="10933"/>
    <cellStyle name="Обычный 2 3 2 12 3 2 6" xfId="10934"/>
    <cellStyle name="Обычный 2 3 2 12 3 3" xfId="10935"/>
    <cellStyle name="Обычный 2 3 2 12 3 3 2" xfId="10936"/>
    <cellStyle name="Обычный 2 3 2 12 3 3 2 2" xfId="10937"/>
    <cellStyle name="Обычный 2 3 2 12 3 3 2 2 2" xfId="10938"/>
    <cellStyle name="Обычный 2 3 2 12 3 3 2 3" xfId="10939"/>
    <cellStyle name="Обычный 2 3 2 12 3 3 2 3 2" xfId="10940"/>
    <cellStyle name="Обычный 2 3 2 12 3 3 2 4" xfId="10941"/>
    <cellStyle name="Обычный 2 3 2 12 3 3 3" xfId="10942"/>
    <cellStyle name="Обычный 2 3 2 12 3 3 3 2" xfId="10943"/>
    <cellStyle name="Обычный 2 3 2 12 3 3 4" xfId="10944"/>
    <cellStyle name="Обычный 2 3 2 12 3 3 4 2" xfId="10945"/>
    <cellStyle name="Обычный 2 3 2 12 3 3 5" xfId="10946"/>
    <cellStyle name="Обычный 2 3 2 12 3 3 5 2" xfId="10947"/>
    <cellStyle name="Обычный 2 3 2 12 3 3 6" xfId="10948"/>
    <cellStyle name="Обычный 2 3 2 12 3 4" xfId="10949"/>
    <cellStyle name="Обычный 2 3 2 12 3 4 2" xfId="10950"/>
    <cellStyle name="Обычный 2 3 2 12 3 4 2 2" xfId="10951"/>
    <cellStyle name="Обычный 2 3 2 12 3 4 2 2 2" xfId="10952"/>
    <cellStyle name="Обычный 2 3 2 12 3 4 2 3" xfId="10953"/>
    <cellStyle name="Обычный 2 3 2 12 3 4 2 3 2" xfId="10954"/>
    <cellStyle name="Обычный 2 3 2 12 3 4 2 4" xfId="10955"/>
    <cellStyle name="Обычный 2 3 2 12 3 4 3" xfId="10956"/>
    <cellStyle name="Обычный 2 3 2 12 3 4 3 2" xfId="10957"/>
    <cellStyle name="Обычный 2 3 2 12 3 4 4" xfId="10958"/>
    <cellStyle name="Обычный 2 3 2 12 3 4 4 2" xfId="10959"/>
    <cellStyle name="Обычный 2 3 2 12 3 4 5" xfId="10960"/>
    <cellStyle name="Обычный 2 3 2 12 3 4 5 2" xfId="10961"/>
    <cellStyle name="Обычный 2 3 2 12 3 4 6" xfId="10962"/>
    <cellStyle name="Обычный 2 3 2 12 3 5" xfId="10963"/>
    <cellStyle name="Обычный 2 3 2 12 3 5 2" xfId="10964"/>
    <cellStyle name="Обычный 2 3 2 12 3 5 2 2" xfId="10965"/>
    <cellStyle name="Обычный 2 3 2 12 3 5 2 2 2" xfId="10966"/>
    <cellStyle name="Обычный 2 3 2 12 3 5 2 3" xfId="10967"/>
    <cellStyle name="Обычный 2 3 2 12 3 5 2 3 2" xfId="10968"/>
    <cellStyle name="Обычный 2 3 2 12 3 5 2 4" xfId="10969"/>
    <cellStyle name="Обычный 2 3 2 12 3 5 3" xfId="10970"/>
    <cellStyle name="Обычный 2 3 2 12 3 5 3 2" xfId="10971"/>
    <cellStyle name="Обычный 2 3 2 12 3 5 4" xfId="10972"/>
    <cellStyle name="Обычный 2 3 2 12 3 5 4 2" xfId="10973"/>
    <cellStyle name="Обычный 2 3 2 12 3 5 5" xfId="10974"/>
    <cellStyle name="Обычный 2 3 2 12 3 5 5 2" xfId="10975"/>
    <cellStyle name="Обычный 2 3 2 12 3 5 6" xfId="10976"/>
    <cellStyle name="Обычный 2 3 2 12 3 6" xfId="10977"/>
    <cellStyle name="Обычный 2 3 2 12 3 6 2" xfId="10978"/>
    <cellStyle name="Обычный 2 3 2 12 3 6 2 2" xfId="10979"/>
    <cellStyle name="Обычный 2 3 2 12 3 6 3" xfId="10980"/>
    <cellStyle name="Обычный 2 3 2 12 3 6 3 2" xfId="10981"/>
    <cellStyle name="Обычный 2 3 2 12 3 6 4" xfId="10982"/>
    <cellStyle name="Обычный 2 3 2 12 3 7" xfId="10983"/>
    <cellStyle name="Обычный 2 3 2 12 3 7 2" xfId="10984"/>
    <cellStyle name="Обычный 2 3 2 12 3 8" xfId="10985"/>
    <cellStyle name="Обычный 2 3 2 12 3 8 2" xfId="10986"/>
    <cellStyle name="Обычный 2 3 2 12 3 9" xfId="10987"/>
    <cellStyle name="Обычный 2 3 2 12 3 9 2" xfId="10988"/>
    <cellStyle name="Обычный 2 3 2 12 4" xfId="10989"/>
    <cellStyle name="Обычный 2 3 2 12 4 2" xfId="10990"/>
    <cellStyle name="Обычный 2 3 2 12 4 2 2" xfId="10991"/>
    <cellStyle name="Обычный 2 3 2 12 4 2 2 2" xfId="10992"/>
    <cellStyle name="Обычный 2 3 2 12 4 2 2 2 2" xfId="10993"/>
    <cellStyle name="Обычный 2 3 2 12 4 2 2 3" xfId="10994"/>
    <cellStyle name="Обычный 2 3 2 12 4 2 2 3 2" xfId="10995"/>
    <cellStyle name="Обычный 2 3 2 12 4 2 2 4" xfId="10996"/>
    <cellStyle name="Обычный 2 3 2 12 4 2 3" xfId="10997"/>
    <cellStyle name="Обычный 2 3 2 12 4 2 3 2" xfId="10998"/>
    <cellStyle name="Обычный 2 3 2 12 4 2 4" xfId="10999"/>
    <cellStyle name="Обычный 2 3 2 12 4 2 4 2" xfId="11000"/>
    <cellStyle name="Обычный 2 3 2 12 4 2 5" xfId="11001"/>
    <cellStyle name="Обычный 2 3 2 12 4 2 5 2" xfId="11002"/>
    <cellStyle name="Обычный 2 3 2 12 4 2 6" xfId="11003"/>
    <cellStyle name="Обычный 2 3 2 12 4 3" xfId="11004"/>
    <cellStyle name="Обычный 2 3 2 12 4 3 2" xfId="11005"/>
    <cellStyle name="Обычный 2 3 2 12 4 3 2 2" xfId="11006"/>
    <cellStyle name="Обычный 2 3 2 12 4 3 2 2 2" xfId="11007"/>
    <cellStyle name="Обычный 2 3 2 12 4 3 2 3" xfId="11008"/>
    <cellStyle name="Обычный 2 3 2 12 4 3 2 3 2" xfId="11009"/>
    <cellStyle name="Обычный 2 3 2 12 4 3 2 4" xfId="11010"/>
    <cellStyle name="Обычный 2 3 2 12 4 3 3" xfId="11011"/>
    <cellStyle name="Обычный 2 3 2 12 4 3 3 2" xfId="11012"/>
    <cellStyle name="Обычный 2 3 2 12 4 3 4" xfId="11013"/>
    <cellStyle name="Обычный 2 3 2 12 4 3 4 2" xfId="11014"/>
    <cellStyle name="Обычный 2 3 2 12 4 3 5" xfId="11015"/>
    <cellStyle name="Обычный 2 3 2 12 4 3 5 2" xfId="11016"/>
    <cellStyle name="Обычный 2 3 2 12 4 3 6" xfId="11017"/>
    <cellStyle name="Обычный 2 3 2 12 4 4" xfId="11018"/>
    <cellStyle name="Обычный 2 3 2 12 4 4 2" xfId="11019"/>
    <cellStyle name="Обычный 2 3 2 12 4 4 2 2" xfId="11020"/>
    <cellStyle name="Обычный 2 3 2 12 4 4 2 2 2" xfId="11021"/>
    <cellStyle name="Обычный 2 3 2 12 4 4 2 3" xfId="11022"/>
    <cellStyle name="Обычный 2 3 2 12 4 4 2 3 2" xfId="11023"/>
    <cellStyle name="Обычный 2 3 2 12 4 4 2 4" xfId="11024"/>
    <cellStyle name="Обычный 2 3 2 12 4 4 3" xfId="11025"/>
    <cellStyle name="Обычный 2 3 2 12 4 4 3 2" xfId="11026"/>
    <cellStyle name="Обычный 2 3 2 12 4 4 4" xfId="11027"/>
    <cellStyle name="Обычный 2 3 2 12 4 4 4 2" xfId="11028"/>
    <cellStyle name="Обычный 2 3 2 12 4 4 5" xfId="11029"/>
    <cellStyle name="Обычный 2 3 2 12 4 4 5 2" xfId="11030"/>
    <cellStyle name="Обычный 2 3 2 12 4 4 6" xfId="11031"/>
    <cellStyle name="Обычный 2 3 2 12 4 5" xfId="11032"/>
    <cellStyle name="Обычный 2 3 2 12 4 5 2" xfId="11033"/>
    <cellStyle name="Обычный 2 3 2 12 4 5 2 2" xfId="11034"/>
    <cellStyle name="Обычный 2 3 2 12 4 5 3" xfId="11035"/>
    <cellStyle name="Обычный 2 3 2 12 4 5 3 2" xfId="11036"/>
    <cellStyle name="Обычный 2 3 2 12 4 5 4" xfId="11037"/>
    <cellStyle name="Обычный 2 3 2 12 4 6" xfId="11038"/>
    <cellStyle name="Обычный 2 3 2 12 4 6 2" xfId="11039"/>
    <cellStyle name="Обычный 2 3 2 12 4 7" xfId="11040"/>
    <cellStyle name="Обычный 2 3 2 12 4 7 2" xfId="11041"/>
    <cellStyle name="Обычный 2 3 2 12 4 8" xfId="11042"/>
    <cellStyle name="Обычный 2 3 2 12 4 8 2" xfId="11043"/>
    <cellStyle name="Обычный 2 3 2 12 4 9" xfId="11044"/>
    <cellStyle name="Обычный 2 3 2 12 5" xfId="11045"/>
    <cellStyle name="Обычный 2 3 2 12 5 2" xfId="11046"/>
    <cellStyle name="Обычный 2 3 2 12 5 2 2" xfId="11047"/>
    <cellStyle name="Обычный 2 3 2 12 5 2 2 2" xfId="11048"/>
    <cellStyle name="Обычный 2 3 2 12 5 2 3" xfId="11049"/>
    <cellStyle name="Обычный 2 3 2 12 5 2 3 2" xfId="11050"/>
    <cellStyle name="Обычный 2 3 2 12 5 2 4" xfId="11051"/>
    <cellStyle name="Обычный 2 3 2 12 5 3" xfId="11052"/>
    <cellStyle name="Обычный 2 3 2 12 5 3 2" xfId="11053"/>
    <cellStyle name="Обычный 2 3 2 12 5 4" xfId="11054"/>
    <cellStyle name="Обычный 2 3 2 12 5 4 2" xfId="11055"/>
    <cellStyle name="Обычный 2 3 2 12 5 5" xfId="11056"/>
    <cellStyle name="Обычный 2 3 2 12 5 5 2" xfId="11057"/>
    <cellStyle name="Обычный 2 3 2 12 5 6" xfId="11058"/>
    <cellStyle name="Обычный 2 3 2 12 6" xfId="11059"/>
    <cellStyle name="Обычный 2 3 2 12 6 2" xfId="11060"/>
    <cellStyle name="Обычный 2 3 2 12 6 2 2" xfId="11061"/>
    <cellStyle name="Обычный 2 3 2 12 6 2 2 2" xfId="11062"/>
    <cellStyle name="Обычный 2 3 2 12 6 2 3" xfId="11063"/>
    <cellStyle name="Обычный 2 3 2 12 6 2 3 2" xfId="11064"/>
    <cellStyle name="Обычный 2 3 2 12 6 2 4" xfId="11065"/>
    <cellStyle name="Обычный 2 3 2 12 6 3" xfId="11066"/>
    <cellStyle name="Обычный 2 3 2 12 6 3 2" xfId="11067"/>
    <cellStyle name="Обычный 2 3 2 12 6 4" xfId="11068"/>
    <cellStyle name="Обычный 2 3 2 12 6 4 2" xfId="11069"/>
    <cellStyle name="Обычный 2 3 2 12 6 5" xfId="11070"/>
    <cellStyle name="Обычный 2 3 2 12 6 5 2" xfId="11071"/>
    <cellStyle name="Обычный 2 3 2 12 6 6" xfId="11072"/>
    <cellStyle name="Обычный 2 3 2 12 7" xfId="11073"/>
    <cellStyle name="Обычный 2 3 2 12 7 2" xfId="11074"/>
    <cellStyle name="Обычный 2 3 2 12 7 2 2" xfId="11075"/>
    <cellStyle name="Обычный 2 3 2 12 7 2 2 2" xfId="11076"/>
    <cellStyle name="Обычный 2 3 2 12 7 2 3" xfId="11077"/>
    <cellStyle name="Обычный 2 3 2 12 7 2 3 2" xfId="11078"/>
    <cellStyle name="Обычный 2 3 2 12 7 2 4" xfId="11079"/>
    <cellStyle name="Обычный 2 3 2 12 7 3" xfId="11080"/>
    <cellStyle name="Обычный 2 3 2 12 7 3 2" xfId="11081"/>
    <cellStyle name="Обычный 2 3 2 12 7 4" xfId="11082"/>
    <cellStyle name="Обычный 2 3 2 12 7 4 2" xfId="11083"/>
    <cellStyle name="Обычный 2 3 2 12 7 5" xfId="11084"/>
    <cellStyle name="Обычный 2 3 2 12 7 5 2" xfId="11085"/>
    <cellStyle name="Обычный 2 3 2 12 7 6" xfId="11086"/>
    <cellStyle name="Обычный 2 3 2 12 8" xfId="11087"/>
    <cellStyle name="Обычный 2 3 2 12 8 2" xfId="11088"/>
    <cellStyle name="Обычный 2 3 2 12 8 2 2" xfId="11089"/>
    <cellStyle name="Обычный 2 3 2 12 8 2 2 2" xfId="11090"/>
    <cellStyle name="Обычный 2 3 2 12 8 2 3" xfId="11091"/>
    <cellStyle name="Обычный 2 3 2 12 8 2 3 2" xfId="11092"/>
    <cellStyle name="Обычный 2 3 2 12 8 2 4" xfId="11093"/>
    <cellStyle name="Обычный 2 3 2 12 8 3" xfId="11094"/>
    <cellStyle name="Обычный 2 3 2 12 8 3 2" xfId="11095"/>
    <cellStyle name="Обычный 2 3 2 12 8 4" xfId="11096"/>
    <cellStyle name="Обычный 2 3 2 12 8 4 2" xfId="11097"/>
    <cellStyle name="Обычный 2 3 2 12 8 5" xfId="11098"/>
    <cellStyle name="Обычный 2 3 2 12 8 5 2" xfId="11099"/>
    <cellStyle name="Обычный 2 3 2 12 8 6" xfId="11100"/>
    <cellStyle name="Обычный 2 3 2 12 9" xfId="11101"/>
    <cellStyle name="Обычный 2 3 2 12 9 2" xfId="11102"/>
    <cellStyle name="Обычный 2 3 2 12 9 2 2" xfId="11103"/>
    <cellStyle name="Обычный 2 3 2 12 9 3" xfId="11104"/>
    <cellStyle name="Обычный 2 3 2 12 9 3 2" xfId="11105"/>
    <cellStyle name="Обычный 2 3 2 12 9 4" xfId="11106"/>
    <cellStyle name="Обычный 2 3 2 13" xfId="11107"/>
    <cellStyle name="Обычный 2 3 2 13 10" xfId="11108"/>
    <cellStyle name="Обычный 2 3 2 13 10 2" xfId="11109"/>
    <cellStyle name="Обычный 2 3 2 13 11" xfId="11110"/>
    <cellStyle name="Обычный 2 3 2 13 11 2" xfId="11111"/>
    <cellStyle name="Обычный 2 3 2 13 12" xfId="11112"/>
    <cellStyle name="Обычный 2 3 2 13 13" xfId="11113"/>
    <cellStyle name="Обычный 2 3 2 13 2" xfId="11114"/>
    <cellStyle name="Обычный 2 3 2 13 2 10" xfId="11115"/>
    <cellStyle name="Обычный 2 3 2 13 2 2" xfId="11116"/>
    <cellStyle name="Обычный 2 3 2 13 2 2 2" xfId="11117"/>
    <cellStyle name="Обычный 2 3 2 13 2 2 2 2" xfId="11118"/>
    <cellStyle name="Обычный 2 3 2 13 2 2 2 2 2" xfId="11119"/>
    <cellStyle name="Обычный 2 3 2 13 2 2 2 3" xfId="11120"/>
    <cellStyle name="Обычный 2 3 2 13 2 2 2 3 2" xfId="11121"/>
    <cellStyle name="Обычный 2 3 2 13 2 2 2 4" xfId="11122"/>
    <cellStyle name="Обычный 2 3 2 13 2 2 3" xfId="11123"/>
    <cellStyle name="Обычный 2 3 2 13 2 2 3 2" xfId="11124"/>
    <cellStyle name="Обычный 2 3 2 13 2 2 4" xfId="11125"/>
    <cellStyle name="Обычный 2 3 2 13 2 2 4 2" xfId="11126"/>
    <cellStyle name="Обычный 2 3 2 13 2 2 5" xfId="11127"/>
    <cellStyle name="Обычный 2 3 2 13 2 2 5 2" xfId="11128"/>
    <cellStyle name="Обычный 2 3 2 13 2 2 6" xfId="11129"/>
    <cellStyle name="Обычный 2 3 2 13 2 3" xfId="11130"/>
    <cellStyle name="Обычный 2 3 2 13 2 3 2" xfId="11131"/>
    <cellStyle name="Обычный 2 3 2 13 2 3 2 2" xfId="11132"/>
    <cellStyle name="Обычный 2 3 2 13 2 3 2 2 2" xfId="11133"/>
    <cellStyle name="Обычный 2 3 2 13 2 3 2 3" xfId="11134"/>
    <cellStyle name="Обычный 2 3 2 13 2 3 2 3 2" xfId="11135"/>
    <cellStyle name="Обычный 2 3 2 13 2 3 2 4" xfId="11136"/>
    <cellStyle name="Обычный 2 3 2 13 2 3 3" xfId="11137"/>
    <cellStyle name="Обычный 2 3 2 13 2 3 3 2" xfId="11138"/>
    <cellStyle name="Обычный 2 3 2 13 2 3 4" xfId="11139"/>
    <cellStyle name="Обычный 2 3 2 13 2 3 4 2" xfId="11140"/>
    <cellStyle name="Обычный 2 3 2 13 2 3 5" xfId="11141"/>
    <cellStyle name="Обычный 2 3 2 13 2 3 5 2" xfId="11142"/>
    <cellStyle name="Обычный 2 3 2 13 2 3 6" xfId="11143"/>
    <cellStyle name="Обычный 2 3 2 13 2 4" xfId="11144"/>
    <cellStyle name="Обычный 2 3 2 13 2 4 2" xfId="11145"/>
    <cellStyle name="Обычный 2 3 2 13 2 4 2 2" xfId="11146"/>
    <cellStyle name="Обычный 2 3 2 13 2 4 2 2 2" xfId="11147"/>
    <cellStyle name="Обычный 2 3 2 13 2 4 2 3" xfId="11148"/>
    <cellStyle name="Обычный 2 3 2 13 2 4 2 3 2" xfId="11149"/>
    <cellStyle name="Обычный 2 3 2 13 2 4 2 4" xfId="11150"/>
    <cellStyle name="Обычный 2 3 2 13 2 4 3" xfId="11151"/>
    <cellStyle name="Обычный 2 3 2 13 2 4 3 2" xfId="11152"/>
    <cellStyle name="Обычный 2 3 2 13 2 4 4" xfId="11153"/>
    <cellStyle name="Обычный 2 3 2 13 2 4 4 2" xfId="11154"/>
    <cellStyle name="Обычный 2 3 2 13 2 4 5" xfId="11155"/>
    <cellStyle name="Обычный 2 3 2 13 2 4 5 2" xfId="11156"/>
    <cellStyle name="Обычный 2 3 2 13 2 4 6" xfId="11157"/>
    <cellStyle name="Обычный 2 3 2 13 2 5" xfId="11158"/>
    <cellStyle name="Обычный 2 3 2 13 2 5 2" xfId="11159"/>
    <cellStyle name="Обычный 2 3 2 13 2 5 2 2" xfId="11160"/>
    <cellStyle name="Обычный 2 3 2 13 2 5 2 2 2" xfId="11161"/>
    <cellStyle name="Обычный 2 3 2 13 2 5 2 3" xfId="11162"/>
    <cellStyle name="Обычный 2 3 2 13 2 5 2 3 2" xfId="11163"/>
    <cellStyle name="Обычный 2 3 2 13 2 5 2 4" xfId="11164"/>
    <cellStyle name="Обычный 2 3 2 13 2 5 3" xfId="11165"/>
    <cellStyle name="Обычный 2 3 2 13 2 5 3 2" xfId="11166"/>
    <cellStyle name="Обычный 2 3 2 13 2 5 4" xfId="11167"/>
    <cellStyle name="Обычный 2 3 2 13 2 5 4 2" xfId="11168"/>
    <cellStyle name="Обычный 2 3 2 13 2 5 5" xfId="11169"/>
    <cellStyle name="Обычный 2 3 2 13 2 5 5 2" xfId="11170"/>
    <cellStyle name="Обычный 2 3 2 13 2 5 6" xfId="11171"/>
    <cellStyle name="Обычный 2 3 2 13 2 6" xfId="11172"/>
    <cellStyle name="Обычный 2 3 2 13 2 6 2" xfId="11173"/>
    <cellStyle name="Обычный 2 3 2 13 2 6 2 2" xfId="11174"/>
    <cellStyle name="Обычный 2 3 2 13 2 6 3" xfId="11175"/>
    <cellStyle name="Обычный 2 3 2 13 2 6 3 2" xfId="11176"/>
    <cellStyle name="Обычный 2 3 2 13 2 6 4" xfId="11177"/>
    <cellStyle name="Обычный 2 3 2 13 2 7" xfId="11178"/>
    <cellStyle name="Обычный 2 3 2 13 2 7 2" xfId="11179"/>
    <cellStyle name="Обычный 2 3 2 13 2 8" xfId="11180"/>
    <cellStyle name="Обычный 2 3 2 13 2 8 2" xfId="11181"/>
    <cellStyle name="Обычный 2 3 2 13 2 9" xfId="11182"/>
    <cellStyle name="Обычный 2 3 2 13 2 9 2" xfId="11183"/>
    <cellStyle name="Обычный 2 3 2 13 3" xfId="11184"/>
    <cellStyle name="Обычный 2 3 2 13 3 2" xfId="11185"/>
    <cellStyle name="Обычный 2 3 2 13 3 2 2" xfId="11186"/>
    <cellStyle name="Обычный 2 3 2 13 3 2 2 2" xfId="11187"/>
    <cellStyle name="Обычный 2 3 2 13 3 2 2 2 2" xfId="11188"/>
    <cellStyle name="Обычный 2 3 2 13 3 2 2 3" xfId="11189"/>
    <cellStyle name="Обычный 2 3 2 13 3 2 2 3 2" xfId="11190"/>
    <cellStyle name="Обычный 2 3 2 13 3 2 2 4" xfId="11191"/>
    <cellStyle name="Обычный 2 3 2 13 3 2 3" xfId="11192"/>
    <cellStyle name="Обычный 2 3 2 13 3 2 3 2" xfId="11193"/>
    <cellStyle name="Обычный 2 3 2 13 3 2 4" xfId="11194"/>
    <cellStyle name="Обычный 2 3 2 13 3 2 4 2" xfId="11195"/>
    <cellStyle name="Обычный 2 3 2 13 3 2 5" xfId="11196"/>
    <cellStyle name="Обычный 2 3 2 13 3 2 5 2" xfId="11197"/>
    <cellStyle name="Обычный 2 3 2 13 3 2 6" xfId="11198"/>
    <cellStyle name="Обычный 2 3 2 13 3 3" xfId="11199"/>
    <cellStyle name="Обычный 2 3 2 13 3 3 2" xfId="11200"/>
    <cellStyle name="Обычный 2 3 2 13 3 3 2 2" xfId="11201"/>
    <cellStyle name="Обычный 2 3 2 13 3 3 2 2 2" xfId="11202"/>
    <cellStyle name="Обычный 2 3 2 13 3 3 2 3" xfId="11203"/>
    <cellStyle name="Обычный 2 3 2 13 3 3 2 3 2" xfId="11204"/>
    <cellStyle name="Обычный 2 3 2 13 3 3 2 4" xfId="11205"/>
    <cellStyle name="Обычный 2 3 2 13 3 3 3" xfId="11206"/>
    <cellStyle name="Обычный 2 3 2 13 3 3 3 2" xfId="11207"/>
    <cellStyle name="Обычный 2 3 2 13 3 3 4" xfId="11208"/>
    <cellStyle name="Обычный 2 3 2 13 3 3 4 2" xfId="11209"/>
    <cellStyle name="Обычный 2 3 2 13 3 3 5" xfId="11210"/>
    <cellStyle name="Обычный 2 3 2 13 3 3 5 2" xfId="11211"/>
    <cellStyle name="Обычный 2 3 2 13 3 3 6" xfId="11212"/>
    <cellStyle name="Обычный 2 3 2 13 3 4" xfId="11213"/>
    <cellStyle name="Обычный 2 3 2 13 3 4 2" xfId="11214"/>
    <cellStyle name="Обычный 2 3 2 13 3 4 2 2" xfId="11215"/>
    <cellStyle name="Обычный 2 3 2 13 3 4 2 2 2" xfId="11216"/>
    <cellStyle name="Обычный 2 3 2 13 3 4 2 3" xfId="11217"/>
    <cellStyle name="Обычный 2 3 2 13 3 4 2 3 2" xfId="11218"/>
    <cellStyle name="Обычный 2 3 2 13 3 4 2 4" xfId="11219"/>
    <cellStyle name="Обычный 2 3 2 13 3 4 3" xfId="11220"/>
    <cellStyle name="Обычный 2 3 2 13 3 4 3 2" xfId="11221"/>
    <cellStyle name="Обычный 2 3 2 13 3 4 4" xfId="11222"/>
    <cellStyle name="Обычный 2 3 2 13 3 4 4 2" xfId="11223"/>
    <cellStyle name="Обычный 2 3 2 13 3 4 5" xfId="11224"/>
    <cellStyle name="Обычный 2 3 2 13 3 4 5 2" xfId="11225"/>
    <cellStyle name="Обычный 2 3 2 13 3 4 6" xfId="11226"/>
    <cellStyle name="Обычный 2 3 2 13 3 5" xfId="11227"/>
    <cellStyle name="Обычный 2 3 2 13 3 5 2" xfId="11228"/>
    <cellStyle name="Обычный 2 3 2 13 3 5 2 2" xfId="11229"/>
    <cellStyle name="Обычный 2 3 2 13 3 5 3" xfId="11230"/>
    <cellStyle name="Обычный 2 3 2 13 3 5 3 2" xfId="11231"/>
    <cellStyle name="Обычный 2 3 2 13 3 5 4" xfId="11232"/>
    <cellStyle name="Обычный 2 3 2 13 3 6" xfId="11233"/>
    <cellStyle name="Обычный 2 3 2 13 3 6 2" xfId="11234"/>
    <cellStyle name="Обычный 2 3 2 13 3 7" xfId="11235"/>
    <cellStyle name="Обычный 2 3 2 13 3 7 2" xfId="11236"/>
    <cellStyle name="Обычный 2 3 2 13 3 8" xfId="11237"/>
    <cellStyle name="Обычный 2 3 2 13 3 8 2" xfId="11238"/>
    <cellStyle name="Обычный 2 3 2 13 3 9" xfId="11239"/>
    <cellStyle name="Обычный 2 3 2 13 4" xfId="11240"/>
    <cellStyle name="Обычный 2 3 2 13 4 2" xfId="11241"/>
    <cellStyle name="Обычный 2 3 2 13 4 2 2" xfId="11242"/>
    <cellStyle name="Обычный 2 3 2 13 4 2 2 2" xfId="11243"/>
    <cellStyle name="Обычный 2 3 2 13 4 2 3" xfId="11244"/>
    <cellStyle name="Обычный 2 3 2 13 4 2 3 2" xfId="11245"/>
    <cellStyle name="Обычный 2 3 2 13 4 2 4" xfId="11246"/>
    <cellStyle name="Обычный 2 3 2 13 4 3" xfId="11247"/>
    <cellStyle name="Обычный 2 3 2 13 4 3 2" xfId="11248"/>
    <cellStyle name="Обычный 2 3 2 13 4 4" xfId="11249"/>
    <cellStyle name="Обычный 2 3 2 13 4 4 2" xfId="11250"/>
    <cellStyle name="Обычный 2 3 2 13 4 5" xfId="11251"/>
    <cellStyle name="Обычный 2 3 2 13 4 5 2" xfId="11252"/>
    <cellStyle name="Обычный 2 3 2 13 4 6" xfId="11253"/>
    <cellStyle name="Обычный 2 3 2 13 5" xfId="11254"/>
    <cellStyle name="Обычный 2 3 2 13 5 2" xfId="11255"/>
    <cellStyle name="Обычный 2 3 2 13 5 2 2" xfId="11256"/>
    <cellStyle name="Обычный 2 3 2 13 5 2 2 2" xfId="11257"/>
    <cellStyle name="Обычный 2 3 2 13 5 2 3" xfId="11258"/>
    <cellStyle name="Обычный 2 3 2 13 5 2 3 2" xfId="11259"/>
    <cellStyle name="Обычный 2 3 2 13 5 2 4" xfId="11260"/>
    <cellStyle name="Обычный 2 3 2 13 5 3" xfId="11261"/>
    <cellStyle name="Обычный 2 3 2 13 5 3 2" xfId="11262"/>
    <cellStyle name="Обычный 2 3 2 13 5 4" xfId="11263"/>
    <cellStyle name="Обычный 2 3 2 13 5 4 2" xfId="11264"/>
    <cellStyle name="Обычный 2 3 2 13 5 5" xfId="11265"/>
    <cellStyle name="Обычный 2 3 2 13 5 5 2" xfId="11266"/>
    <cellStyle name="Обычный 2 3 2 13 5 6" xfId="11267"/>
    <cellStyle name="Обычный 2 3 2 13 6" xfId="11268"/>
    <cellStyle name="Обычный 2 3 2 13 6 2" xfId="11269"/>
    <cellStyle name="Обычный 2 3 2 13 6 2 2" xfId="11270"/>
    <cellStyle name="Обычный 2 3 2 13 6 2 2 2" xfId="11271"/>
    <cellStyle name="Обычный 2 3 2 13 6 2 3" xfId="11272"/>
    <cellStyle name="Обычный 2 3 2 13 6 2 3 2" xfId="11273"/>
    <cellStyle name="Обычный 2 3 2 13 6 2 4" xfId="11274"/>
    <cellStyle name="Обычный 2 3 2 13 6 3" xfId="11275"/>
    <cellStyle name="Обычный 2 3 2 13 6 3 2" xfId="11276"/>
    <cellStyle name="Обычный 2 3 2 13 6 4" xfId="11277"/>
    <cellStyle name="Обычный 2 3 2 13 6 4 2" xfId="11278"/>
    <cellStyle name="Обычный 2 3 2 13 6 5" xfId="11279"/>
    <cellStyle name="Обычный 2 3 2 13 6 5 2" xfId="11280"/>
    <cellStyle name="Обычный 2 3 2 13 6 6" xfId="11281"/>
    <cellStyle name="Обычный 2 3 2 13 7" xfId="11282"/>
    <cellStyle name="Обычный 2 3 2 13 7 2" xfId="11283"/>
    <cellStyle name="Обычный 2 3 2 13 7 2 2" xfId="11284"/>
    <cellStyle name="Обычный 2 3 2 13 7 2 2 2" xfId="11285"/>
    <cellStyle name="Обычный 2 3 2 13 7 2 3" xfId="11286"/>
    <cellStyle name="Обычный 2 3 2 13 7 2 3 2" xfId="11287"/>
    <cellStyle name="Обычный 2 3 2 13 7 2 4" xfId="11288"/>
    <cellStyle name="Обычный 2 3 2 13 7 3" xfId="11289"/>
    <cellStyle name="Обычный 2 3 2 13 7 3 2" xfId="11290"/>
    <cellStyle name="Обычный 2 3 2 13 7 4" xfId="11291"/>
    <cellStyle name="Обычный 2 3 2 13 7 4 2" xfId="11292"/>
    <cellStyle name="Обычный 2 3 2 13 7 5" xfId="11293"/>
    <cellStyle name="Обычный 2 3 2 13 7 5 2" xfId="11294"/>
    <cellStyle name="Обычный 2 3 2 13 7 6" xfId="11295"/>
    <cellStyle name="Обычный 2 3 2 13 8" xfId="11296"/>
    <cellStyle name="Обычный 2 3 2 13 8 2" xfId="11297"/>
    <cellStyle name="Обычный 2 3 2 13 8 2 2" xfId="11298"/>
    <cellStyle name="Обычный 2 3 2 13 8 3" xfId="11299"/>
    <cellStyle name="Обычный 2 3 2 13 8 3 2" xfId="11300"/>
    <cellStyle name="Обычный 2 3 2 13 8 4" xfId="11301"/>
    <cellStyle name="Обычный 2 3 2 13 9" xfId="11302"/>
    <cellStyle name="Обычный 2 3 2 13 9 2" xfId="11303"/>
    <cellStyle name="Обычный 2 3 2 13 9 2 2" xfId="11304"/>
    <cellStyle name="Обычный 2 3 2 13 9 3" xfId="11305"/>
    <cellStyle name="Обычный 2 3 2 14" xfId="11306"/>
    <cellStyle name="Обычный 2 3 2 14 10" xfId="11307"/>
    <cellStyle name="Обычный 2 3 2 14 10 2" xfId="11308"/>
    <cellStyle name="Обычный 2 3 2 14 11" xfId="11309"/>
    <cellStyle name="Обычный 2 3 2 14 11 2" xfId="11310"/>
    <cellStyle name="Обычный 2 3 2 14 12" xfId="11311"/>
    <cellStyle name="Обычный 2 3 2 14 13" xfId="11312"/>
    <cellStyle name="Обычный 2 3 2 14 2" xfId="11313"/>
    <cellStyle name="Обычный 2 3 2 14 2 10" xfId="11314"/>
    <cellStyle name="Обычный 2 3 2 14 2 2" xfId="11315"/>
    <cellStyle name="Обычный 2 3 2 14 2 2 2" xfId="11316"/>
    <cellStyle name="Обычный 2 3 2 14 2 2 2 2" xfId="11317"/>
    <cellStyle name="Обычный 2 3 2 14 2 2 2 2 2" xfId="11318"/>
    <cellStyle name="Обычный 2 3 2 14 2 2 2 3" xfId="11319"/>
    <cellStyle name="Обычный 2 3 2 14 2 2 2 3 2" xfId="11320"/>
    <cellStyle name="Обычный 2 3 2 14 2 2 2 4" xfId="11321"/>
    <cellStyle name="Обычный 2 3 2 14 2 2 3" xfId="11322"/>
    <cellStyle name="Обычный 2 3 2 14 2 2 3 2" xfId="11323"/>
    <cellStyle name="Обычный 2 3 2 14 2 2 4" xfId="11324"/>
    <cellStyle name="Обычный 2 3 2 14 2 2 4 2" xfId="11325"/>
    <cellStyle name="Обычный 2 3 2 14 2 2 5" xfId="11326"/>
    <cellStyle name="Обычный 2 3 2 14 2 2 5 2" xfId="11327"/>
    <cellStyle name="Обычный 2 3 2 14 2 2 6" xfId="11328"/>
    <cellStyle name="Обычный 2 3 2 14 2 3" xfId="11329"/>
    <cellStyle name="Обычный 2 3 2 14 2 3 2" xfId="11330"/>
    <cellStyle name="Обычный 2 3 2 14 2 3 2 2" xfId="11331"/>
    <cellStyle name="Обычный 2 3 2 14 2 3 2 2 2" xfId="11332"/>
    <cellStyle name="Обычный 2 3 2 14 2 3 2 3" xfId="11333"/>
    <cellStyle name="Обычный 2 3 2 14 2 3 2 3 2" xfId="11334"/>
    <cellStyle name="Обычный 2 3 2 14 2 3 2 4" xfId="11335"/>
    <cellStyle name="Обычный 2 3 2 14 2 3 3" xfId="11336"/>
    <cellStyle name="Обычный 2 3 2 14 2 3 3 2" xfId="11337"/>
    <cellStyle name="Обычный 2 3 2 14 2 3 4" xfId="11338"/>
    <cellStyle name="Обычный 2 3 2 14 2 3 4 2" xfId="11339"/>
    <cellStyle name="Обычный 2 3 2 14 2 3 5" xfId="11340"/>
    <cellStyle name="Обычный 2 3 2 14 2 3 5 2" xfId="11341"/>
    <cellStyle name="Обычный 2 3 2 14 2 3 6" xfId="11342"/>
    <cellStyle name="Обычный 2 3 2 14 2 4" xfId="11343"/>
    <cellStyle name="Обычный 2 3 2 14 2 4 2" xfId="11344"/>
    <cellStyle name="Обычный 2 3 2 14 2 4 2 2" xfId="11345"/>
    <cellStyle name="Обычный 2 3 2 14 2 4 2 2 2" xfId="11346"/>
    <cellStyle name="Обычный 2 3 2 14 2 4 2 3" xfId="11347"/>
    <cellStyle name="Обычный 2 3 2 14 2 4 2 3 2" xfId="11348"/>
    <cellStyle name="Обычный 2 3 2 14 2 4 2 4" xfId="11349"/>
    <cellStyle name="Обычный 2 3 2 14 2 4 3" xfId="11350"/>
    <cellStyle name="Обычный 2 3 2 14 2 4 3 2" xfId="11351"/>
    <cellStyle name="Обычный 2 3 2 14 2 4 4" xfId="11352"/>
    <cellStyle name="Обычный 2 3 2 14 2 4 4 2" xfId="11353"/>
    <cellStyle name="Обычный 2 3 2 14 2 4 5" xfId="11354"/>
    <cellStyle name="Обычный 2 3 2 14 2 4 5 2" xfId="11355"/>
    <cellStyle name="Обычный 2 3 2 14 2 4 6" xfId="11356"/>
    <cellStyle name="Обычный 2 3 2 14 2 5" xfId="11357"/>
    <cellStyle name="Обычный 2 3 2 14 2 5 2" xfId="11358"/>
    <cellStyle name="Обычный 2 3 2 14 2 5 2 2" xfId="11359"/>
    <cellStyle name="Обычный 2 3 2 14 2 5 2 2 2" xfId="11360"/>
    <cellStyle name="Обычный 2 3 2 14 2 5 2 3" xfId="11361"/>
    <cellStyle name="Обычный 2 3 2 14 2 5 2 3 2" xfId="11362"/>
    <cellStyle name="Обычный 2 3 2 14 2 5 2 4" xfId="11363"/>
    <cellStyle name="Обычный 2 3 2 14 2 5 3" xfId="11364"/>
    <cellStyle name="Обычный 2 3 2 14 2 5 3 2" xfId="11365"/>
    <cellStyle name="Обычный 2 3 2 14 2 5 4" xfId="11366"/>
    <cellStyle name="Обычный 2 3 2 14 2 5 4 2" xfId="11367"/>
    <cellStyle name="Обычный 2 3 2 14 2 5 5" xfId="11368"/>
    <cellStyle name="Обычный 2 3 2 14 2 5 5 2" xfId="11369"/>
    <cellStyle name="Обычный 2 3 2 14 2 5 6" xfId="11370"/>
    <cellStyle name="Обычный 2 3 2 14 2 6" xfId="11371"/>
    <cellStyle name="Обычный 2 3 2 14 2 6 2" xfId="11372"/>
    <cellStyle name="Обычный 2 3 2 14 2 6 2 2" xfId="11373"/>
    <cellStyle name="Обычный 2 3 2 14 2 6 3" xfId="11374"/>
    <cellStyle name="Обычный 2 3 2 14 2 6 3 2" xfId="11375"/>
    <cellStyle name="Обычный 2 3 2 14 2 6 4" xfId="11376"/>
    <cellStyle name="Обычный 2 3 2 14 2 7" xfId="11377"/>
    <cellStyle name="Обычный 2 3 2 14 2 7 2" xfId="11378"/>
    <cellStyle name="Обычный 2 3 2 14 2 8" xfId="11379"/>
    <cellStyle name="Обычный 2 3 2 14 2 8 2" xfId="11380"/>
    <cellStyle name="Обычный 2 3 2 14 2 9" xfId="11381"/>
    <cellStyle name="Обычный 2 3 2 14 2 9 2" xfId="11382"/>
    <cellStyle name="Обычный 2 3 2 14 3" xfId="11383"/>
    <cellStyle name="Обычный 2 3 2 14 3 2" xfId="11384"/>
    <cellStyle name="Обычный 2 3 2 14 3 2 2" xfId="11385"/>
    <cellStyle name="Обычный 2 3 2 14 3 2 2 2" xfId="11386"/>
    <cellStyle name="Обычный 2 3 2 14 3 2 2 2 2" xfId="11387"/>
    <cellStyle name="Обычный 2 3 2 14 3 2 2 3" xfId="11388"/>
    <cellStyle name="Обычный 2 3 2 14 3 2 2 3 2" xfId="11389"/>
    <cellStyle name="Обычный 2 3 2 14 3 2 2 4" xfId="11390"/>
    <cellStyle name="Обычный 2 3 2 14 3 2 3" xfId="11391"/>
    <cellStyle name="Обычный 2 3 2 14 3 2 3 2" xfId="11392"/>
    <cellStyle name="Обычный 2 3 2 14 3 2 4" xfId="11393"/>
    <cellStyle name="Обычный 2 3 2 14 3 2 4 2" xfId="11394"/>
    <cellStyle name="Обычный 2 3 2 14 3 2 5" xfId="11395"/>
    <cellStyle name="Обычный 2 3 2 14 3 2 5 2" xfId="11396"/>
    <cellStyle name="Обычный 2 3 2 14 3 2 6" xfId="11397"/>
    <cellStyle name="Обычный 2 3 2 14 3 3" xfId="11398"/>
    <cellStyle name="Обычный 2 3 2 14 3 3 2" xfId="11399"/>
    <cellStyle name="Обычный 2 3 2 14 3 3 2 2" xfId="11400"/>
    <cellStyle name="Обычный 2 3 2 14 3 3 2 2 2" xfId="11401"/>
    <cellStyle name="Обычный 2 3 2 14 3 3 2 3" xfId="11402"/>
    <cellStyle name="Обычный 2 3 2 14 3 3 2 3 2" xfId="11403"/>
    <cellStyle name="Обычный 2 3 2 14 3 3 2 4" xfId="11404"/>
    <cellStyle name="Обычный 2 3 2 14 3 3 3" xfId="11405"/>
    <cellStyle name="Обычный 2 3 2 14 3 3 3 2" xfId="11406"/>
    <cellStyle name="Обычный 2 3 2 14 3 3 4" xfId="11407"/>
    <cellStyle name="Обычный 2 3 2 14 3 3 4 2" xfId="11408"/>
    <cellStyle name="Обычный 2 3 2 14 3 3 5" xfId="11409"/>
    <cellStyle name="Обычный 2 3 2 14 3 3 5 2" xfId="11410"/>
    <cellStyle name="Обычный 2 3 2 14 3 3 6" xfId="11411"/>
    <cellStyle name="Обычный 2 3 2 14 3 4" xfId="11412"/>
    <cellStyle name="Обычный 2 3 2 14 3 4 2" xfId="11413"/>
    <cellStyle name="Обычный 2 3 2 14 3 4 2 2" xfId="11414"/>
    <cellStyle name="Обычный 2 3 2 14 3 4 2 2 2" xfId="11415"/>
    <cellStyle name="Обычный 2 3 2 14 3 4 2 3" xfId="11416"/>
    <cellStyle name="Обычный 2 3 2 14 3 4 2 3 2" xfId="11417"/>
    <cellStyle name="Обычный 2 3 2 14 3 4 2 4" xfId="11418"/>
    <cellStyle name="Обычный 2 3 2 14 3 4 3" xfId="11419"/>
    <cellStyle name="Обычный 2 3 2 14 3 4 3 2" xfId="11420"/>
    <cellStyle name="Обычный 2 3 2 14 3 4 4" xfId="11421"/>
    <cellStyle name="Обычный 2 3 2 14 3 4 4 2" xfId="11422"/>
    <cellStyle name="Обычный 2 3 2 14 3 4 5" xfId="11423"/>
    <cellStyle name="Обычный 2 3 2 14 3 4 5 2" xfId="11424"/>
    <cellStyle name="Обычный 2 3 2 14 3 4 6" xfId="11425"/>
    <cellStyle name="Обычный 2 3 2 14 3 5" xfId="11426"/>
    <cellStyle name="Обычный 2 3 2 14 3 5 2" xfId="11427"/>
    <cellStyle name="Обычный 2 3 2 14 3 5 2 2" xfId="11428"/>
    <cellStyle name="Обычный 2 3 2 14 3 5 3" xfId="11429"/>
    <cellStyle name="Обычный 2 3 2 14 3 5 3 2" xfId="11430"/>
    <cellStyle name="Обычный 2 3 2 14 3 5 4" xfId="11431"/>
    <cellStyle name="Обычный 2 3 2 14 3 6" xfId="11432"/>
    <cellStyle name="Обычный 2 3 2 14 3 6 2" xfId="11433"/>
    <cellStyle name="Обычный 2 3 2 14 3 7" xfId="11434"/>
    <cellStyle name="Обычный 2 3 2 14 3 7 2" xfId="11435"/>
    <cellStyle name="Обычный 2 3 2 14 3 8" xfId="11436"/>
    <cellStyle name="Обычный 2 3 2 14 3 8 2" xfId="11437"/>
    <cellStyle name="Обычный 2 3 2 14 3 9" xfId="11438"/>
    <cellStyle name="Обычный 2 3 2 14 4" xfId="11439"/>
    <cellStyle name="Обычный 2 3 2 14 4 2" xfId="11440"/>
    <cellStyle name="Обычный 2 3 2 14 4 2 2" xfId="11441"/>
    <cellStyle name="Обычный 2 3 2 14 4 2 2 2" xfId="11442"/>
    <cellStyle name="Обычный 2 3 2 14 4 2 3" xfId="11443"/>
    <cellStyle name="Обычный 2 3 2 14 4 2 3 2" xfId="11444"/>
    <cellStyle name="Обычный 2 3 2 14 4 2 4" xfId="11445"/>
    <cellStyle name="Обычный 2 3 2 14 4 3" xfId="11446"/>
    <cellStyle name="Обычный 2 3 2 14 4 3 2" xfId="11447"/>
    <cellStyle name="Обычный 2 3 2 14 4 4" xfId="11448"/>
    <cellStyle name="Обычный 2 3 2 14 4 4 2" xfId="11449"/>
    <cellStyle name="Обычный 2 3 2 14 4 5" xfId="11450"/>
    <cellStyle name="Обычный 2 3 2 14 4 5 2" xfId="11451"/>
    <cellStyle name="Обычный 2 3 2 14 4 6" xfId="11452"/>
    <cellStyle name="Обычный 2 3 2 14 5" xfId="11453"/>
    <cellStyle name="Обычный 2 3 2 14 5 2" xfId="11454"/>
    <cellStyle name="Обычный 2 3 2 14 5 2 2" xfId="11455"/>
    <cellStyle name="Обычный 2 3 2 14 5 2 2 2" xfId="11456"/>
    <cellStyle name="Обычный 2 3 2 14 5 2 3" xfId="11457"/>
    <cellStyle name="Обычный 2 3 2 14 5 2 3 2" xfId="11458"/>
    <cellStyle name="Обычный 2 3 2 14 5 2 4" xfId="11459"/>
    <cellStyle name="Обычный 2 3 2 14 5 3" xfId="11460"/>
    <cellStyle name="Обычный 2 3 2 14 5 3 2" xfId="11461"/>
    <cellStyle name="Обычный 2 3 2 14 5 4" xfId="11462"/>
    <cellStyle name="Обычный 2 3 2 14 5 4 2" xfId="11463"/>
    <cellStyle name="Обычный 2 3 2 14 5 5" xfId="11464"/>
    <cellStyle name="Обычный 2 3 2 14 5 5 2" xfId="11465"/>
    <cellStyle name="Обычный 2 3 2 14 5 6" xfId="11466"/>
    <cellStyle name="Обычный 2 3 2 14 6" xfId="11467"/>
    <cellStyle name="Обычный 2 3 2 14 6 2" xfId="11468"/>
    <cellStyle name="Обычный 2 3 2 14 6 2 2" xfId="11469"/>
    <cellStyle name="Обычный 2 3 2 14 6 2 2 2" xfId="11470"/>
    <cellStyle name="Обычный 2 3 2 14 6 2 3" xfId="11471"/>
    <cellStyle name="Обычный 2 3 2 14 6 2 3 2" xfId="11472"/>
    <cellStyle name="Обычный 2 3 2 14 6 2 4" xfId="11473"/>
    <cellStyle name="Обычный 2 3 2 14 6 3" xfId="11474"/>
    <cellStyle name="Обычный 2 3 2 14 6 3 2" xfId="11475"/>
    <cellStyle name="Обычный 2 3 2 14 6 4" xfId="11476"/>
    <cellStyle name="Обычный 2 3 2 14 6 4 2" xfId="11477"/>
    <cellStyle name="Обычный 2 3 2 14 6 5" xfId="11478"/>
    <cellStyle name="Обычный 2 3 2 14 6 5 2" xfId="11479"/>
    <cellStyle name="Обычный 2 3 2 14 6 6" xfId="11480"/>
    <cellStyle name="Обычный 2 3 2 14 7" xfId="11481"/>
    <cellStyle name="Обычный 2 3 2 14 7 2" xfId="11482"/>
    <cellStyle name="Обычный 2 3 2 14 7 2 2" xfId="11483"/>
    <cellStyle name="Обычный 2 3 2 14 7 2 2 2" xfId="11484"/>
    <cellStyle name="Обычный 2 3 2 14 7 2 3" xfId="11485"/>
    <cellStyle name="Обычный 2 3 2 14 7 2 3 2" xfId="11486"/>
    <cellStyle name="Обычный 2 3 2 14 7 2 4" xfId="11487"/>
    <cellStyle name="Обычный 2 3 2 14 7 3" xfId="11488"/>
    <cellStyle name="Обычный 2 3 2 14 7 3 2" xfId="11489"/>
    <cellStyle name="Обычный 2 3 2 14 7 4" xfId="11490"/>
    <cellStyle name="Обычный 2 3 2 14 7 4 2" xfId="11491"/>
    <cellStyle name="Обычный 2 3 2 14 7 5" xfId="11492"/>
    <cellStyle name="Обычный 2 3 2 14 7 5 2" xfId="11493"/>
    <cellStyle name="Обычный 2 3 2 14 7 6" xfId="11494"/>
    <cellStyle name="Обычный 2 3 2 14 8" xfId="11495"/>
    <cellStyle name="Обычный 2 3 2 14 8 2" xfId="11496"/>
    <cellStyle name="Обычный 2 3 2 14 8 2 2" xfId="11497"/>
    <cellStyle name="Обычный 2 3 2 14 8 3" xfId="11498"/>
    <cellStyle name="Обычный 2 3 2 14 8 3 2" xfId="11499"/>
    <cellStyle name="Обычный 2 3 2 14 8 4" xfId="11500"/>
    <cellStyle name="Обычный 2 3 2 14 9" xfId="11501"/>
    <cellStyle name="Обычный 2 3 2 14 9 2" xfId="11502"/>
    <cellStyle name="Обычный 2 3 2 14 9 2 2" xfId="11503"/>
    <cellStyle name="Обычный 2 3 2 14 9 3" xfId="11504"/>
    <cellStyle name="Обычный 2 3 2 15" xfId="11505"/>
    <cellStyle name="Обычный 2 3 2 15 10" xfId="11506"/>
    <cellStyle name="Обычный 2 3 2 15 10 2" xfId="11507"/>
    <cellStyle name="Обычный 2 3 2 15 11" xfId="11508"/>
    <cellStyle name="Обычный 2 3 2 15 11 2" xfId="11509"/>
    <cellStyle name="Обычный 2 3 2 15 12" xfId="11510"/>
    <cellStyle name="Обычный 2 3 2 15 13" xfId="11511"/>
    <cellStyle name="Обычный 2 3 2 15 2" xfId="11512"/>
    <cellStyle name="Обычный 2 3 2 15 2 10" xfId="11513"/>
    <cellStyle name="Обычный 2 3 2 15 2 2" xfId="11514"/>
    <cellStyle name="Обычный 2 3 2 15 2 2 2" xfId="11515"/>
    <cellStyle name="Обычный 2 3 2 15 2 2 2 2" xfId="11516"/>
    <cellStyle name="Обычный 2 3 2 15 2 2 2 2 2" xfId="11517"/>
    <cellStyle name="Обычный 2 3 2 15 2 2 2 3" xfId="11518"/>
    <cellStyle name="Обычный 2 3 2 15 2 2 2 3 2" xfId="11519"/>
    <cellStyle name="Обычный 2 3 2 15 2 2 2 4" xfId="11520"/>
    <cellStyle name="Обычный 2 3 2 15 2 2 3" xfId="11521"/>
    <cellStyle name="Обычный 2 3 2 15 2 2 3 2" xfId="11522"/>
    <cellStyle name="Обычный 2 3 2 15 2 2 4" xfId="11523"/>
    <cellStyle name="Обычный 2 3 2 15 2 2 4 2" xfId="11524"/>
    <cellStyle name="Обычный 2 3 2 15 2 2 5" xfId="11525"/>
    <cellStyle name="Обычный 2 3 2 15 2 2 5 2" xfId="11526"/>
    <cellStyle name="Обычный 2 3 2 15 2 2 6" xfId="11527"/>
    <cellStyle name="Обычный 2 3 2 15 2 3" xfId="11528"/>
    <cellStyle name="Обычный 2 3 2 15 2 3 2" xfId="11529"/>
    <cellStyle name="Обычный 2 3 2 15 2 3 2 2" xfId="11530"/>
    <cellStyle name="Обычный 2 3 2 15 2 3 2 2 2" xfId="11531"/>
    <cellStyle name="Обычный 2 3 2 15 2 3 2 3" xfId="11532"/>
    <cellStyle name="Обычный 2 3 2 15 2 3 2 3 2" xfId="11533"/>
    <cellStyle name="Обычный 2 3 2 15 2 3 2 4" xfId="11534"/>
    <cellStyle name="Обычный 2 3 2 15 2 3 3" xfId="11535"/>
    <cellStyle name="Обычный 2 3 2 15 2 3 3 2" xfId="11536"/>
    <cellStyle name="Обычный 2 3 2 15 2 3 4" xfId="11537"/>
    <cellStyle name="Обычный 2 3 2 15 2 3 4 2" xfId="11538"/>
    <cellStyle name="Обычный 2 3 2 15 2 3 5" xfId="11539"/>
    <cellStyle name="Обычный 2 3 2 15 2 3 5 2" xfId="11540"/>
    <cellStyle name="Обычный 2 3 2 15 2 3 6" xfId="11541"/>
    <cellStyle name="Обычный 2 3 2 15 2 4" xfId="11542"/>
    <cellStyle name="Обычный 2 3 2 15 2 4 2" xfId="11543"/>
    <cellStyle name="Обычный 2 3 2 15 2 4 2 2" xfId="11544"/>
    <cellStyle name="Обычный 2 3 2 15 2 4 2 2 2" xfId="11545"/>
    <cellStyle name="Обычный 2 3 2 15 2 4 2 3" xfId="11546"/>
    <cellStyle name="Обычный 2 3 2 15 2 4 2 3 2" xfId="11547"/>
    <cellStyle name="Обычный 2 3 2 15 2 4 2 4" xfId="11548"/>
    <cellStyle name="Обычный 2 3 2 15 2 4 3" xfId="11549"/>
    <cellStyle name="Обычный 2 3 2 15 2 4 3 2" xfId="11550"/>
    <cellStyle name="Обычный 2 3 2 15 2 4 4" xfId="11551"/>
    <cellStyle name="Обычный 2 3 2 15 2 4 4 2" xfId="11552"/>
    <cellStyle name="Обычный 2 3 2 15 2 4 5" xfId="11553"/>
    <cellStyle name="Обычный 2 3 2 15 2 4 5 2" xfId="11554"/>
    <cellStyle name="Обычный 2 3 2 15 2 4 6" xfId="11555"/>
    <cellStyle name="Обычный 2 3 2 15 2 5" xfId="11556"/>
    <cellStyle name="Обычный 2 3 2 15 2 5 2" xfId="11557"/>
    <cellStyle name="Обычный 2 3 2 15 2 5 2 2" xfId="11558"/>
    <cellStyle name="Обычный 2 3 2 15 2 5 2 2 2" xfId="11559"/>
    <cellStyle name="Обычный 2 3 2 15 2 5 2 3" xfId="11560"/>
    <cellStyle name="Обычный 2 3 2 15 2 5 2 3 2" xfId="11561"/>
    <cellStyle name="Обычный 2 3 2 15 2 5 2 4" xfId="11562"/>
    <cellStyle name="Обычный 2 3 2 15 2 5 3" xfId="11563"/>
    <cellStyle name="Обычный 2 3 2 15 2 5 3 2" xfId="11564"/>
    <cellStyle name="Обычный 2 3 2 15 2 5 4" xfId="11565"/>
    <cellStyle name="Обычный 2 3 2 15 2 5 4 2" xfId="11566"/>
    <cellStyle name="Обычный 2 3 2 15 2 5 5" xfId="11567"/>
    <cellStyle name="Обычный 2 3 2 15 2 5 5 2" xfId="11568"/>
    <cellStyle name="Обычный 2 3 2 15 2 5 6" xfId="11569"/>
    <cellStyle name="Обычный 2 3 2 15 2 6" xfId="11570"/>
    <cellStyle name="Обычный 2 3 2 15 2 6 2" xfId="11571"/>
    <cellStyle name="Обычный 2 3 2 15 2 6 2 2" xfId="11572"/>
    <cellStyle name="Обычный 2 3 2 15 2 6 3" xfId="11573"/>
    <cellStyle name="Обычный 2 3 2 15 2 6 3 2" xfId="11574"/>
    <cellStyle name="Обычный 2 3 2 15 2 6 4" xfId="11575"/>
    <cellStyle name="Обычный 2 3 2 15 2 7" xfId="11576"/>
    <cellStyle name="Обычный 2 3 2 15 2 7 2" xfId="11577"/>
    <cellStyle name="Обычный 2 3 2 15 2 8" xfId="11578"/>
    <cellStyle name="Обычный 2 3 2 15 2 8 2" xfId="11579"/>
    <cellStyle name="Обычный 2 3 2 15 2 9" xfId="11580"/>
    <cellStyle name="Обычный 2 3 2 15 2 9 2" xfId="11581"/>
    <cellStyle name="Обычный 2 3 2 15 3" xfId="11582"/>
    <cellStyle name="Обычный 2 3 2 15 3 2" xfId="11583"/>
    <cellStyle name="Обычный 2 3 2 15 3 2 2" xfId="11584"/>
    <cellStyle name="Обычный 2 3 2 15 3 2 2 2" xfId="11585"/>
    <cellStyle name="Обычный 2 3 2 15 3 2 2 2 2" xfId="11586"/>
    <cellStyle name="Обычный 2 3 2 15 3 2 2 3" xfId="11587"/>
    <cellStyle name="Обычный 2 3 2 15 3 2 2 3 2" xfId="11588"/>
    <cellStyle name="Обычный 2 3 2 15 3 2 2 4" xfId="11589"/>
    <cellStyle name="Обычный 2 3 2 15 3 2 3" xfId="11590"/>
    <cellStyle name="Обычный 2 3 2 15 3 2 3 2" xfId="11591"/>
    <cellStyle name="Обычный 2 3 2 15 3 2 4" xfId="11592"/>
    <cellStyle name="Обычный 2 3 2 15 3 2 4 2" xfId="11593"/>
    <cellStyle name="Обычный 2 3 2 15 3 2 5" xfId="11594"/>
    <cellStyle name="Обычный 2 3 2 15 3 2 5 2" xfId="11595"/>
    <cellStyle name="Обычный 2 3 2 15 3 2 6" xfId="11596"/>
    <cellStyle name="Обычный 2 3 2 15 3 3" xfId="11597"/>
    <cellStyle name="Обычный 2 3 2 15 3 3 2" xfId="11598"/>
    <cellStyle name="Обычный 2 3 2 15 3 3 2 2" xfId="11599"/>
    <cellStyle name="Обычный 2 3 2 15 3 3 2 2 2" xfId="11600"/>
    <cellStyle name="Обычный 2 3 2 15 3 3 2 3" xfId="11601"/>
    <cellStyle name="Обычный 2 3 2 15 3 3 2 3 2" xfId="11602"/>
    <cellStyle name="Обычный 2 3 2 15 3 3 2 4" xfId="11603"/>
    <cellStyle name="Обычный 2 3 2 15 3 3 3" xfId="11604"/>
    <cellStyle name="Обычный 2 3 2 15 3 3 3 2" xfId="11605"/>
    <cellStyle name="Обычный 2 3 2 15 3 3 4" xfId="11606"/>
    <cellStyle name="Обычный 2 3 2 15 3 3 4 2" xfId="11607"/>
    <cellStyle name="Обычный 2 3 2 15 3 3 5" xfId="11608"/>
    <cellStyle name="Обычный 2 3 2 15 3 3 5 2" xfId="11609"/>
    <cellStyle name="Обычный 2 3 2 15 3 3 6" xfId="11610"/>
    <cellStyle name="Обычный 2 3 2 15 3 4" xfId="11611"/>
    <cellStyle name="Обычный 2 3 2 15 3 4 2" xfId="11612"/>
    <cellStyle name="Обычный 2 3 2 15 3 4 2 2" xfId="11613"/>
    <cellStyle name="Обычный 2 3 2 15 3 4 2 2 2" xfId="11614"/>
    <cellStyle name="Обычный 2 3 2 15 3 4 2 3" xfId="11615"/>
    <cellStyle name="Обычный 2 3 2 15 3 4 2 3 2" xfId="11616"/>
    <cellStyle name="Обычный 2 3 2 15 3 4 2 4" xfId="11617"/>
    <cellStyle name="Обычный 2 3 2 15 3 4 3" xfId="11618"/>
    <cellStyle name="Обычный 2 3 2 15 3 4 3 2" xfId="11619"/>
    <cellStyle name="Обычный 2 3 2 15 3 4 4" xfId="11620"/>
    <cellStyle name="Обычный 2 3 2 15 3 4 4 2" xfId="11621"/>
    <cellStyle name="Обычный 2 3 2 15 3 4 5" xfId="11622"/>
    <cellStyle name="Обычный 2 3 2 15 3 4 5 2" xfId="11623"/>
    <cellStyle name="Обычный 2 3 2 15 3 4 6" xfId="11624"/>
    <cellStyle name="Обычный 2 3 2 15 3 5" xfId="11625"/>
    <cellStyle name="Обычный 2 3 2 15 3 5 2" xfId="11626"/>
    <cellStyle name="Обычный 2 3 2 15 3 5 2 2" xfId="11627"/>
    <cellStyle name="Обычный 2 3 2 15 3 5 3" xfId="11628"/>
    <cellStyle name="Обычный 2 3 2 15 3 5 3 2" xfId="11629"/>
    <cellStyle name="Обычный 2 3 2 15 3 5 4" xfId="11630"/>
    <cellStyle name="Обычный 2 3 2 15 3 6" xfId="11631"/>
    <cellStyle name="Обычный 2 3 2 15 3 6 2" xfId="11632"/>
    <cellStyle name="Обычный 2 3 2 15 3 7" xfId="11633"/>
    <cellStyle name="Обычный 2 3 2 15 3 7 2" xfId="11634"/>
    <cellStyle name="Обычный 2 3 2 15 3 8" xfId="11635"/>
    <cellStyle name="Обычный 2 3 2 15 3 8 2" xfId="11636"/>
    <cellStyle name="Обычный 2 3 2 15 3 9" xfId="11637"/>
    <cellStyle name="Обычный 2 3 2 15 4" xfId="11638"/>
    <cellStyle name="Обычный 2 3 2 15 4 2" xfId="11639"/>
    <cellStyle name="Обычный 2 3 2 15 4 2 2" xfId="11640"/>
    <cellStyle name="Обычный 2 3 2 15 4 2 2 2" xfId="11641"/>
    <cellStyle name="Обычный 2 3 2 15 4 2 3" xfId="11642"/>
    <cellStyle name="Обычный 2 3 2 15 4 2 3 2" xfId="11643"/>
    <cellStyle name="Обычный 2 3 2 15 4 2 4" xfId="11644"/>
    <cellStyle name="Обычный 2 3 2 15 4 3" xfId="11645"/>
    <cellStyle name="Обычный 2 3 2 15 4 3 2" xfId="11646"/>
    <cellStyle name="Обычный 2 3 2 15 4 4" xfId="11647"/>
    <cellStyle name="Обычный 2 3 2 15 4 4 2" xfId="11648"/>
    <cellStyle name="Обычный 2 3 2 15 4 5" xfId="11649"/>
    <cellStyle name="Обычный 2 3 2 15 4 5 2" xfId="11650"/>
    <cellStyle name="Обычный 2 3 2 15 4 6" xfId="11651"/>
    <cellStyle name="Обычный 2 3 2 15 5" xfId="11652"/>
    <cellStyle name="Обычный 2 3 2 15 5 2" xfId="11653"/>
    <cellStyle name="Обычный 2 3 2 15 5 2 2" xfId="11654"/>
    <cellStyle name="Обычный 2 3 2 15 5 2 2 2" xfId="11655"/>
    <cellStyle name="Обычный 2 3 2 15 5 2 3" xfId="11656"/>
    <cellStyle name="Обычный 2 3 2 15 5 2 3 2" xfId="11657"/>
    <cellStyle name="Обычный 2 3 2 15 5 2 4" xfId="11658"/>
    <cellStyle name="Обычный 2 3 2 15 5 3" xfId="11659"/>
    <cellStyle name="Обычный 2 3 2 15 5 3 2" xfId="11660"/>
    <cellStyle name="Обычный 2 3 2 15 5 4" xfId="11661"/>
    <cellStyle name="Обычный 2 3 2 15 5 4 2" xfId="11662"/>
    <cellStyle name="Обычный 2 3 2 15 5 5" xfId="11663"/>
    <cellStyle name="Обычный 2 3 2 15 5 5 2" xfId="11664"/>
    <cellStyle name="Обычный 2 3 2 15 5 6" xfId="11665"/>
    <cellStyle name="Обычный 2 3 2 15 6" xfId="11666"/>
    <cellStyle name="Обычный 2 3 2 15 6 2" xfId="11667"/>
    <cellStyle name="Обычный 2 3 2 15 6 2 2" xfId="11668"/>
    <cellStyle name="Обычный 2 3 2 15 6 2 2 2" xfId="11669"/>
    <cellStyle name="Обычный 2 3 2 15 6 2 3" xfId="11670"/>
    <cellStyle name="Обычный 2 3 2 15 6 2 3 2" xfId="11671"/>
    <cellStyle name="Обычный 2 3 2 15 6 2 4" xfId="11672"/>
    <cellStyle name="Обычный 2 3 2 15 6 3" xfId="11673"/>
    <cellStyle name="Обычный 2 3 2 15 6 3 2" xfId="11674"/>
    <cellStyle name="Обычный 2 3 2 15 6 4" xfId="11675"/>
    <cellStyle name="Обычный 2 3 2 15 6 4 2" xfId="11676"/>
    <cellStyle name="Обычный 2 3 2 15 6 5" xfId="11677"/>
    <cellStyle name="Обычный 2 3 2 15 6 5 2" xfId="11678"/>
    <cellStyle name="Обычный 2 3 2 15 6 6" xfId="11679"/>
    <cellStyle name="Обычный 2 3 2 15 7" xfId="11680"/>
    <cellStyle name="Обычный 2 3 2 15 7 2" xfId="11681"/>
    <cellStyle name="Обычный 2 3 2 15 7 2 2" xfId="11682"/>
    <cellStyle name="Обычный 2 3 2 15 7 2 2 2" xfId="11683"/>
    <cellStyle name="Обычный 2 3 2 15 7 2 3" xfId="11684"/>
    <cellStyle name="Обычный 2 3 2 15 7 2 3 2" xfId="11685"/>
    <cellStyle name="Обычный 2 3 2 15 7 2 4" xfId="11686"/>
    <cellStyle name="Обычный 2 3 2 15 7 3" xfId="11687"/>
    <cellStyle name="Обычный 2 3 2 15 7 3 2" xfId="11688"/>
    <cellStyle name="Обычный 2 3 2 15 7 4" xfId="11689"/>
    <cellStyle name="Обычный 2 3 2 15 7 4 2" xfId="11690"/>
    <cellStyle name="Обычный 2 3 2 15 7 5" xfId="11691"/>
    <cellStyle name="Обычный 2 3 2 15 7 5 2" xfId="11692"/>
    <cellStyle name="Обычный 2 3 2 15 7 6" xfId="11693"/>
    <cellStyle name="Обычный 2 3 2 15 8" xfId="11694"/>
    <cellStyle name="Обычный 2 3 2 15 8 2" xfId="11695"/>
    <cellStyle name="Обычный 2 3 2 15 8 2 2" xfId="11696"/>
    <cellStyle name="Обычный 2 3 2 15 8 3" xfId="11697"/>
    <cellStyle name="Обычный 2 3 2 15 8 3 2" xfId="11698"/>
    <cellStyle name="Обычный 2 3 2 15 8 4" xfId="11699"/>
    <cellStyle name="Обычный 2 3 2 15 9" xfId="11700"/>
    <cellStyle name="Обычный 2 3 2 15 9 2" xfId="11701"/>
    <cellStyle name="Обычный 2 3 2 15 9 2 2" xfId="11702"/>
    <cellStyle name="Обычный 2 3 2 15 9 3" xfId="11703"/>
    <cellStyle name="Обычный 2 3 2 16" xfId="11704"/>
    <cellStyle name="Обычный 2 3 2 16 10" xfId="11705"/>
    <cellStyle name="Обычный 2 3 2 16 2" xfId="11706"/>
    <cellStyle name="Обычный 2 3 2 16 2 2" xfId="11707"/>
    <cellStyle name="Обычный 2 3 2 16 2 2 2" xfId="11708"/>
    <cellStyle name="Обычный 2 3 2 16 2 2 2 2" xfId="11709"/>
    <cellStyle name="Обычный 2 3 2 16 2 2 3" xfId="11710"/>
    <cellStyle name="Обычный 2 3 2 16 2 2 3 2" xfId="11711"/>
    <cellStyle name="Обычный 2 3 2 16 2 2 4" xfId="11712"/>
    <cellStyle name="Обычный 2 3 2 16 2 3" xfId="11713"/>
    <cellStyle name="Обычный 2 3 2 16 2 3 2" xfId="11714"/>
    <cellStyle name="Обычный 2 3 2 16 2 4" xfId="11715"/>
    <cellStyle name="Обычный 2 3 2 16 2 4 2" xfId="11716"/>
    <cellStyle name="Обычный 2 3 2 16 2 5" xfId="11717"/>
    <cellStyle name="Обычный 2 3 2 16 2 5 2" xfId="11718"/>
    <cellStyle name="Обычный 2 3 2 16 2 6" xfId="11719"/>
    <cellStyle name="Обычный 2 3 2 16 3" xfId="11720"/>
    <cellStyle name="Обычный 2 3 2 16 3 2" xfId="11721"/>
    <cellStyle name="Обычный 2 3 2 16 3 2 2" xfId="11722"/>
    <cellStyle name="Обычный 2 3 2 16 3 2 2 2" xfId="11723"/>
    <cellStyle name="Обычный 2 3 2 16 3 2 3" xfId="11724"/>
    <cellStyle name="Обычный 2 3 2 16 3 2 3 2" xfId="11725"/>
    <cellStyle name="Обычный 2 3 2 16 3 2 4" xfId="11726"/>
    <cellStyle name="Обычный 2 3 2 16 3 3" xfId="11727"/>
    <cellStyle name="Обычный 2 3 2 16 3 3 2" xfId="11728"/>
    <cellStyle name="Обычный 2 3 2 16 3 4" xfId="11729"/>
    <cellStyle name="Обычный 2 3 2 16 3 4 2" xfId="11730"/>
    <cellStyle name="Обычный 2 3 2 16 3 5" xfId="11731"/>
    <cellStyle name="Обычный 2 3 2 16 3 5 2" xfId="11732"/>
    <cellStyle name="Обычный 2 3 2 16 3 6" xfId="11733"/>
    <cellStyle name="Обычный 2 3 2 16 4" xfId="11734"/>
    <cellStyle name="Обычный 2 3 2 16 4 2" xfId="11735"/>
    <cellStyle name="Обычный 2 3 2 16 4 2 2" xfId="11736"/>
    <cellStyle name="Обычный 2 3 2 16 4 2 2 2" xfId="11737"/>
    <cellStyle name="Обычный 2 3 2 16 4 2 3" xfId="11738"/>
    <cellStyle name="Обычный 2 3 2 16 4 2 3 2" xfId="11739"/>
    <cellStyle name="Обычный 2 3 2 16 4 2 4" xfId="11740"/>
    <cellStyle name="Обычный 2 3 2 16 4 3" xfId="11741"/>
    <cellStyle name="Обычный 2 3 2 16 4 3 2" xfId="11742"/>
    <cellStyle name="Обычный 2 3 2 16 4 4" xfId="11743"/>
    <cellStyle name="Обычный 2 3 2 16 4 4 2" xfId="11744"/>
    <cellStyle name="Обычный 2 3 2 16 4 5" xfId="11745"/>
    <cellStyle name="Обычный 2 3 2 16 4 5 2" xfId="11746"/>
    <cellStyle name="Обычный 2 3 2 16 4 6" xfId="11747"/>
    <cellStyle name="Обычный 2 3 2 16 5" xfId="11748"/>
    <cellStyle name="Обычный 2 3 2 16 5 2" xfId="11749"/>
    <cellStyle name="Обычный 2 3 2 16 5 2 2" xfId="11750"/>
    <cellStyle name="Обычный 2 3 2 16 5 2 2 2" xfId="11751"/>
    <cellStyle name="Обычный 2 3 2 16 5 2 3" xfId="11752"/>
    <cellStyle name="Обычный 2 3 2 16 5 2 3 2" xfId="11753"/>
    <cellStyle name="Обычный 2 3 2 16 5 2 4" xfId="11754"/>
    <cellStyle name="Обычный 2 3 2 16 5 3" xfId="11755"/>
    <cellStyle name="Обычный 2 3 2 16 5 3 2" xfId="11756"/>
    <cellStyle name="Обычный 2 3 2 16 5 4" xfId="11757"/>
    <cellStyle name="Обычный 2 3 2 16 5 4 2" xfId="11758"/>
    <cellStyle name="Обычный 2 3 2 16 5 5" xfId="11759"/>
    <cellStyle name="Обычный 2 3 2 16 5 5 2" xfId="11760"/>
    <cellStyle name="Обычный 2 3 2 16 5 6" xfId="11761"/>
    <cellStyle name="Обычный 2 3 2 16 6" xfId="11762"/>
    <cellStyle name="Обычный 2 3 2 16 6 2" xfId="11763"/>
    <cellStyle name="Обычный 2 3 2 16 6 2 2" xfId="11764"/>
    <cellStyle name="Обычный 2 3 2 16 6 3" xfId="11765"/>
    <cellStyle name="Обычный 2 3 2 16 6 3 2" xfId="11766"/>
    <cellStyle name="Обычный 2 3 2 16 6 4" xfId="11767"/>
    <cellStyle name="Обычный 2 3 2 16 7" xfId="11768"/>
    <cellStyle name="Обычный 2 3 2 16 7 2" xfId="11769"/>
    <cellStyle name="Обычный 2 3 2 16 8" xfId="11770"/>
    <cellStyle name="Обычный 2 3 2 16 8 2" xfId="11771"/>
    <cellStyle name="Обычный 2 3 2 16 9" xfId="11772"/>
    <cellStyle name="Обычный 2 3 2 16 9 2" xfId="11773"/>
    <cellStyle name="Обычный 2 3 2 17" xfId="11774"/>
    <cellStyle name="Обычный 2 3 2 17 2" xfId="11775"/>
    <cellStyle name="Обычный 2 3 2 17 2 2" xfId="11776"/>
    <cellStyle name="Обычный 2 3 2 17 2 2 2" xfId="11777"/>
    <cellStyle name="Обычный 2 3 2 17 2 2 2 2" xfId="11778"/>
    <cellStyle name="Обычный 2 3 2 17 2 2 3" xfId="11779"/>
    <cellStyle name="Обычный 2 3 2 17 2 2 3 2" xfId="11780"/>
    <cellStyle name="Обычный 2 3 2 17 2 2 4" xfId="11781"/>
    <cellStyle name="Обычный 2 3 2 17 2 3" xfId="11782"/>
    <cellStyle name="Обычный 2 3 2 17 2 3 2" xfId="11783"/>
    <cellStyle name="Обычный 2 3 2 17 2 4" xfId="11784"/>
    <cellStyle name="Обычный 2 3 2 17 2 4 2" xfId="11785"/>
    <cellStyle name="Обычный 2 3 2 17 2 5" xfId="11786"/>
    <cellStyle name="Обычный 2 3 2 17 2 5 2" xfId="11787"/>
    <cellStyle name="Обычный 2 3 2 17 2 6" xfId="11788"/>
    <cellStyle name="Обычный 2 3 2 17 3" xfId="11789"/>
    <cellStyle name="Обычный 2 3 2 17 3 2" xfId="11790"/>
    <cellStyle name="Обычный 2 3 2 17 3 2 2" xfId="11791"/>
    <cellStyle name="Обычный 2 3 2 17 3 2 2 2" xfId="11792"/>
    <cellStyle name="Обычный 2 3 2 17 3 2 3" xfId="11793"/>
    <cellStyle name="Обычный 2 3 2 17 3 2 3 2" xfId="11794"/>
    <cellStyle name="Обычный 2 3 2 17 3 2 4" xfId="11795"/>
    <cellStyle name="Обычный 2 3 2 17 3 3" xfId="11796"/>
    <cellStyle name="Обычный 2 3 2 17 3 3 2" xfId="11797"/>
    <cellStyle name="Обычный 2 3 2 17 3 4" xfId="11798"/>
    <cellStyle name="Обычный 2 3 2 17 3 4 2" xfId="11799"/>
    <cellStyle name="Обычный 2 3 2 17 3 5" xfId="11800"/>
    <cellStyle name="Обычный 2 3 2 17 3 5 2" xfId="11801"/>
    <cellStyle name="Обычный 2 3 2 17 3 6" xfId="11802"/>
    <cellStyle name="Обычный 2 3 2 17 4" xfId="11803"/>
    <cellStyle name="Обычный 2 3 2 17 4 2" xfId="11804"/>
    <cellStyle name="Обычный 2 3 2 17 4 2 2" xfId="11805"/>
    <cellStyle name="Обычный 2 3 2 17 4 2 2 2" xfId="11806"/>
    <cellStyle name="Обычный 2 3 2 17 4 2 3" xfId="11807"/>
    <cellStyle name="Обычный 2 3 2 17 4 2 3 2" xfId="11808"/>
    <cellStyle name="Обычный 2 3 2 17 4 2 4" xfId="11809"/>
    <cellStyle name="Обычный 2 3 2 17 4 3" xfId="11810"/>
    <cellStyle name="Обычный 2 3 2 17 4 3 2" xfId="11811"/>
    <cellStyle name="Обычный 2 3 2 17 4 4" xfId="11812"/>
    <cellStyle name="Обычный 2 3 2 17 4 4 2" xfId="11813"/>
    <cellStyle name="Обычный 2 3 2 17 4 5" xfId="11814"/>
    <cellStyle name="Обычный 2 3 2 17 4 5 2" xfId="11815"/>
    <cellStyle name="Обычный 2 3 2 17 4 6" xfId="11816"/>
    <cellStyle name="Обычный 2 3 2 17 5" xfId="11817"/>
    <cellStyle name="Обычный 2 3 2 17 5 2" xfId="11818"/>
    <cellStyle name="Обычный 2 3 2 17 5 2 2" xfId="11819"/>
    <cellStyle name="Обычный 2 3 2 17 5 3" xfId="11820"/>
    <cellStyle name="Обычный 2 3 2 17 5 3 2" xfId="11821"/>
    <cellStyle name="Обычный 2 3 2 17 5 4" xfId="11822"/>
    <cellStyle name="Обычный 2 3 2 17 6" xfId="11823"/>
    <cellStyle name="Обычный 2 3 2 17 6 2" xfId="11824"/>
    <cellStyle name="Обычный 2 3 2 17 7" xfId="11825"/>
    <cellStyle name="Обычный 2 3 2 17 7 2" xfId="11826"/>
    <cellStyle name="Обычный 2 3 2 17 8" xfId="11827"/>
    <cellStyle name="Обычный 2 3 2 17 8 2" xfId="11828"/>
    <cellStyle name="Обычный 2 3 2 17 9" xfId="11829"/>
    <cellStyle name="Обычный 2 3 2 18" xfId="11830"/>
    <cellStyle name="Обычный 2 3 2 18 2" xfId="11831"/>
    <cellStyle name="Обычный 2 3 2 18 2 2" xfId="11832"/>
    <cellStyle name="Обычный 2 3 2 18 2 2 2" xfId="11833"/>
    <cellStyle name="Обычный 2 3 2 18 2 3" xfId="11834"/>
    <cellStyle name="Обычный 2 3 2 18 2 3 2" xfId="11835"/>
    <cellStyle name="Обычный 2 3 2 18 2 4" xfId="11836"/>
    <cellStyle name="Обычный 2 3 2 18 3" xfId="11837"/>
    <cellStyle name="Обычный 2 3 2 18 3 2" xfId="11838"/>
    <cellStyle name="Обычный 2 3 2 18 4" xfId="11839"/>
    <cellStyle name="Обычный 2 3 2 18 4 2" xfId="11840"/>
    <cellStyle name="Обычный 2 3 2 18 5" xfId="11841"/>
    <cellStyle name="Обычный 2 3 2 18 5 2" xfId="11842"/>
    <cellStyle name="Обычный 2 3 2 18 6" xfId="11843"/>
    <cellStyle name="Обычный 2 3 2 19" xfId="11844"/>
    <cellStyle name="Обычный 2 3 2 19 2" xfId="11845"/>
    <cellStyle name="Обычный 2 3 2 19 2 2" xfId="11846"/>
    <cellStyle name="Обычный 2 3 2 19 2 2 2" xfId="11847"/>
    <cellStyle name="Обычный 2 3 2 19 2 3" xfId="11848"/>
    <cellStyle name="Обычный 2 3 2 19 2 3 2" xfId="11849"/>
    <cellStyle name="Обычный 2 3 2 19 2 4" xfId="11850"/>
    <cellStyle name="Обычный 2 3 2 19 3" xfId="11851"/>
    <cellStyle name="Обычный 2 3 2 19 3 2" xfId="11852"/>
    <cellStyle name="Обычный 2 3 2 19 4" xfId="11853"/>
    <cellStyle name="Обычный 2 3 2 19 4 2" xfId="11854"/>
    <cellStyle name="Обычный 2 3 2 19 5" xfId="11855"/>
    <cellStyle name="Обычный 2 3 2 19 5 2" xfId="11856"/>
    <cellStyle name="Обычный 2 3 2 19 6" xfId="11857"/>
    <cellStyle name="Обычный 2 3 2 2" xfId="11858"/>
    <cellStyle name="Обычный 2 3 2 2 10" xfId="11859"/>
    <cellStyle name="Обычный 2 3 2 2 10 2" xfId="11860"/>
    <cellStyle name="Обычный 2 3 2 2 10 2 2" xfId="11861"/>
    <cellStyle name="Обычный 2 3 2 2 10 3" xfId="11862"/>
    <cellStyle name="Обычный 2 3 2 2 11" xfId="11863"/>
    <cellStyle name="Обычный 2 3 2 2 11 2" xfId="11864"/>
    <cellStyle name="Обычный 2 3 2 2 12" xfId="11865"/>
    <cellStyle name="Обычный 2 3 2 2 12 2" xfId="11866"/>
    <cellStyle name="Обычный 2 3 2 2 13" xfId="11867"/>
    <cellStyle name="Обычный 2 3 2 2 14" xfId="11868"/>
    <cellStyle name="Обычный 2 3 2 2 2" xfId="11869"/>
    <cellStyle name="Обычный 2 3 2 2 2 10" xfId="11870"/>
    <cellStyle name="Обычный 2 3 2 2 2 10 2" xfId="11871"/>
    <cellStyle name="Обычный 2 3 2 2 2 11" xfId="11872"/>
    <cellStyle name="Обычный 2 3 2 2 2 11 2" xfId="11873"/>
    <cellStyle name="Обычный 2 3 2 2 2 12" xfId="11874"/>
    <cellStyle name="Обычный 2 3 2 2 2 13" xfId="11875"/>
    <cellStyle name="Обычный 2 3 2 2 2 2" xfId="11876"/>
    <cellStyle name="Обычный 2 3 2 2 2 2 10" xfId="11877"/>
    <cellStyle name="Обычный 2 3 2 2 2 2 2" xfId="11878"/>
    <cellStyle name="Обычный 2 3 2 2 2 2 2 2" xfId="11879"/>
    <cellStyle name="Обычный 2 3 2 2 2 2 2 2 2" xfId="11880"/>
    <cellStyle name="Обычный 2 3 2 2 2 2 2 2 2 2" xfId="11881"/>
    <cellStyle name="Обычный 2 3 2 2 2 2 2 2 3" xfId="11882"/>
    <cellStyle name="Обычный 2 3 2 2 2 2 2 2 3 2" xfId="11883"/>
    <cellStyle name="Обычный 2 3 2 2 2 2 2 2 4" xfId="11884"/>
    <cellStyle name="Обычный 2 3 2 2 2 2 2 3" xfId="11885"/>
    <cellStyle name="Обычный 2 3 2 2 2 2 2 3 2" xfId="11886"/>
    <cellStyle name="Обычный 2 3 2 2 2 2 2 4" xfId="11887"/>
    <cellStyle name="Обычный 2 3 2 2 2 2 2 4 2" xfId="11888"/>
    <cellStyle name="Обычный 2 3 2 2 2 2 2 5" xfId="11889"/>
    <cellStyle name="Обычный 2 3 2 2 2 2 2 5 2" xfId="11890"/>
    <cellStyle name="Обычный 2 3 2 2 2 2 2 6" xfId="11891"/>
    <cellStyle name="Обычный 2 3 2 2 2 2 3" xfId="11892"/>
    <cellStyle name="Обычный 2 3 2 2 2 2 3 2" xfId="11893"/>
    <cellStyle name="Обычный 2 3 2 2 2 2 3 2 2" xfId="11894"/>
    <cellStyle name="Обычный 2 3 2 2 2 2 3 2 2 2" xfId="11895"/>
    <cellStyle name="Обычный 2 3 2 2 2 2 3 2 3" xfId="11896"/>
    <cellStyle name="Обычный 2 3 2 2 2 2 3 2 3 2" xfId="11897"/>
    <cellStyle name="Обычный 2 3 2 2 2 2 3 2 4" xfId="11898"/>
    <cellStyle name="Обычный 2 3 2 2 2 2 3 3" xfId="11899"/>
    <cellStyle name="Обычный 2 3 2 2 2 2 3 3 2" xfId="11900"/>
    <cellStyle name="Обычный 2 3 2 2 2 2 3 4" xfId="11901"/>
    <cellStyle name="Обычный 2 3 2 2 2 2 3 4 2" xfId="11902"/>
    <cellStyle name="Обычный 2 3 2 2 2 2 3 5" xfId="11903"/>
    <cellStyle name="Обычный 2 3 2 2 2 2 3 5 2" xfId="11904"/>
    <cellStyle name="Обычный 2 3 2 2 2 2 3 6" xfId="11905"/>
    <cellStyle name="Обычный 2 3 2 2 2 2 4" xfId="11906"/>
    <cellStyle name="Обычный 2 3 2 2 2 2 4 2" xfId="11907"/>
    <cellStyle name="Обычный 2 3 2 2 2 2 4 2 2" xfId="11908"/>
    <cellStyle name="Обычный 2 3 2 2 2 2 4 2 2 2" xfId="11909"/>
    <cellStyle name="Обычный 2 3 2 2 2 2 4 2 3" xfId="11910"/>
    <cellStyle name="Обычный 2 3 2 2 2 2 4 2 3 2" xfId="11911"/>
    <cellStyle name="Обычный 2 3 2 2 2 2 4 2 4" xfId="11912"/>
    <cellStyle name="Обычный 2 3 2 2 2 2 4 3" xfId="11913"/>
    <cellStyle name="Обычный 2 3 2 2 2 2 4 3 2" xfId="11914"/>
    <cellStyle name="Обычный 2 3 2 2 2 2 4 4" xfId="11915"/>
    <cellStyle name="Обычный 2 3 2 2 2 2 4 4 2" xfId="11916"/>
    <cellStyle name="Обычный 2 3 2 2 2 2 4 5" xfId="11917"/>
    <cellStyle name="Обычный 2 3 2 2 2 2 4 5 2" xfId="11918"/>
    <cellStyle name="Обычный 2 3 2 2 2 2 4 6" xfId="11919"/>
    <cellStyle name="Обычный 2 3 2 2 2 2 5" xfId="11920"/>
    <cellStyle name="Обычный 2 3 2 2 2 2 5 2" xfId="11921"/>
    <cellStyle name="Обычный 2 3 2 2 2 2 5 2 2" xfId="11922"/>
    <cellStyle name="Обычный 2 3 2 2 2 2 5 2 2 2" xfId="11923"/>
    <cellStyle name="Обычный 2 3 2 2 2 2 5 2 3" xfId="11924"/>
    <cellStyle name="Обычный 2 3 2 2 2 2 5 2 3 2" xfId="11925"/>
    <cellStyle name="Обычный 2 3 2 2 2 2 5 2 4" xfId="11926"/>
    <cellStyle name="Обычный 2 3 2 2 2 2 5 3" xfId="11927"/>
    <cellStyle name="Обычный 2 3 2 2 2 2 5 3 2" xfId="11928"/>
    <cellStyle name="Обычный 2 3 2 2 2 2 5 4" xfId="11929"/>
    <cellStyle name="Обычный 2 3 2 2 2 2 5 4 2" xfId="11930"/>
    <cellStyle name="Обычный 2 3 2 2 2 2 5 5" xfId="11931"/>
    <cellStyle name="Обычный 2 3 2 2 2 2 5 5 2" xfId="11932"/>
    <cellStyle name="Обычный 2 3 2 2 2 2 5 6" xfId="11933"/>
    <cellStyle name="Обычный 2 3 2 2 2 2 6" xfId="11934"/>
    <cellStyle name="Обычный 2 3 2 2 2 2 6 2" xfId="11935"/>
    <cellStyle name="Обычный 2 3 2 2 2 2 6 2 2" xfId="11936"/>
    <cellStyle name="Обычный 2 3 2 2 2 2 6 3" xfId="11937"/>
    <cellStyle name="Обычный 2 3 2 2 2 2 6 3 2" xfId="11938"/>
    <cellStyle name="Обычный 2 3 2 2 2 2 6 4" xfId="11939"/>
    <cellStyle name="Обычный 2 3 2 2 2 2 7" xfId="11940"/>
    <cellStyle name="Обычный 2 3 2 2 2 2 7 2" xfId="11941"/>
    <cellStyle name="Обычный 2 3 2 2 2 2 8" xfId="11942"/>
    <cellStyle name="Обычный 2 3 2 2 2 2 8 2" xfId="11943"/>
    <cellStyle name="Обычный 2 3 2 2 2 2 9" xfId="11944"/>
    <cellStyle name="Обычный 2 3 2 2 2 2 9 2" xfId="11945"/>
    <cellStyle name="Обычный 2 3 2 2 2 3" xfId="11946"/>
    <cellStyle name="Обычный 2 3 2 2 2 3 2" xfId="11947"/>
    <cellStyle name="Обычный 2 3 2 2 2 3 2 2" xfId="11948"/>
    <cellStyle name="Обычный 2 3 2 2 2 3 2 2 2" xfId="11949"/>
    <cellStyle name="Обычный 2 3 2 2 2 3 2 2 2 2" xfId="11950"/>
    <cellStyle name="Обычный 2 3 2 2 2 3 2 2 3" xfId="11951"/>
    <cellStyle name="Обычный 2 3 2 2 2 3 2 2 3 2" xfId="11952"/>
    <cellStyle name="Обычный 2 3 2 2 2 3 2 2 4" xfId="11953"/>
    <cellStyle name="Обычный 2 3 2 2 2 3 2 3" xfId="11954"/>
    <cellStyle name="Обычный 2 3 2 2 2 3 2 3 2" xfId="11955"/>
    <cellStyle name="Обычный 2 3 2 2 2 3 2 4" xfId="11956"/>
    <cellStyle name="Обычный 2 3 2 2 2 3 2 4 2" xfId="11957"/>
    <cellStyle name="Обычный 2 3 2 2 2 3 2 5" xfId="11958"/>
    <cellStyle name="Обычный 2 3 2 2 2 3 2 5 2" xfId="11959"/>
    <cellStyle name="Обычный 2 3 2 2 2 3 2 6" xfId="11960"/>
    <cellStyle name="Обычный 2 3 2 2 2 3 3" xfId="11961"/>
    <cellStyle name="Обычный 2 3 2 2 2 3 3 2" xfId="11962"/>
    <cellStyle name="Обычный 2 3 2 2 2 3 3 2 2" xfId="11963"/>
    <cellStyle name="Обычный 2 3 2 2 2 3 3 2 2 2" xfId="11964"/>
    <cellStyle name="Обычный 2 3 2 2 2 3 3 2 3" xfId="11965"/>
    <cellStyle name="Обычный 2 3 2 2 2 3 3 2 3 2" xfId="11966"/>
    <cellStyle name="Обычный 2 3 2 2 2 3 3 2 4" xfId="11967"/>
    <cellStyle name="Обычный 2 3 2 2 2 3 3 3" xfId="11968"/>
    <cellStyle name="Обычный 2 3 2 2 2 3 3 3 2" xfId="11969"/>
    <cellStyle name="Обычный 2 3 2 2 2 3 3 4" xfId="11970"/>
    <cellStyle name="Обычный 2 3 2 2 2 3 3 4 2" xfId="11971"/>
    <cellStyle name="Обычный 2 3 2 2 2 3 3 5" xfId="11972"/>
    <cellStyle name="Обычный 2 3 2 2 2 3 3 5 2" xfId="11973"/>
    <cellStyle name="Обычный 2 3 2 2 2 3 3 6" xfId="11974"/>
    <cellStyle name="Обычный 2 3 2 2 2 3 4" xfId="11975"/>
    <cellStyle name="Обычный 2 3 2 2 2 3 4 2" xfId="11976"/>
    <cellStyle name="Обычный 2 3 2 2 2 3 4 2 2" xfId="11977"/>
    <cellStyle name="Обычный 2 3 2 2 2 3 4 2 2 2" xfId="11978"/>
    <cellStyle name="Обычный 2 3 2 2 2 3 4 2 3" xfId="11979"/>
    <cellStyle name="Обычный 2 3 2 2 2 3 4 2 3 2" xfId="11980"/>
    <cellStyle name="Обычный 2 3 2 2 2 3 4 2 4" xfId="11981"/>
    <cellStyle name="Обычный 2 3 2 2 2 3 4 3" xfId="11982"/>
    <cellStyle name="Обычный 2 3 2 2 2 3 4 3 2" xfId="11983"/>
    <cellStyle name="Обычный 2 3 2 2 2 3 4 4" xfId="11984"/>
    <cellStyle name="Обычный 2 3 2 2 2 3 4 4 2" xfId="11985"/>
    <cellStyle name="Обычный 2 3 2 2 2 3 4 5" xfId="11986"/>
    <cellStyle name="Обычный 2 3 2 2 2 3 4 5 2" xfId="11987"/>
    <cellStyle name="Обычный 2 3 2 2 2 3 4 6" xfId="11988"/>
    <cellStyle name="Обычный 2 3 2 2 2 3 5" xfId="11989"/>
    <cellStyle name="Обычный 2 3 2 2 2 3 5 2" xfId="11990"/>
    <cellStyle name="Обычный 2 3 2 2 2 3 5 2 2" xfId="11991"/>
    <cellStyle name="Обычный 2 3 2 2 2 3 5 3" xfId="11992"/>
    <cellStyle name="Обычный 2 3 2 2 2 3 5 3 2" xfId="11993"/>
    <cellStyle name="Обычный 2 3 2 2 2 3 5 4" xfId="11994"/>
    <cellStyle name="Обычный 2 3 2 2 2 3 6" xfId="11995"/>
    <cellStyle name="Обычный 2 3 2 2 2 3 6 2" xfId="11996"/>
    <cellStyle name="Обычный 2 3 2 2 2 3 7" xfId="11997"/>
    <cellStyle name="Обычный 2 3 2 2 2 3 7 2" xfId="11998"/>
    <cellStyle name="Обычный 2 3 2 2 2 3 8" xfId="11999"/>
    <cellStyle name="Обычный 2 3 2 2 2 3 8 2" xfId="12000"/>
    <cellStyle name="Обычный 2 3 2 2 2 3 9" xfId="12001"/>
    <cellStyle name="Обычный 2 3 2 2 2 4" xfId="12002"/>
    <cellStyle name="Обычный 2 3 2 2 2 4 2" xfId="12003"/>
    <cellStyle name="Обычный 2 3 2 2 2 4 2 2" xfId="12004"/>
    <cellStyle name="Обычный 2 3 2 2 2 4 2 2 2" xfId="12005"/>
    <cellStyle name="Обычный 2 3 2 2 2 4 2 3" xfId="12006"/>
    <cellStyle name="Обычный 2 3 2 2 2 4 2 3 2" xfId="12007"/>
    <cellStyle name="Обычный 2 3 2 2 2 4 2 4" xfId="12008"/>
    <cellStyle name="Обычный 2 3 2 2 2 4 3" xfId="12009"/>
    <cellStyle name="Обычный 2 3 2 2 2 4 3 2" xfId="12010"/>
    <cellStyle name="Обычный 2 3 2 2 2 4 4" xfId="12011"/>
    <cellStyle name="Обычный 2 3 2 2 2 4 4 2" xfId="12012"/>
    <cellStyle name="Обычный 2 3 2 2 2 4 5" xfId="12013"/>
    <cellStyle name="Обычный 2 3 2 2 2 4 5 2" xfId="12014"/>
    <cellStyle name="Обычный 2 3 2 2 2 4 6" xfId="12015"/>
    <cellStyle name="Обычный 2 3 2 2 2 5" xfId="12016"/>
    <cellStyle name="Обычный 2 3 2 2 2 5 2" xfId="12017"/>
    <cellStyle name="Обычный 2 3 2 2 2 5 2 2" xfId="12018"/>
    <cellStyle name="Обычный 2 3 2 2 2 5 2 2 2" xfId="12019"/>
    <cellStyle name="Обычный 2 3 2 2 2 5 2 3" xfId="12020"/>
    <cellStyle name="Обычный 2 3 2 2 2 5 2 3 2" xfId="12021"/>
    <cellStyle name="Обычный 2 3 2 2 2 5 2 4" xfId="12022"/>
    <cellStyle name="Обычный 2 3 2 2 2 5 3" xfId="12023"/>
    <cellStyle name="Обычный 2 3 2 2 2 5 3 2" xfId="12024"/>
    <cellStyle name="Обычный 2 3 2 2 2 5 4" xfId="12025"/>
    <cellStyle name="Обычный 2 3 2 2 2 5 4 2" xfId="12026"/>
    <cellStyle name="Обычный 2 3 2 2 2 5 5" xfId="12027"/>
    <cellStyle name="Обычный 2 3 2 2 2 5 5 2" xfId="12028"/>
    <cellStyle name="Обычный 2 3 2 2 2 5 6" xfId="12029"/>
    <cellStyle name="Обычный 2 3 2 2 2 6" xfId="12030"/>
    <cellStyle name="Обычный 2 3 2 2 2 6 2" xfId="12031"/>
    <cellStyle name="Обычный 2 3 2 2 2 6 2 2" xfId="12032"/>
    <cellStyle name="Обычный 2 3 2 2 2 6 2 2 2" xfId="12033"/>
    <cellStyle name="Обычный 2 3 2 2 2 6 2 3" xfId="12034"/>
    <cellStyle name="Обычный 2 3 2 2 2 6 2 3 2" xfId="12035"/>
    <cellStyle name="Обычный 2 3 2 2 2 6 2 4" xfId="12036"/>
    <cellStyle name="Обычный 2 3 2 2 2 6 3" xfId="12037"/>
    <cellStyle name="Обычный 2 3 2 2 2 6 3 2" xfId="12038"/>
    <cellStyle name="Обычный 2 3 2 2 2 6 4" xfId="12039"/>
    <cellStyle name="Обычный 2 3 2 2 2 6 4 2" xfId="12040"/>
    <cellStyle name="Обычный 2 3 2 2 2 6 5" xfId="12041"/>
    <cellStyle name="Обычный 2 3 2 2 2 6 5 2" xfId="12042"/>
    <cellStyle name="Обычный 2 3 2 2 2 6 6" xfId="12043"/>
    <cellStyle name="Обычный 2 3 2 2 2 7" xfId="12044"/>
    <cellStyle name="Обычный 2 3 2 2 2 7 2" xfId="12045"/>
    <cellStyle name="Обычный 2 3 2 2 2 7 2 2" xfId="12046"/>
    <cellStyle name="Обычный 2 3 2 2 2 7 2 2 2" xfId="12047"/>
    <cellStyle name="Обычный 2 3 2 2 2 7 2 3" xfId="12048"/>
    <cellStyle name="Обычный 2 3 2 2 2 7 2 3 2" xfId="12049"/>
    <cellStyle name="Обычный 2 3 2 2 2 7 2 4" xfId="12050"/>
    <cellStyle name="Обычный 2 3 2 2 2 7 3" xfId="12051"/>
    <cellStyle name="Обычный 2 3 2 2 2 7 3 2" xfId="12052"/>
    <cellStyle name="Обычный 2 3 2 2 2 7 4" xfId="12053"/>
    <cellStyle name="Обычный 2 3 2 2 2 7 4 2" xfId="12054"/>
    <cellStyle name="Обычный 2 3 2 2 2 7 5" xfId="12055"/>
    <cellStyle name="Обычный 2 3 2 2 2 7 5 2" xfId="12056"/>
    <cellStyle name="Обычный 2 3 2 2 2 7 6" xfId="12057"/>
    <cellStyle name="Обычный 2 3 2 2 2 8" xfId="12058"/>
    <cellStyle name="Обычный 2 3 2 2 2 8 2" xfId="12059"/>
    <cellStyle name="Обычный 2 3 2 2 2 8 2 2" xfId="12060"/>
    <cellStyle name="Обычный 2 3 2 2 2 8 3" xfId="12061"/>
    <cellStyle name="Обычный 2 3 2 2 2 8 3 2" xfId="12062"/>
    <cellStyle name="Обычный 2 3 2 2 2 8 4" xfId="12063"/>
    <cellStyle name="Обычный 2 3 2 2 2 9" xfId="12064"/>
    <cellStyle name="Обычный 2 3 2 2 2 9 2" xfId="12065"/>
    <cellStyle name="Обычный 2 3 2 2 2 9 2 2" xfId="12066"/>
    <cellStyle name="Обычный 2 3 2 2 2 9 3" xfId="12067"/>
    <cellStyle name="Обычный 2 3 2 2 3" xfId="12068"/>
    <cellStyle name="Обычный 2 3 2 2 3 10" xfId="12069"/>
    <cellStyle name="Обычный 2 3 2 2 3 2" xfId="12070"/>
    <cellStyle name="Обычный 2 3 2 2 3 2 2" xfId="12071"/>
    <cellStyle name="Обычный 2 3 2 2 3 2 2 2" xfId="12072"/>
    <cellStyle name="Обычный 2 3 2 2 3 2 2 2 2" xfId="12073"/>
    <cellStyle name="Обычный 2 3 2 2 3 2 2 3" xfId="12074"/>
    <cellStyle name="Обычный 2 3 2 2 3 2 2 3 2" xfId="12075"/>
    <cellStyle name="Обычный 2 3 2 2 3 2 2 4" xfId="12076"/>
    <cellStyle name="Обычный 2 3 2 2 3 2 3" xfId="12077"/>
    <cellStyle name="Обычный 2 3 2 2 3 2 3 2" xfId="12078"/>
    <cellStyle name="Обычный 2 3 2 2 3 2 4" xfId="12079"/>
    <cellStyle name="Обычный 2 3 2 2 3 2 4 2" xfId="12080"/>
    <cellStyle name="Обычный 2 3 2 2 3 2 5" xfId="12081"/>
    <cellStyle name="Обычный 2 3 2 2 3 2 5 2" xfId="12082"/>
    <cellStyle name="Обычный 2 3 2 2 3 2 6" xfId="12083"/>
    <cellStyle name="Обычный 2 3 2 2 3 3" xfId="12084"/>
    <cellStyle name="Обычный 2 3 2 2 3 3 2" xfId="12085"/>
    <cellStyle name="Обычный 2 3 2 2 3 3 2 2" xfId="12086"/>
    <cellStyle name="Обычный 2 3 2 2 3 3 2 2 2" xfId="12087"/>
    <cellStyle name="Обычный 2 3 2 2 3 3 2 3" xfId="12088"/>
    <cellStyle name="Обычный 2 3 2 2 3 3 2 3 2" xfId="12089"/>
    <cellStyle name="Обычный 2 3 2 2 3 3 2 4" xfId="12090"/>
    <cellStyle name="Обычный 2 3 2 2 3 3 3" xfId="12091"/>
    <cellStyle name="Обычный 2 3 2 2 3 3 3 2" xfId="12092"/>
    <cellStyle name="Обычный 2 3 2 2 3 3 4" xfId="12093"/>
    <cellStyle name="Обычный 2 3 2 2 3 3 4 2" xfId="12094"/>
    <cellStyle name="Обычный 2 3 2 2 3 3 5" xfId="12095"/>
    <cellStyle name="Обычный 2 3 2 2 3 3 5 2" xfId="12096"/>
    <cellStyle name="Обычный 2 3 2 2 3 3 6" xfId="12097"/>
    <cellStyle name="Обычный 2 3 2 2 3 4" xfId="12098"/>
    <cellStyle name="Обычный 2 3 2 2 3 4 2" xfId="12099"/>
    <cellStyle name="Обычный 2 3 2 2 3 4 2 2" xfId="12100"/>
    <cellStyle name="Обычный 2 3 2 2 3 4 2 2 2" xfId="12101"/>
    <cellStyle name="Обычный 2 3 2 2 3 4 2 3" xfId="12102"/>
    <cellStyle name="Обычный 2 3 2 2 3 4 2 3 2" xfId="12103"/>
    <cellStyle name="Обычный 2 3 2 2 3 4 2 4" xfId="12104"/>
    <cellStyle name="Обычный 2 3 2 2 3 4 3" xfId="12105"/>
    <cellStyle name="Обычный 2 3 2 2 3 4 3 2" xfId="12106"/>
    <cellStyle name="Обычный 2 3 2 2 3 4 4" xfId="12107"/>
    <cellStyle name="Обычный 2 3 2 2 3 4 4 2" xfId="12108"/>
    <cellStyle name="Обычный 2 3 2 2 3 4 5" xfId="12109"/>
    <cellStyle name="Обычный 2 3 2 2 3 4 5 2" xfId="12110"/>
    <cellStyle name="Обычный 2 3 2 2 3 4 6" xfId="12111"/>
    <cellStyle name="Обычный 2 3 2 2 3 5" xfId="12112"/>
    <cellStyle name="Обычный 2 3 2 2 3 5 2" xfId="12113"/>
    <cellStyle name="Обычный 2 3 2 2 3 5 2 2" xfId="12114"/>
    <cellStyle name="Обычный 2 3 2 2 3 5 2 2 2" xfId="12115"/>
    <cellStyle name="Обычный 2 3 2 2 3 5 2 3" xfId="12116"/>
    <cellStyle name="Обычный 2 3 2 2 3 5 2 3 2" xfId="12117"/>
    <cellStyle name="Обычный 2 3 2 2 3 5 2 4" xfId="12118"/>
    <cellStyle name="Обычный 2 3 2 2 3 5 3" xfId="12119"/>
    <cellStyle name="Обычный 2 3 2 2 3 5 3 2" xfId="12120"/>
    <cellStyle name="Обычный 2 3 2 2 3 5 4" xfId="12121"/>
    <cellStyle name="Обычный 2 3 2 2 3 5 4 2" xfId="12122"/>
    <cellStyle name="Обычный 2 3 2 2 3 5 5" xfId="12123"/>
    <cellStyle name="Обычный 2 3 2 2 3 5 5 2" xfId="12124"/>
    <cellStyle name="Обычный 2 3 2 2 3 5 6" xfId="12125"/>
    <cellStyle name="Обычный 2 3 2 2 3 6" xfId="12126"/>
    <cellStyle name="Обычный 2 3 2 2 3 6 2" xfId="12127"/>
    <cellStyle name="Обычный 2 3 2 2 3 6 2 2" xfId="12128"/>
    <cellStyle name="Обычный 2 3 2 2 3 6 3" xfId="12129"/>
    <cellStyle name="Обычный 2 3 2 2 3 6 3 2" xfId="12130"/>
    <cellStyle name="Обычный 2 3 2 2 3 6 4" xfId="12131"/>
    <cellStyle name="Обычный 2 3 2 2 3 7" xfId="12132"/>
    <cellStyle name="Обычный 2 3 2 2 3 7 2" xfId="12133"/>
    <cellStyle name="Обычный 2 3 2 2 3 8" xfId="12134"/>
    <cellStyle name="Обычный 2 3 2 2 3 8 2" xfId="12135"/>
    <cellStyle name="Обычный 2 3 2 2 3 9" xfId="12136"/>
    <cellStyle name="Обычный 2 3 2 2 3 9 2" xfId="12137"/>
    <cellStyle name="Обычный 2 3 2 2 4" xfId="12138"/>
    <cellStyle name="Обычный 2 3 2 2 4 2" xfId="12139"/>
    <cellStyle name="Обычный 2 3 2 2 4 2 2" xfId="12140"/>
    <cellStyle name="Обычный 2 3 2 2 4 2 2 2" xfId="12141"/>
    <cellStyle name="Обычный 2 3 2 2 4 2 2 2 2" xfId="12142"/>
    <cellStyle name="Обычный 2 3 2 2 4 2 2 3" xfId="12143"/>
    <cellStyle name="Обычный 2 3 2 2 4 2 2 3 2" xfId="12144"/>
    <cellStyle name="Обычный 2 3 2 2 4 2 2 4" xfId="12145"/>
    <cellStyle name="Обычный 2 3 2 2 4 2 3" xfId="12146"/>
    <cellStyle name="Обычный 2 3 2 2 4 2 3 2" xfId="12147"/>
    <cellStyle name="Обычный 2 3 2 2 4 2 4" xfId="12148"/>
    <cellStyle name="Обычный 2 3 2 2 4 2 4 2" xfId="12149"/>
    <cellStyle name="Обычный 2 3 2 2 4 2 5" xfId="12150"/>
    <cellStyle name="Обычный 2 3 2 2 4 2 5 2" xfId="12151"/>
    <cellStyle name="Обычный 2 3 2 2 4 2 6" xfId="12152"/>
    <cellStyle name="Обычный 2 3 2 2 4 3" xfId="12153"/>
    <cellStyle name="Обычный 2 3 2 2 4 3 2" xfId="12154"/>
    <cellStyle name="Обычный 2 3 2 2 4 3 2 2" xfId="12155"/>
    <cellStyle name="Обычный 2 3 2 2 4 3 2 2 2" xfId="12156"/>
    <cellStyle name="Обычный 2 3 2 2 4 3 2 3" xfId="12157"/>
    <cellStyle name="Обычный 2 3 2 2 4 3 2 3 2" xfId="12158"/>
    <cellStyle name="Обычный 2 3 2 2 4 3 2 4" xfId="12159"/>
    <cellStyle name="Обычный 2 3 2 2 4 3 3" xfId="12160"/>
    <cellStyle name="Обычный 2 3 2 2 4 3 3 2" xfId="12161"/>
    <cellStyle name="Обычный 2 3 2 2 4 3 4" xfId="12162"/>
    <cellStyle name="Обычный 2 3 2 2 4 3 4 2" xfId="12163"/>
    <cellStyle name="Обычный 2 3 2 2 4 3 5" xfId="12164"/>
    <cellStyle name="Обычный 2 3 2 2 4 3 5 2" xfId="12165"/>
    <cellStyle name="Обычный 2 3 2 2 4 3 6" xfId="12166"/>
    <cellStyle name="Обычный 2 3 2 2 4 4" xfId="12167"/>
    <cellStyle name="Обычный 2 3 2 2 4 4 2" xfId="12168"/>
    <cellStyle name="Обычный 2 3 2 2 4 4 2 2" xfId="12169"/>
    <cellStyle name="Обычный 2 3 2 2 4 4 2 2 2" xfId="12170"/>
    <cellStyle name="Обычный 2 3 2 2 4 4 2 3" xfId="12171"/>
    <cellStyle name="Обычный 2 3 2 2 4 4 2 3 2" xfId="12172"/>
    <cellStyle name="Обычный 2 3 2 2 4 4 2 4" xfId="12173"/>
    <cellStyle name="Обычный 2 3 2 2 4 4 3" xfId="12174"/>
    <cellStyle name="Обычный 2 3 2 2 4 4 3 2" xfId="12175"/>
    <cellStyle name="Обычный 2 3 2 2 4 4 4" xfId="12176"/>
    <cellStyle name="Обычный 2 3 2 2 4 4 4 2" xfId="12177"/>
    <cellStyle name="Обычный 2 3 2 2 4 4 5" xfId="12178"/>
    <cellStyle name="Обычный 2 3 2 2 4 4 5 2" xfId="12179"/>
    <cellStyle name="Обычный 2 3 2 2 4 4 6" xfId="12180"/>
    <cellStyle name="Обычный 2 3 2 2 4 5" xfId="12181"/>
    <cellStyle name="Обычный 2 3 2 2 4 5 2" xfId="12182"/>
    <cellStyle name="Обычный 2 3 2 2 4 5 2 2" xfId="12183"/>
    <cellStyle name="Обычный 2 3 2 2 4 5 3" xfId="12184"/>
    <cellStyle name="Обычный 2 3 2 2 4 5 3 2" xfId="12185"/>
    <cellStyle name="Обычный 2 3 2 2 4 5 4" xfId="12186"/>
    <cellStyle name="Обычный 2 3 2 2 4 6" xfId="12187"/>
    <cellStyle name="Обычный 2 3 2 2 4 6 2" xfId="12188"/>
    <cellStyle name="Обычный 2 3 2 2 4 7" xfId="12189"/>
    <cellStyle name="Обычный 2 3 2 2 4 7 2" xfId="12190"/>
    <cellStyle name="Обычный 2 3 2 2 4 8" xfId="12191"/>
    <cellStyle name="Обычный 2 3 2 2 4 8 2" xfId="12192"/>
    <cellStyle name="Обычный 2 3 2 2 4 9" xfId="12193"/>
    <cellStyle name="Обычный 2 3 2 2 5" xfId="12194"/>
    <cellStyle name="Обычный 2 3 2 2 5 2" xfId="12195"/>
    <cellStyle name="Обычный 2 3 2 2 5 2 2" xfId="12196"/>
    <cellStyle name="Обычный 2 3 2 2 5 2 2 2" xfId="12197"/>
    <cellStyle name="Обычный 2 3 2 2 5 2 3" xfId="12198"/>
    <cellStyle name="Обычный 2 3 2 2 5 2 3 2" xfId="12199"/>
    <cellStyle name="Обычный 2 3 2 2 5 2 4" xfId="12200"/>
    <cellStyle name="Обычный 2 3 2 2 5 3" xfId="12201"/>
    <cellStyle name="Обычный 2 3 2 2 5 3 2" xfId="12202"/>
    <cellStyle name="Обычный 2 3 2 2 5 4" xfId="12203"/>
    <cellStyle name="Обычный 2 3 2 2 5 4 2" xfId="12204"/>
    <cellStyle name="Обычный 2 3 2 2 5 5" xfId="12205"/>
    <cellStyle name="Обычный 2 3 2 2 5 5 2" xfId="12206"/>
    <cellStyle name="Обычный 2 3 2 2 5 6" xfId="12207"/>
    <cellStyle name="Обычный 2 3 2 2 6" xfId="12208"/>
    <cellStyle name="Обычный 2 3 2 2 6 2" xfId="12209"/>
    <cellStyle name="Обычный 2 3 2 2 6 2 2" xfId="12210"/>
    <cellStyle name="Обычный 2 3 2 2 6 2 2 2" xfId="12211"/>
    <cellStyle name="Обычный 2 3 2 2 6 2 3" xfId="12212"/>
    <cellStyle name="Обычный 2 3 2 2 6 2 3 2" xfId="12213"/>
    <cellStyle name="Обычный 2 3 2 2 6 2 4" xfId="12214"/>
    <cellStyle name="Обычный 2 3 2 2 6 3" xfId="12215"/>
    <cellStyle name="Обычный 2 3 2 2 6 3 2" xfId="12216"/>
    <cellStyle name="Обычный 2 3 2 2 6 4" xfId="12217"/>
    <cellStyle name="Обычный 2 3 2 2 6 4 2" xfId="12218"/>
    <cellStyle name="Обычный 2 3 2 2 6 5" xfId="12219"/>
    <cellStyle name="Обычный 2 3 2 2 6 5 2" xfId="12220"/>
    <cellStyle name="Обычный 2 3 2 2 6 6" xfId="12221"/>
    <cellStyle name="Обычный 2 3 2 2 7" xfId="12222"/>
    <cellStyle name="Обычный 2 3 2 2 7 2" xfId="12223"/>
    <cellStyle name="Обычный 2 3 2 2 7 2 2" xfId="12224"/>
    <cellStyle name="Обычный 2 3 2 2 7 2 2 2" xfId="12225"/>
    <cellStyle name="Обычный 2 3 2 2 7 2 3" xfId="12226"/>
    <cellStyle name="Обычный 2 3 2 2 7 2 3 2" xfId="12227"/>
    <cellStyle name="Обычный 2 3 2 2 7 2 4" xfId="12228"/>
    <cellStyle name="Обычный 2 3 2 2 7 3" xfId="12229"/>
    <cellStyle name="Обычный 2 3 2 2 7 3 2" xfId="12230"/>
    <cellStyle name="Обычный 2 3 2 2 7 4" xfId="12231"/>
    <cellStyle name="Обычный 2 3 2 2 7 4 2" xfId="12232"/>
    <cellStyle name="Обычный 2 3 2 2 7 5" xfId="12233"/>
    <cellStyle name="Обычный 2 3 2 2 7 5 2" xfId="12234"/>
    <cellStyle name="Обычный 2 3 2 2 7 6" xfId="12235"/>
    <cellStyle name="Обычный 2 3 2 2 8" xfId="12236"/>
    <cellStyle name="Обычный 2 3 2 2 8 2" xfId="12237"/>
    <cellStyle name="Обычный 2 3 2 2 8 2 2" xfId="12238"/>
    <cellStyle name="Обычный 2 3 2 2 8 2 2 2" xfId="12239"/>
    <cellStyle name="Обычный 2 3 2 2 8 2 3" xfId="12240"/>
    <cellStyle name="Обычный 2 3 2 2 8 2 3 2" xfId="12241"/>
    <cellStyle name="Обычный 2 3 2 2 8 2 4" xfId="12242"/>
    <cellStyle name="Обычный 2 3 2 2 8 3" xfId="12243"/>
    <cellStyle name="Обычный 2 3 2 2 8 3 2" xfId="12244"/>
    <cellStyle name="Обычный 2 3 2 2 8 4" xfId="12245"/>
    <cellStyle name="Обычный 2 3 2 2 8 4 2" xfId="12246"/>
    <cellStyle name="Обычный 2 3 2 2 8 5" xfId="12247"/>
    <cellStyle name="Обычный 2 3 2 2 8 5 2" xfId="12248"/>
    <cellStyle name="Обычный 2 3 2 2 8 6" xfId="12249"/>
    <cellStyle name="Обычный 2 3 2 2 9" xfId="12250"/>
    <cellStyle name="Обычный 2 3 2 2 9 2" xfId="12251"/>
    <cellStyle name="Обычный 2 3 2 2 9 2 2" xfId="12252"/>
    <cellStyle name="Обычный 2 3 2 2 9 3" xfId="12253"/>
    <cellStyle name="Обычный 2 3 2 2 9 3 2" xfId="12254"/>
    <cellStyle name="Обычный 2 3 2 2 9 4" xfId="12255"/>
    <cellStyle name="Обычный 2 3 2 20" xfId="12256"/>
    <cellStyle name="Обычный 2 3 2 20 2" xfId="12257"/>
    <cellStyle name="Обычный 2 3 2 20 2 2" xfId="12258"/>
    <cellStyle name="Обычный 2 3 2 20 2 2 2" xfId="12259"/>
    <cellStyle name="Обычный 2 3 2 20 2 3" xfId="12260"/>
    <cellStyle name="Обычный 2 3 2 20 2 3 2" xfId="12261"/>
    <cellStyle name="Обычный 2 3 2 20 2 4" xfId="12262"/>
    <cellStyle name="Обычный 2 3 2 20 3" xfId="12263"/>
    <cellStyle name="Обычный 2 3 2 20 3 2" xfId="12264"/>
    <cellStyle name="Обычный 2 3 2 20 4" xfId="12265"/>
    <cellStyle name="Обычный 2 3 2 20 4 2" xfId="12266"/>
    <cellStyle name="Обычный 2 3 2 20 5" xfId="12267"/>
    <cellStyle name="Обычный 2 3 2 20 5 2" xfId="12268"/>
    <cellStyle name="Обычный 2 3 2 20 6" xfId="12269"/>
    <cellStyle name="Обычный 2 3 2 21" xfId="12270"/>
    <cellStyle name="Обычный 2 3 2 21 2" xfId="12271"/>
    <cellStyle name="Обычный 2 3 2 21 2 2" xfId="12272"/>
    <cellStyle name="Обычный 2 3 2 21 2 2 2" xfId="12273"/>
    <cellStyle name="Обычный 2 3 2 21 2 3" xfId="12274"/>
    <cellStyle name="Обычный 2 3 2 21 2 3 2" xfId="12275"/>
    <cellStyle name="Обычный 2 3 2 21 2 4" xfId="12276"/>
    <cellStyle name="Обычный 2 3 2 21 3" xfId="12277"/>
    <cellStyle name="Обычный 2 3 2 21 3 2" xfId="12278"/>
    <cellStyle name="Обычный 2 3 2 21 4" xfId="12279"/>
    <cellStyle name="Обычный 2 3 2 21 4 2" xfId="12280"/>
    <cellStyle name="Обычный 2 3 2 21 5" xfId="12281"/>
    <cellStyle name="Обычный 2 3 2 21 5 2" xfId="12282"/>
    <cellStyle name="Обычный 2 3 2 21 6" xfId="12283"/>
    <cellStyle name="Обычный 2 3 2 22" xfId="12284"/>
    <cellStyle name="Обычный 2 3 2 22 2" xfId="12285"/>
    <cellStyle name="Обычный 2 3 2 22 2 2" xfId="12286"/>
    <cellStyle name="Обычный 2 3 2 22 3" xfId="12287"/>
    <cellStyle name="Обычный 2 3 2 22 3 2" xfId="12288"/>
    <cellStyle name="Обычный 2 3 2 22 4" xfId="12289"/>
    <cellStyle name="Обычный 2 3 2 23" xfId="12290"/>
    <cellStyle name="Обычный 2 3 2 23 2" xfId="12291"/>
    <cellStyle name="Обычный 2 3 2 23 2 2" xfId="12292"/>
    <cellStyle name="Обычный 2 3 2 23 3" xfId="12293"/>
    <cellStyle name="Обычный 2 3 2 24" xfId="12294"/>
    <cellStyle name="Обычный 2 3 2 24 2" xfId="12295"/>
    <cellStyle name="Обычный 2 3 2 25" xfId="12296"/>
    <cellStyle name="Обычный 2 3 2 25 2" xfId="12297"/>
    <cellStyle name="Обычный 2 3 2 26" xfId="12298"/>
    <cellStyle name="Обычный 2 3 2 27" xfId="12299"/>
    <cellStyle name="Обычный 2 3 2 3" xfId="12300"/>
    <cellStyle name="Обычный 2 3 2 3 10" xfId="12301"/>
    <cellStyle name="Обычный 2 3 2 3 10 2" xfId="12302"/>
    <cellStyle name="Обычный 2 3 2 3 10 2 2" xfId="12303"/>
    <cellStyle name="Обычный 2 3 2 3 10 3" xfId="12304"/>
    <cellStyle name="Обычный 2 3 2 3 11" xfId="12305"/>
    <cellStyle name="Обычный 2 3 2 3 11 2" xfId="12306"/>
    <cellStyle name="Обычный 2 3 2 3 12" xfId="12307"/>
    <cellStyle name="Обычный 2 3 2 3 12 2" xfId="12308"/>
    <cellStyle name="Обычный 2 3 2 3 13" xfId="12309"/>
    <cellStyle name="Обычный 2 3 2 3 14" xfId="12310"/>
    <cellStyle name="Обычный 2 3 2 3 2" xfId="12311"/>
    <cellStyle name="Обычный 2 3 2 3 2 10" xfId="12312"/>
    <cellStyle name="Обычный 2 3 2 3 2 10 2" xfId="12313"/>
    <cellStyle name="Обычный 2 3 2 3 2 11" xfId="12314"/>
    <cellStyle name="Обычный 2 3 2 3 2 11 2" xfId="12315"/>
    <cellStyle name="Обычный 2 3 2 3 2 12" xfId="12316"/>
    <cellStyle name="Обычный 2 3 2 3 2 13" xfId="12317"/>
    <cellStyle name="Обычный 2 3 2 3 2 2" xfId="12318"/>
    <cellStyle name="Обычный 2 3 2 3 2 2 10" xfId="12319"/>
    <cellStyle name="Обычный 2 3 2 3 2 2 2" xfId="12320"/>
    <cellStyle name="Обычный 2 3 2 3 2 2 2 2" xfId="12321"/>
    <cellStyle name="Обычный 2 3 2 3 2 2 2 2 2" xfId="12322"/>
    <cellStyle name="Обычный 2 3 2 3 2 2 2 2 2 2" xfId="12323"/>
    <cellStyle name="Обычный 2 3 2 3 2 2 2 2 3" xfId="12324"/>
    <cellStyle name="Обычный 2 3 2 3 2 2 2 2 3 2" xfId="12325"/>
    <cellStyle name="Обычный 2 3 2 3 2 2 2 2 4" xfId="12326"/>
    <cellStyle name="Обычный 2 3 2 3 2 2 2 3" xfId="12327"/>
    <cellStyle name="Обычный 2 3 2 3 2 2 2 3 2" xfId="12328"/>
    <cellStyle name="Обычный 2 3 2 3 2 2 2 4" xfId="12329"/>
    <cellStyle name="Обычный 2 3 2 3 2 2 2 4 2" xfId="12330"/>
    <cellStyle name="Обычный 2 3 2 3 2 2 2 5" xfId="12331"/>
    <cellStyle name="Обычный 2 3 2 3 2 2 2 5 2" xfId="12332"/>
    <cellStyle name="Обычный 2 3 2 3 2 2 2 6" xfId="12333"/>
    <cellStyle name="Обычный 2 3 2 3 2 2 3" xfId="12334"/>
    <cellStyle name="Обычный 2 3 2 3 2 2 3 2" xfId="12335"/>
    <cellStyle name="Обычный 2 3 2 3 2 2 3 2 2" xfId="12336"/>
    <cellStyle name="Обычный 2 3 2 3 2 2 3 2 2 2" xfId="12337"/>
    <cellStyle name="Обычный 2 3 2 3 2 2 3 2 3" xfId="12338"/>
    <cellStyle name="Обычный 2 3 2 3 2 2 3 2 3 2" xfId="12339"/>
    <cellStyle name="Обычный 2 3 2 3 2 2 3 2 4" xfId="12340"/>
    <cellStyle name="Обычный 2 3 2 3 2 2 3 3" xfId="12341"/>
    <cellStyle name="Обычный 2 3 2 3 2 2 3 3 2" xfId="12342"/>
    <cellStyle name="Обычный 2 3 2 3 2 2 3 4" xfId="12343"/>
    <cellStyle name="Обычный 2 3 2 3 2 2 3 4 2" xfId="12344"/>
    <cellStyle name="Обычный 2 3 2 3 2 2 3 5" xfId="12345"/>
    <cellStyle name="Обычный 2 3 2 3 2 2 3 5 2" xfId="12346"/>
    <cellStyle name="Обычный 2 3 2 3 2 2 3 6" xfId="12347"/>
    <cellStyle name="Обычный 2 3 2 3 2 2 4" xfId="12348"/>
    <cellStyle name="Обычный 2 3 2 3 2 2 4 2" xfId="12349"/>
    <cellStyle name="Обычный 2 3 2 3 2 2 4 2 2" xfId="12350"/>
    <cellStyle name="Обычный 2 3 2 3 2 2 4 2 2 2" xfId="12351"/>
    <cellStyle name="Обычный 2 3 2 3 2 2 4 2 3" xfId="12352"/>
    <cellStyle name="Обычный 2 3 2 3 2 2 4 2 3 2" xfId="12353"/>
    <cellStyle name="Обычный 2 3 2 3 2 2 4 2 4" xfId="12354"/>
    <cellStyle name="Обычный 2 3 2 3 2 2 4 3" xfId="12355"/>
    <cellStyle name="Обычный 2 3 2 3 2 2 4 3 2" xfId="12356"/>
    <cellStyle name="Обычный 2 3 2 3 2 2 4 4" xfId="12357"/>
    <cellStyle name="Обычный 2 3 2 3 2 2 4 4 2" xfId="12358"/>
    <cellStyle name="Обычный 2 3 2 3 2 2 4 5" xfId="12359"/>
    <cellStyle name="Обычный 2 3 2 3 2 2 4 5 2" xfId="12360"/>
    <cellStyle name="Обычный 2 3 2 3 2 2 4 6" xfId="12361"/>
    <cellStyle name="Обычный 2 3 2 3 2 2 5" xfId="12362"/>
    <cellStyle name="Обычный 2 3 2 3 2 2 5 2" xfId="12363"/>
    <cellStyle name="Обычный 2 3 2 3 2 2 5 2 2" xfId="12364"/>
    <cellStyle name="Обычный 2 3 2 3 2 2 5 2 2 2" xfId="12365"/>
    <cellStyle name="Обычный 2 3 2 3 2 2 5 2 3" xfId="12366"/>
    <cellStyle name="Обычный 2 3 2 3 2 2 5 2 3 2" xfId="12367"/>
    <cellStyle name="Обычный 2 3 2 3 2 2 5 2 4" xfId="12368"/>
    <cellStyle name="Обычный 2 3 2 3 2 2 5 3" xfId="12369"/>
    <cellStyle name="Обычный 2 3 2 3 2 2 5 3 2" xfId="12370"/>
    <cellStyle name="Обычный 2 3 2 3 2 2 5 4" xfId="12371"/>
    <cellStyle name="Обычный 2 3 2 3 2 2 5 4 2" xfId="12372"/>
    <cellStyle name="Обычный 2 3 2 3 2 2 5 5" xfId="12373"/>
    <cellStyle name="Обычный 2 3 2 3 2 2 5 5 2" xfId="12374"/>
    <cellStyle name="Обычный 2 3 2 3 2 2 5 6" xfId="12375"/>
    <cellStyle name="Обычный 2 3 2 3 2 2 6" xfId="12376"/>
    <cellStyle name="Обычный 2 3 2 3 2 2 6 2" xfId="12377"/>
    <cellStyle name="Обычный 2 3 2 3 2 2 6 2 2" xfId="12378"/>
    <cellStyle name="Обычный 2 3 2 3 2 2 6 3" xfId="12379"/>
    <cellStyle name="Обычный 2 3 2 3 2 2 6 3 2" xfId="12380"/>
    <cellStyle name="Обычный 2 3 2 3 2 2 6 4" xfId="12381"/>
    <cellStyle name="Обычный 2 3 2 3 2 2 7" xfId="12382"/>
    <cellStyle name="Обычный 2 3 2 3 2 2 7 2" xfId="12383"/>
    <cellStyle name="Обычный 2 3 2 3 2 2 8" xfId="12384"/>
    <cellStyle name="Обычный 2 3 2 3 2 2 8 2" xfId="12385"/>
    <cellStyle name="Обычный 2 3 2 3 2 2 9" xfId="12386"/>
    <cellStyle name="Обычный 2 3 2 3 2 2 9 2" xfId="12387"/>
    <cellStyle name="Обычный 2 3 2 3 2 3" xfId="12388"/>
    <cellStyle name="Обычный 2 3 2 3 2 3 2" xfId="12389"/>
    <cellStyle name="Обычный 2 3 2 3 2 3 2 2" xfId="12390"/>
    <cellStyle name="Обычный 2 3 2 3 2 3 2 2 2" xfId="12391"/>
    <cellStyle name="Обычный 2 3 2 3 2 3 2 2 2 2" xfId="12392"/>
    <cellStyle name="Обычный 2 3 2 3 2 3 2 2 3" xfId="12393"/>
    <cellStyle name="Обычный 2 3 2 3 2 3 2 2 3 2" xfId="12394"/>
    <cellStyle name="Обычный 2 3 2 3 2 3 2 2 4" xfId="12395"/>
    <cellStyle name="Обычный 2 3 2 3 2 3 2 3" xfId="12396"/>
    <cellStyle name="Обычный 2 3 2 3 2 3 2 3 2" xfId="12397"/>
    <cellStyle name="Обычный 2 3 2 3 2 3 2 4" xfId="12398"/>
    <cellStyle name="Обычный 2 3 2 3 2 3 2 4 2" xfId="12399"/>
    <cellStyle name="Обычный 2 3 2 3 2 3 2 5" xfId="12400"/>
    <cellStyle name="Обычный 2 3 2 3 2 3 2 5 2" xfId="12401"/>
    <cellStyle name="Обычный 2 3 2 3 2 3 2 6" xfId="12402"/>
    <cellStyle name="Обычный 2 3 2 3 2 3 3" xfId="12403"/>
    <cellStyle name="Обычный 2 3 2 3 2 3 3 2" xfId="12404"/>
    <cellStyle name="Обычный 2 3 2 3 2 3 3 2 2" xfId="12405"/>
    <cellStyle name="Обычный 2 3 2 3 2 3 3 2 2 2" xfId="12406"/>
    <cellStyle name="Обычный 2 3 2 3 2 3 3 2 3" xfId="12407"/>
    <cellStyle name="Обычный 2 3 2 3 2 3 3 2 3 2" xfId="12408"/>
    <cellStyle name="Обычный 2 3 2 3 2 3 3 2 4" xfId="12409"/>
    <cellStyle name="Обычный 2 3 2 3 2 3 3 3" xfId="12410"/>
    <cellStyle name="Обычный 2 3 2 3 2 3 3 3 2" xfId="12411"/>
    <cellStyle name="Обычный 2 3 2 3 2 3 3 4" xfId="12412"/>
    <cellStyle name="Обычный 2 3 2 3 2 3 3 4 2" xfId="12413"/>
    <cellStyle name="Обычный 2 3 2 3 2 3 3 5" xfId="12414"/>
    <cellStyle name="Обычный 2 3 2 3 2 3 3 5 2" xfId="12415"/>
    <cellStyle name="Обычный 2 3 2 3 2 3 3 6" xfId="12416"/>
    <cellStyle name="Обычный 2 3 2 3 2 3 4" xfId="12417"/>
    <cellStyle name="Обычный 2 3 2 3 2 3 4 2" xfId="12418"/>
    <cellStyle name="Обычный 2 3 2 3 2 3 4 2 2" xfId="12419"/>
    <cellStyle name="Обычный 2 3 2 3 2 3 4 2 2 2" xfId="12420"/>
    <cellStyle name="Обычный 2 3 2 3 2 3 4 2 3" xfId="12421"/>
    <cellStyle name="Обычный 2 3 2 3 2 3 4 2 3 2" xfId="12422"/>
    <cellStyle name="Обычный 2 3 2 3 2 3 4 2 4" xfId="12423"/>
    <cellStyle name="Обычный 2 3 2 3 2 3 4 3" xfId="12424"/>
    <cellStyle name="Обычный 2 3 2 3 2 3 4 3 2" xfId="12425"/>
    <cellStyle name="Обычный 2 3 2 3 2 3 4 4" xfId="12426"/>
    <cellStyle name="Обычный 2 3 2 3 2 3 4 4 2" xfId="12427"/>
    <cellStyle name="Обычный 2 3 2 3 2 3 4 5" xfId="12428"/>
    <cellStyle name="Обычный 2 3 2 3 2 3 4 5 2" xfId="12429"/>
    <cellStyle name="Обычный 2 3 2 3 2 3 4 6" xfId="12430"/>
    <cellStyle name="Обычный 2 3 2 3 2 3 5" xfId="12431"/>
    <cellStyle name="Обычный 2 3 2 3 2 3 5 2" xfId="12432"/>
    <cellStyle name="Обычный 2 3 2 3 2 3 5 2 2" xfId="12433"/>
    <cellStyle name="Обычный 2 3 2 3 2 3 5 3" xfId="12434"/>
    <cellStyle name="Обычный 2 3 2 3 2 3 5 3 2" xfId="12435"/>
    <cellStyle name="Обычный 2 3 2 3 2 3 5 4" xfId="12436"/>
    <cellStyle name="Обычный 2 3 2 3 2 3 6" xfId="12437"/>
    <cellStyle name="Обычный 2 3 2 3 2 3 6 2" xfId="12438"/>
    <cellStyle name="Обычный 2 3 2 3 2 3 7" xfId="12439"/>
    <cellStyle name="Обычный 2 3 2 3 2 3 7 2" xfId="12440"/>
    <cellStyle name="Обычный 2 3 2 3 2 3 8" xfId="12441"/>
    <cellStyle name="Обычный 2 3 2 3 2 3 8 2" xfId="12442"/>
    <cellStyle name="Обычный 2 3 2 3 2 3 9" xfId="12443"/>
    <cellStyle name="Обычный 2 3 2 3 2 4" xfId="12444"/>
    <cellStyle name="Обычный 2 3 2 3 2 4 2" xfId="12445"/>
    <cellStyle name="Обычный 2 3 2 3 2 4 2 2" xfId="12446"/>
    <cellStyle name="Обычный 2 3 2 3 2 4 2 2 2" xfId="12447"/>
    <cellStyle name="Обычный 2 3 2 3 2 4 2 3" xfId="12448"/>
    <cellStyle name="Обычный 2 3 2 3 2 4 2 3 2" xfId="12449"/>
    <cellStyle name="Обычный 2 3 2 3 2 4 2 4" xfId="12450"/>
    <cellStyle name="Обычный 2 3 2 3 2 4 3" xfId="12451"/>
    <cellStyle name="Обычный 2 3 2 3 2 4 3 2" xfId="12452"/>
    <cellStyle name="Обычный 2 3 2 3 2 4 4" xfId="12453"/>
    <cellStyle name="Обычный 2 3 2 3 2 4 4 2" xfId="12454"/>
    <cellStyle name="Обычный 2 3 2 3 2 4 5" xfId="12455"/>
    <cellStyle name="Обычный 2 3 2 3 2 4 5 2" xfId="12456"/>
    <cellStyle name="Обычный 2 3 2 3 2 4 6" xfId="12457"/>
    <cellStyle name="Обычный 2 3 2 3 2 5" xfId="12458"/>
    <cellStyle name="Обычный 2 3 2 3 2 5 2" xfId="12459"/>
    <cellStyle name="Обычный 2 3 2 3 2 5 2 2" xfId="12460"/>
    <cellStyle name="Обычный 2 3 2 3 2 5 2 2 2" xfId="12461"/>
    <cellStyle name="Обычный 2 3 2 3 2 5 2 3" xfId="12462"/>
    <cellStyle name="Обычный 2 3 2 3 2 5 2 3 2" xfId="12463"/>
    <cellStyle name="Обычный 2 3 2 3 2 5 2 4" xfId="12464"/>
    <cellStyle name="Обычный 2 3 2 3 2 5 3" xfId="12465"/>
    <cellStyle name="Обычный 2 3 2 3 2 5 3 2" xfId="12466"/>
    <cellStyle name="Обычный 2 3 2 3 2 5 4" xfId="12467"/>
    <cellStyle name="Обычный 2 3 2 3 2 5 4 2" xfId="12468"/>
    <cellStyle name="Обычный 2 3 2 3 2 5 5" xfId="12469"/>
    <cellStyle name="Обычный 2 3 2 3 2 5 5 2" xfId="12470"/>
    <cellStyle name="Обычный 2 3 2 3 2 5 6" xfId="12471"/>
    <cellStyle name="Обычный 2 3 2 3 2 6" xfId="12472"/>
    <cellStyle name="Обычный 2 3 2 3 2 6 2" xfId="12473"/>
    <cellStyle name="Обычный 2 3 2 3 2 6 2 2" xfId="12474"/>
    <cellStyle name="Обычный 2 3 2 3 2 6 2 2 2" xfId="12475"/>
    <cellStyle name="Обычный 2 3 2 3 2 6 2 3" xfId="12476"/>
    <cellStyle name="Обычный 2 3 2 3 2 6 2 3 2" xfId="12477"/>
    <cellStyle name="Обычный 2 3 2 3 2 6 2 4" xfId="12478"/>
    <cellStyle name="Обычный 2 3 2 3 2 6 3" xfId="12479"/>
    <cellStyle name="Обычный 2 3 2 3 2 6 3 2" xfId="12480"/>
    <cellStyle name="Обычный 2 3 2 3 2 6 4" xfId="12481"/>
    <cellStyle name="Обычный 2 3 2 3 2 6 4 2" xfId="12482"/>
    <cellStyle name="Обычный 2 3 2 3 2 6 5" xfId="12483"/>
    <cellStyle name="Обычный 2 3 2 3 2 6 5 2" xfId="12484"/>
    <cellStyle name="Обычный 2 3 2 3 2 6 6" xfId="12485"/>
    <cellStyle name="Обычный 2 3 2 3 2 7" xfId="12486"/>
    <cellStyle name="Обычный 2 3 2 3 2 7 2" xfId="12487"/>
    <cellStyle name="Обычный 2 3 2 3 2 7 2 2" xfId="12488"/>
    <cellStyle name="Обычный 2 3 2 3 2 7 2 2 2" xfId="12489"/>
    <cellStyle name="Обычный 2 3 2 3 2 7 2 3" xfId="12490"/>
    <cellStyle name="Обычный 2 3 2 3 2 7 2 3 2" xfId="12491"/>
    <cellStyle name="Обычный 2 3 2 3 2 7 2 4" xfId="12492"/>
    <cellStyle name="Обычный 2 3 2 3 2 7 3" xfId="12493"/>
    <cellStyle name="Обычный 2 3 2 3 2 7 3 2" xfId="12494"/>
    <cellStyle name="Обычный 2 3 2 3 2 7 4" xfId="12495"/>
    <cellStyle name="Обычный 2 3 2 3 2 7 4 2" xfId="12496"/>
    <cellStyle name="Обычный 2 3 2 3 2 7 5" xfId="12497"/>
    <cellStyle name="Обычный 2 3 2 3 2 7 5 2" xfId="12498"/>
    <cellStyle name="Обычный 2 3 2 3 2 7 6" xfId="12499"/>
    <cellStyle name="Обычный 2 3 2 3 2 8" xfId="12500"/>
    <cellStyle name="Обычный 2 3 2 3 2 8 2" xfId="12501"/>
    <cellStyle name="Обычный 2 3 2 3 2 8 2 2" xfId="12502"/>
    <cellStyle name="Обычный 2 3 2 3 2 8 3" xfId="12503"/>
    <cellStyle name="Обычный 2 3 2 3 2 8 3 2" xfId="12504"/>
    <cellStyle name="Обычный 2 3 2 3 2 8 4" xfId="12505"/>
    <cellStyle name="Обычный 2 3 2 3 2 9" xfId="12506"/>
    <cellStyle name="Обычный 2 3 2 3 2 9 2" xfId="12507"/>
    <cellStyle name="Обычный 2 3 2 3 2 9 2 2" xfId="12508"/>
    <cellStyle name="Обычный 2 3 2 3 2 9 3" xfId="12509"/>
    <cellStyle name="Обычный 2 3 2 3 3" xfId="12510"/>
    <cellStyle name="Обычный 2 3 2 3 3 10" xfId="12511"/>
    <cellStyle name="Обычный 2 3 2 3 3 2" xfId="12512"/>
    <cellStyle name="Обычный 2 3 2 3 3 2 2" xfId="12513"/>
    <cellStyle name="Обычный 2 3 2 3 3 2 2 2" xfId="12514"/>
    <cellStyle name="Обычный 2 3 2 3 3 2 2 2 2" xfId="12515"/>
    <cellStyle name="Обычный 2 3 2 3 3 2 2 3" xfId="12516"/>
    <cellStyle name="Обычный 2 3 2 3 3 2 2 3 2" xfId="12517"/>
    <cellStyle name="Обычный 2 3 2 3 3 2 2 4" xfId="12518"/>
    <cellStyle name="Обычный 2 3 2 3 3 2 3" xfId="12519"/>
    <cellStyle name="Обычный 2 3 2 3 3 2 3 2" xfId="12520"/>
    <cellStyle name="Обычный 2 3 2 3 3 2 4" xfId="12521"/>
    <cellStyle name="Обычный 2 3 2 3 3 2 4 2" xfId="12522"/>
    <cellStyle name="Обычный 2 3 2 3 3 2 5" xfId="12523"/>
    <cellStyle name="Обычный 2 3 2 3 3 2 5 2" xfId="12524"/>
    <cellStyle name="Обычный 2 3 2 3 3 2 6" xfId="12525"/>
    <cellStyle name="Обычный 2 3 2 3 3 3" xfId="12526"/>
    <cellStyle name="Обычный 2 3 2 3 3 3 2" xfId="12527"/>
    <cellStyle name="Обычный 2 3 2 3 3 3 2 2" xfId="12528"/>
    <cellStyle name="Обычный 2 3 2 3 3 3 2 2 2" xfId="12529"/>
    <cellStyle name="Обычный 2 3 2 3 3 3 2 3" xfId="12530"/>
    <cellStyle name="Обычный 2 3 2 3 3 3 2 3 2" xfId="12531"/>
    <cellStyle name="Обычный 2 3 2 3 3 3 2 4" xfId="12532"/>
    <cellStyle name="Обычный 2 3 2 3 3 3 3" xfId="12533"/>
    <cellStyle name="Обычный 2 3 2 3 3 3 3 2" xfId="12534"/>
    <cellStyle name="Обычный 2 3 2 3 3 3 4" xfId="12535"/>
    <cellStyle name="Обычный 2 3 2 3 3 3 4 2" xfId="12536"/>
    <cellStyle name="Обычный 2 3 2 3 3 3 5" xfId="12537"/>
    <cellStyle name="Обычный 2 3 2 3 3 3 5 2" xfId="12538"/>
    <cellStyle name="Обычный 2 3 2 3 3 3 6" xfId="12539"/>
    <cellStyle name="Обычный 2 3 2 3 3 4" xfId="12540"/>
    <cellStyle name="Обычный 2 3 2 3 3 4 2" xfId="12541"/>
    <cellStyle name="Обычный 2 3 2 3 3 4 2 2" xfId="12542"/>
    <cellStyle name="Обычный 2 3 2 3 3 4 2 2 2" xfId="12543"/>
    <cellStyle name="Обычный 2 3 2 3 3 4 2 3" xfId="12544"/>
    <cellStyle name="Обычный 2 3 2 3 3 4 2 3 2" xfId="12545"/>
    <cellStyle name="Обычный 2 3 2 3 3 4 2 4" xfId="12546"/>
    <cellStyle name="Обычный 2 3 2 3 3 4 3" xfId="12547"/>
    <cellStyle name="Обычный 2 3 2 3 3 4 3 2" xfId="12548"/>
    <cellStyle name="Обычный 2 3 2 3 3 4 4" xfId="12549"/>
    <cellStyle name="Обычный 2 3 2 3 3 4 4 2" xfId="12550"/>
    <cellStyle name="Обычный 2 3 2 3 3 4 5" xfId="12551"/>
    <cellStyle name="Обычный 2 3 2 3 3 4 5 2" xfId="12552"/>
    <cellStyle name="Обычный 2 3 2 3 3 4 6" xfId="12553"/>
    <cellStyle name="Обычный 2 3 2 3 3 5" xfId="12554"/>
    <cellStyle name="Обычный 2 3 2 3 3 5 2" xfId="12555"/>
    <cellStyle name="Обычный 2 3 2 3 3 5 2 2" xfId="12556"/>
    <cellStyle name="Обычный 2 3 2 3 3 5 2 2 2" xfId="12557"/>
    <cellStyle name="Обычный 2 3 2 3 3 5 2 3" xfId="12558"/>
    <cellStyle name="Обычный 2 3 2 3 3 5 2 3 2" xfId="12559"/>
    <cellStyle name="Обычный 2 3 2 3 3 5 2 4" xfId="12560"/>
    <cellStyle name="Обычный 2 3 2 3 3 5 3" xfId="12561"/>
    <cellStyle name="Обычный 2 3 2 3 3 5 3 2" xfId="12562"/>
    <cellStyle name="Обычный 2 3 2 3 3 5 4" xfId="12563"/>
    <cellStyle name="Обычный 2 3 2 3 3 5 4 2" xfId="12564"/>
    <cellStyle name="Обычный 2 3 2 3 3 5 5" xfId="12565"/>
    <cellStyle name="Обычный 2 3 2 3 3 5 5 2" xfId="12566"/>
    <cellStyle name="Обычный 2 3 2 3 3 5 6" xfId="12567"/>
    <cellStyle name="Обычный 2 3 2 3 3 6" xfId="12568"/>
    <cellStyle name="Обычный 2 3 2 3 3 6 2" xfId="12569"/>
    <cellStyle name="Обычный 2 3 2 3 3 6 2 2" xfId="12570"/>
    <cellStyle name="Обычный 2 3 2 3 3 6 3" xfId="12571"/>
    <cellStyle name="Обычный 2 3 2 3 3 6 3 2" xfId="12572"/>
    <cellStyle name="Обычный 2 3 2 3 3 6 4" xfId="12573"/>
    <cellStyle name="Обычный 2 3 2 3 3 7" xfId="12574"/>
    <cellStyle name="Обычный 2 3 2 3 3 7 2" xfId="12575"/>
    <cellStyle name="Обычный 2 3 2 3 3 8" xfId="12576"/>
    <cellStyle name="Обычный 2 3 2 3 3 8 2" xfId="12577"/>
    <cellStyle name="Обычный 2 3 2 3 3 9" xfId="12578"/>
    <cellStyle name="Обычный 2 3 2 3 3 9 2" xfId="12579"/>
    <cellStyle name="Обычный 2 3 2 3 4" xfId="12580"/>
    <cellStyle name="Обычный 2 3 2 3 4 2" xfId="12581"/>
    <cellStyle name="Обычный 2 3 2 3 4 2 2" xfId="12582"/>
    <cellStyle name="Обычный 2 3 2 3 4 2 2 2" xfId="12583"/>
    <cellStyle name="Обычный 2 3 2 3 4 2 2 2 2" xfId="12584"/>
    <cellStyle name="Обычный 2 3 2 3 4 2 2 3" xfId="12585"/>
    <cellStyle name="Обычный 2 3 2 3 4 2 2 3 2" xfId="12586"/>
    <cellStyle name="Обычный 2 3 2 3 4 2 2 4" xfId="12587"/>
    <cellStyle name="Обычный 2 3 2 3 4 2 3" xfId="12588"/>
    <cellStyle name="Обычный 2 3 2 3 4 2 3 2" xfId="12589"/>
    <cellStyle name="Обычный 2 3 2 3 4 2 4" xfId="12590"/>
    <cellStyle name="Обычный 2 3 2 3 4 2 4 2" xfId="12591"/>
    <cellStyle name="Обычный 2 3 2 3 4 2 5" xfId="12592"/>
    <cellStyle name="Обычный 2 3 2 3 4 2 5 2" xfId="12593"/>
    <cellStyle name="Обычный 2 3 2 3 4 2 6" xfId="12594"/>
    <cellStyle name="Обычный 2 3 2 3 4 3" xfId="12595"/>
    <cellStyle name="Обычный 2 3 2 3 4 3 2" xfId="12596"/>
    <cellStyle name="Обычный 2 3 2 3 4 3 2 2" xfId="12597"/>
    <cellStyle name="Обычный 2 3 2 3 4 3 2 2 2" xfId="12598"/>
    <cellStyle name="Обычный 2 3 2 3 4 3 2 3" xfId="12599"/>
    <cellStyle name="Обычный 2 3 2 3 4 3 2 3 2" xfId="12600"/>
    <cellStyle name="Обычный 2 3 2 3 4 3 2 4" xfId="12601"/>
    <cellStyle name="Обычный 2 3 2 3 4 3 3" xfId="12602"/>
    <cellStyle name="Обычный 2 3 2 3 4 3 3 2" xfId="12603"/>
    <cellStyle name="Обычный 2 3 2 3 4 3 4" xfId="12604"/>
    <cellStyle name="Обычный 2 3 2 3 4 3 4 2" xfId="12605"/>
    <cellStyle name="Обычный 2 3 2 3 4 3 5" xfId="12606"/>
    <cellStyle name="Обычный 2 3 2 3 4 3 5 2" xfId="12607"/>
    <cellStyle name="Обычный 2 3 2 3 4 3 6" xfId="12608"/>
    <cellStyle name="Обычный 2 3 2 3 4 4" xfId="12609"/>
    <cellStyle name="Обычный 2 3 2 3 4 4 2" xfId="12610"/>
    <cellStyle name="Обычный 2 3 2 3 4 4 2 2" xfId="12611"/>
    <cellStyle name="Обычный 2 3 2 3 4 4 2 2 2" xfId="12612"/>
    <cellStyle name="Обычный 2 3 2 3 4 4 2 3" xfId="12613"/>
    <cellStyle name="Обычный 2 3 2 3 4 4 2 3 2" xfId="12614"/>
    <cellStyle name="Обычный 2 3 2 3 4 4 2 4" xfId="12615"/>
    <cellStyle name="Обычный 2 3 2 3 4 4 3" xfId="12616"/>
    <cellStyle name="Обычный 2 3 2 3 4 4 3 2" xfId="12617"/>
    <cellStyle name="Обычный 2 3 2 3 4 4 4" xfId="12618"/>
    <cellStyle name="Обычный 2 3 2 3 4 4 4 2" xfId="12619"/>
    <cellStyle name="Обычный 2 3 2 3 4 4 5" xfId="12620"/>
    <cellStyle name="Обычный 2 3 2 3 4 4 5 2" xfId="12621"/>
    <cellStyle name="Обычный 2 3 2 3 4 4 6" xfId="12622"/>
    <cellStyle name="Обычный 2 3 2 3 4 5" xfId="12623"/>
    <cellStyle name="Обычный 2 3 2 3 4 5 2" xfId="12624"/>
    <cellStyle name="Обычный 2 3 2 3 4 5 2 2" xfId="12625"/>
    <cellStyle name="Обычный 2 3 2 3 4 5 3" xfId="12626"/>
    <cellStyle name="Обычный 2 3 2 3 4 5 3 2" xfId="12627"/>
    <cellStyle name="Обычный 2 3 2 3 4 5 4" xfId="12628"/>
    <cellStyle name="Обычный 2 3 2 3 4 6" xfId="12629"/>
    <cellStyle name="Обычный 2 3 2 3 4 6 2" xfId="12630"/>
    <cellStyle name="Обычный 2 3 2 3 4 7" xfId="12631"/>
    <cellStyle name="Обычный 2 3 2 3 4 7 2" xfId="12632"/>
    <cellStyle name="Обычный 2 3 2 3 4 8" xfId="12633"/>
    <cellStyle name="Обычный 2 3 2 3 4 8 2" xfId="12634"/>
    <cellStyle name="Обычный 2 3 2 3 4 9" xfId="12635"/>
    <cellStyle name="Обычный 2 3 2 3 5" xfId="12636"/>
    <cellStyle name="Обычный 2 3 2 3 5 2" xfId="12637"/>
    <cellStyle name="Обычный 2 3 2 3 5 2 2" xfId="12638"/>
    <cellStyle name="Обычный 2 3 2 3 5 2 2 2" xfId="12639"/>
    <cellStyle name="Обычный 2 3 2 3 5 2 3" xfId="12640"/>
    <cellStyle name="Обычный 2 3 2 3 5 2 3 2" xfId="12641"/>
    <cellStyle name="Обычный 2 3 2 3 5 2 4" xfId="12642"/>
    <cellStyle name="Обычный 2 3 2 3 5 3" xfId="12643"/>
    <cellStyle name="Обычный 2 3 2 3 5 3 2" xfId="12644"/>
    <cellStyle name="Обычный 2 3 2 3 5 4" xfId="12645"/>
    <cellStyle name="Обычный 2 3 2 3 5 4 2" xfId="12646"/>
    <cellStyle name="Обычный 2 3 2 3 5 5" xfId="12647"/>
    <cellStyle name="Обычный 2 3 2 3 5 5 2" xfId="12648"/>
    <cellStyle name="Обычный 2 3 2 3 5 6" xfId="12649"/>
    <cellStyle name="Обычный 2 3 2 3 6" xfId="12650"/>
    <cellStyle name="Обычный 2 3 2 3 6 2" xfId="12651"/>
    <cellStyle name="Обычный 2 3 2 3 6 2 2" xfId="12652"/>
    <cellStyle name="Обычный 2 3 2 3 6 2 2 2" xfId="12653"/>
    <cellStyle name="Обычный 2 3 2 3 6 2 3" xfId="12654"/>
    <cellStyle name="Обычный 2 3 2 3 6 2 3 2" xfId="12655"/>
    <cellStyle name="Обычный 2 3 2 3 6 2 4" xfId="12656"/>
    <cellStyle name="Обычный 2 3 2 3 6 3" xfId="12657"/>
    <cellStyle name="Обычный 2 3 2 3 6 3 2" xfId="12658"/>
    <cellStyle name="Обычный 2 3 2 3 6 4" xfId="12659"/>
    <cellStyle name="Обычный 2 3 2 3 6 4 2" xfId="12660"/>
    <cellStyle name="Обычный 2 3 2 3 6 5" xfId="12661"/>
    <cellStyle name="Обычный 2 3 2 3 6 5 2" xfId="12662"/>
    <cellStyle name="Обычный 2 3 2 3 6 6" xfId="12663"/>
    <cellStyle name="Обычный 2 3 2 3 7" xfId="12664"/>
    <cellStyle name="Обычный 2 3 2 3 7 2" xfId="12665"/>
    <cellStyle name="Обычный 2 3 2 3 7 2 2" xfId="12666"/>
    <cellStyle name="Обычный 2 3 2 3 7 2 2 2" xfId="12667"/>
    <cellStyle name="Обычный 2 3 2 3 7 2 3" xfId="12668"/>
    <cellStyle name="Обычный 2 3 2 3 7 2 3 2" xfId="12669"/>
    <cellStyle name="Обычный 2 3 2 3 7 2 4" xfId="12670"/>
    <cellStyle name="Обычный 2 3 2 3 7 3" xfId="12671"/>
    <cellStyle name="Обычный 2 3 2 3 7 3 2" xfId="12672"/>
    <cellStyle name="Обычный 2 3 2 3 7 4" xfId="12673"/>
    <cellStyle name="Обычный 2 3 2 3 7 4 2" xfId="12674"/>
    <cellStyle name="Обычный 2 3 2 3 7 5" xfId="12675"/>
    <cellStyle name="Обычный 2 3 2 3 7 5 2" xfId="12676"/>
    <cellStyle name="Обычный 2 3 2 3 7 6" xfId="12677"/>
    <cellStyle name="Обычный 2 3 2 3 8" xfId="12678"/>
    <cellStyle name="Обычный 2 3 2 3 8 2" xfId="12679"/>
    <cellStyle name="Обычный 2 3 2 3 8 2 2" xfId="12680"/>
    <cellStyle name="Обычный 2 3 2 3 8 2 2 2" xfId="12681"/>
    <cellStyle name="Обычный 2 3 2 3 8 2 3" xfId="12682"/>
    <cellStyle name="Обычный 2 3 2 3 8 2 3 2" xfId="12683"/>
    <cellStyle name="Обычный 2 3 2 3 8 2 4" xfId="12684"/>
    <cellStyle name="Обычный 2 3 2 3 8 3" xfId="12685"/>
    <cellStyle name="Обычный 2 3 2 3 8 3 2" xfId="12686"/>
    <cellStyle name="Обычный 2 3 2 3 8 4" xfId="12687"/>
    <cellStyle name="Обычный 2 3 2 3 8 4 2" xfId="12688"/>
    <cellStyle name="Обычный 2 3 2 3 8 5" xfId="12689"/>
    <cellStyle name="Обычный 2 3 2 3 8 5 2" xfId="12690"/>
    <cellStyle name="Обычный 2 3 2 3 8 6" xfId="12691"/>
    <cellStyle name="Обычный 2 3 2 3 9" xfId="12692"/>
    <cellStyle name="Обычный 2 3 2 3 9 2" xfId="12693"/>
    <cellStyle name="Обычный 2 3 2 3 9 2 2" xfId="12694"/>
    <cellStyle name="Обычный 2 3 2 3 9 3" xfId="12695"/>
    <cellStyle name="Обычный 2 3 2 3 9 3 2" xfId="12696"/>
    <cellStyle name="Обычный 2 3 2 3 9 4" xfId="12697"/>
    <cellStyle name="Обычный 2 3 2 4" xfId="12698"/>
    <cellStyle name="Обычный 2 3 2 4 10" xfId="12699"/>
    <cellStyle name="Обычный 2 3 2 4 10 2" xfId="12700"/>
    <cellStyle name="Обычный 2 3 2 4 10 2 2" xfId="12701"/>
    <cellStyle name="Обычный 2 3 2 4 10 3" xfId="12702"/>
    <cellStyle name="Обычный 2 3 2 4 11" xfId="12703"/>
    <cellStyle name="Обычный 2 3 2 4 11 2" xfId="12704"/>
    <cellStyle name="Обычный 2 3 2 4 12" xfId="12705"/>
    <cellStyle name="Обычный 2 3 2 4 12 2" xfId="12706"/>
    <cellStyle name="Обычный 2 3 2 4 13" xfId="12707"/>
    <cellStyle name="Обычный 2 3 2 4 14" xfId="12708"/>
    <cellStyle name="Обычный 2 3 2 4 2" xfId="12709"/>
    <cellStyle name="Обычный 2 3 2 4 2 10" xfId="12710"/>
    <cellStyle name="Обычный 2 3 2 4 2 10 2" xfId="12711"/>
    <cellStyle name="Обычный 2 3 2 4 2 11" xfId="12712"/>
    <cellStyle name="Обычный 2 3 2 4 2 11 2" xfId="12713"/>
    <cellStyle name="Обычный 2 3 2 4 2 12" xfId="12714"/>
    <cellStyle name="Обычный 2 3 2 4 2 13" xfId="12715"/>
    <cellStyle name="Обычный 2 3 2 4 2 2" xfId="12716"/>
    <cellStyle name="Обычный 2 3 2 4 2 2 10" xfId="12717"/>
    <cellStyle name="Обычный 2 3 2 4 2 2 2" xfId="12718"/>
    <cellStyle name="Обычный 2 3 2 4 2 2 2 2" xfId="12719"/>
    <cellStyle name="Обычный 2 3 2 4 2 2 2 2 2" xfId="12720"/>
    <cellStyle name="Обычный 2 3 2 4 2 2 2 2 2 2" xfId="12721"/>
    <cellStyle name="Обычный 2 3 2 4 2 2 2 2 3" xfId="12722"/>
    <cellStyle name="Обычный 2 3 2 4 2 2 2 2 3 2" xfId="12723"/>
    <cellStyle name="Обычный 2 3 2 4 2 2 2 2 4" xfId="12724"/>
    <cellStyle name="Обычный 2 3 2 4 2 2 2 3" xfId="12725"/>
    <cellStyle name="Обычный 2 3 2 4 2 2 2 3 2" xfId="12726"/>
    <cellStyle name="Обычный 2 3 2 4 2 2 2 4" xfId="12727"/>
    <cellStyle name="Обычный 2 3 2 4 2 2 2 4 2" xfId="12728"/>
    <cellStyle name="Обычный 2 3 2 4 2 2 2 5" xfId="12729"/>
    <cellStyle name="Обычный 2 3 2 4 2 2 2 5 2" xfId="12730"/>
    <cellStyle name="Обычный 2 3 2 4 2 2 2 6" xfId="12731"/>
    <cellStyle name="Обычный 2 3 2 4 2 2 3" xfId="12732"/>
    <cellStyle name="Обычный 2 3 2 4 2 2 3 2" xfId="12733"/>
    <cellStyle name="Обычный 2 3 2 4 2 2 3 2 2" xfId="12734"/>
    <cellStyle name="Обычный 2 3 2 4 2 2 3 2 2 2" xfId="12735"/>
    <cellStyle name="Обычный 2 3 2 4 2 2 3 2 3" xfId="12736"/>
    <cellStyle name="Обычный 2 3 2 4 2 2 3 2 3 2" xfId="12737"/>
    <cellStyle name="Обычный 2 3 2 4 2 2 3 2 4" xfId="12738"/>
    <cellStyle name="Обычный 2 3 2 4 2 2 3 3" xfId="12739"/>
    <cellStyle name="Обычный 2 3 2 4 2 2 3 3 2" xfId="12740"/>
    <cellStyle name="Обычный 2 3 2 4 2 2 3 4" xfId="12741"/>
    <cellStyle name="Обычный 2 3 2 4 2 2 3 4 2" xfId="12742"/>
    <cellStyle name="Обычный 2 3 2 4 2 2 3 5" xfId="12743"/>
    <cellStyle name="Обычный 2 3 2 4 2 2 3 5 2" xfId="12744"/>
    <cellStyle name="Обычный 2 3 2 4 2 2 3 6" xfId="12745"/>
    <cellStyle name="Обычный 2 3 2 4 2 2 4" xfId="12746"/>
    <cellStyle name="Обычный 2 3 2 4 2 2 4 2" xfId="12747"/>
    <cellStyle name="Обычный 2 3 2 4 2 2 4 2 2" xfId="12748"/>
    <cellStyle name="Обычный 2 3 2 4 2 2 4 2 2 2" xfId="12749"/>
    <cellStyle name="Обычный 2 3 2 4 2 2 4 2 3" xfId="12750"/>
    <cellStyle name="Обычный 2 3 2 4 2 2 4 2 3 2" xfId="12751"/>
    <cellStyle name="Обычный 2 3 2 4 2 2 4 2 4" xfId="12752"/>
    <cellStyle name="Обычный 2 3 2 4 2 2 4 3" xfId="12753"/>
    <cellStyle name="Обычный 2 3 2 4 2 2 4 3 2" xfId="12754"/>
    <cellStyle name="Обычный 2 3 2 4 2 2 4 4" xfId="12755"/>
    <cellStyle name="Обычный 2 3 2 4 2 2 4 4 2" xfId="12756"/>
    <cellStyle name="Обычный 2 3 2 4 2 2 4 5" xfId="12757"/>
    <cellStyle name="Обычный 2 3 2 4 2 2 4 5 2" xfId="12758"/>
    <cellStyle name="Обычный 2 3 2 4 2 2 4 6" xfId="12759"/>
    <cellStyle name="Обычный 2 3 2 4 2 2 5" xfId="12760"/>
    <cellStyle name="Обычный 2 3 2 4 2 2 5 2" xfId="12761"/>
    <cellStyle name="Обычный 2 3 2 4 2 2 5 2 2" xfId="12762"/>
    <cellStyle name="Обычный 2 3 2 4 2 2 5 2 2 2" xfId="12763"/>
    <cellStyle name="Обычный 2 3 2 4 2 2 5 2 3" xfId="12764"/>
    <cellStyle name="Обычный 2 3 2 4 2 2 5 2 3 2" xfId="12765"/>
    <cellStyle name="Обычный 2 3 2 4 2 2 5 2 4" xfId="12766"/>
    <cellStyle name="Обычный 2 3 2 4 2 2 5 3" xfId="12767"/>
    <cellStyle name="Обычный 2 3 2 4 2 2 5 3 2" xfId="12768"/>
    <cellStyle name="Обычный 2 3 2 4 2 2 5 4" xfId="12769"/>
    <cellStyle name="Обычный 2 3 2 4 2 2 5 4 2" xfId="12770"/>
    <cellStyle name="Обычный 2 3 2 4 2 2 5 5" xfId="12771"/>
    <cellStyle name="Обычный 2 3 2 4 2 2 5 5 2" xfId="12772"/>
    <cellStyle name="Обычный 2 3 2 4 2 2 5 6" xfId="12773"/>
    <cellStyle name="Обычный 2 3 2 4 2 2 6" xfId="12774"/>
    <cellStyle name="Обычный 2 3 2 4 2 2 6 2" xfId="12775"/>
    <cellStyle name="Обычный 2 3 2 4 2 2 6 2 2" xfId="12776"/>
    <cellStyle name="Обычный 2 3 2 4 2 2 6 3" xfId="12777"/>
    <cellStyle name="Обычный 2 3 2 4 2 2 6 3 2" xfId="12778"/>
    <cellStyle name="Обычный 2 3 2 4 2 2 6 4" xfId="12779"/>
    <cellStyle name="Обычный 2 3 2 4 2 2 7" xfId="12780"/>
    <cellStyle name="Обычный 2 3 2 4 2 2 7 2" xfId="12781"/>
    <cellStyle name="Обычный 2 3 2 4 2 2 8" xfId="12782"/>
    <cellStyle name="Обычный 2 3 2 4 2 2 8 2" xfId="12783"/>
    <cellStyle name="Обычный 2 3 2 4 2 2 9" xfId="12784"/>
    <cellStyle name="Обычный 2 3 2 4 2 2 9 2" xfId="12785"/>
    <cellStyle name="Обычный 2 3 2 4 2 3" xfId="12786"/>
    <cellStyle name="Обычный 2 3 2 4 2 3 2" xfId="12787"/>
    <cellStyle name="Обычный 2 3 2 4 2 3 2 2" xfId="12788"/>
    <cellStyle name="Обычный 2 3 2 4 2 3 2 2 2" xfId="12789"/>
    <cellStyle name="Обычный 2 3 2 4 2 3 2 2 2 2" xfId="12790"/>
    <cellStyle name="Обычный 2 3 2 4 2 3 2 2 3" xfId="12791"/>
    <cellStyle name="Обычный 2 3 2 4 2 3 2 2 3 2" xfId="12792"/>
    <cellStyle name="Обычный 2 3 2 4 2 3 2 2 4" xfId="12793"/>
    <cellStyle name="Обычный 2 3 2 4 2 3 2 3" xfId="12794"/>
    <cellStyle name="Обычный 2 3 2 4 2 3 2 3 2" xfId="12795"/>
    <cellStyle name="Обычный 2 3 2 4 2 3 2 4" xfId="12796"/>
    <cellStyle name="Обычный 2 3 2 4 2 3 2 4 2" xfId="12797"/>
    <cellStyle name="Обычный 2 3 2 4 2 3 2 5" xfId="12798"/>
    <cellStyle name="Обычный 2 3 2 4 2 3 2 5 2" xfId="12799"/>
    <cellStyle name="Обычный 2 3 2 4 2 3 2 6" xfId="12800"/>
    <cellStyle name="Обычный 2 3 2 4 2 3 3" xfId="12801"/>
    <cellStyle name="Обычный 2 3 2 4 2 3 3 2" xfId="12802"/>
    <cellStyle name="Обычный 2 3 2 4 2 3 3 2 2" xfId="12803"/>
    <cellStyle name="Обычный 2 3 2 4 2 3 3 2 2 2" xfId="12804"/>
    <cellStyle name="Обычный 2 3 2 4 2 3 3 2 3" xfId="12805"/>
    <cellStyle name="Обычный 2 3 2 4 2 3 3 2 3 2" xfId="12806"/>
    <cellStyle name="Обычный 2 3 2 4 2 3 3 2 4" xfId="12807"/>
    <cellStyle name="Обычный 2 3 2 4 2 3 3 3" xfId="12808"/>
    <cellStyle name="Обычный 2 3 2 4 2 3 3 3 2" xfId="12809"/>
    <cellStyle name="Обычный 2 3 2 4 2 3 3 4" xfId="12810"/>
    <cellStyle name="Обычный 2 3 2 4 2 3 3 4 2" xfId="12811"/>
    <cellStyle name="Обычный 2 3 2 4 2 3 3 5" xfId="12812"/>
    <cellStyle name="Обычный 2 3 2 4 2 3 3 5 2" xfId="12813"/>
    <cellStyle name="Обычный 2 3 2 4 2 3 3 6" xfId="12814"/>
    <cellStyle name="Обычный 2 3 2 4 2 3 4" xfId="12815"/>
    <cellStyle name="Обычный 2 3 2 4 2 3 4 2" xfId="12816"/>
    <cellStyle name="Обычный 2 3 2 4 2 3 4 2 2" xfId="12817"/>
    <cellStyle name="Обычный 2 3 2 4 2 3 4 2 2 2" xfId="12818"/>
    <cellStyle name="Обычный 2 3 2 4 2 3 4 2 3" xfId="12819"/>
    <cellStyle name="Обычный 2 3 2 4 2 3 4 2 3 2" xfId="12820"/>
    <cellStyle name="Обычный 2 3 2 4 2 3 4 2 4" xfId="12821"/>
    <cellStyle name="Обычный 2 3 2 4 2 3 4 3" xfId="12822"/>
    <cellStyle name="Обычный 2 3 2 4 2 3 4 3 2" xfId="12823"/>
    <cellStyle name="Обычный 2 3 2 4 2 3 4 4" xfId="12824"/>
    <cellStyle name="Обычный 2 3 2 4 2 3 4 4 2" xfId="12825"/>
    <cellStyle name="Обычный 2 3 2 4 2 3 4 5" xfId="12826"/>
    <cellStyle name="Обычный 2 3 2 4 2 3 4 5 2" xfId="12827"/>
    <cellStyle name="Обычный 2 3 2 4 2 3 4 6" xfId="12828"/>
    <cellStyle name="Обычный 2 3 2 4 2 3 5" xfId="12829"/>
    <cellStyle name="Обычный 2 3 2 4 2 3 5 2" xfId="12830"/>
    <cellStyle name="Обычный 2 3 2 4 2 3 5 2 2" xfId="12831"/>
    <cellStyle name="Обычный 2 3 2 4 2 3 5 3" xfId="12832"/>
    <cellStyle name="Обычный 2 3 2 4 2 3 5 3 2" xfId="12833"/>
    <cellStyle name="Обычный 2 3 2 4 2 3 5 4" xfId="12834"/>
    <cellStyle name="Обычный 2 3 2 4 2 3 6" xfId="12835"/>
    <cellStyle name="Обычный 2 3 2 4 2 3 6 2" xfId="12836"/>
    <cellStyle name="Обычный 2 3 2 4 2 3 7" xfId="12837"/>
    <cellStyle name="Обычный 2 3 2 4 2 3 7 2" xfId="12838"/>
    <cellStyle name="Обычный 2 3 2 4 2 3 8" xfId="12839"/>
    <cellStyle name="Обычный 2 3 2 4 2 3 8 2" xfId="12840"/>
    <cellStyle name="Обычный 2 3 2 4 2 3 9" xfId="12841"/>
    <cellStyle name="Обычный 2 3 2 4 2 4" xfId="12842"/>
    <cellStyle name="Обычный 2 3 2 4 2 4 2" xfId="12843"/>
    <cellStyle name="Обычный 2 3 2 4 2 4 2 2" xfId="12844"/>
    <cellStyle name="Обычный 2 3 2 4 2 4 2 2 2" xfId="12845"/>
    <cellStyle name="Обычный 2 3 2 4 2 4 2 3" xfId="12846"/>
    <cellStyle name="Обычный 2 3 2 4 2 4 2 3 2" xfId="12847"/>
    <cellStyle name="Обычный 2 3 2 4 2 4 2 4" xfId="12848"/>
    <cellStyle name="Обычный 2 3 2 4 2 4 3" xfId="12849"/>
    <cellStyle name="Обычный 2 3 2 4 2 4 3 2" xfId="12850"/>
    <cellStyle name="Обычный 2 3 2 4 2 4 4" xfId="12851"/>
    <cellStyle name="Обычный 2 3 2 4 2 4 4 2" xfId="12852"/>
    <cellStyle name="Обычный 2 3 2 4 2 4 5" xfId="12853"/>
    <cellStyle name="Обычный 2 3 2 4 2 4 5 2" xfId="12854"/>
    <cellStyle name="Обычный 2 3 2 4 2 4 6" xfId="12855"/>
    <cellStyle name="Обычный 2 3 2 4 2 5" xfId="12856"/>
    <cellStyle name="Обычный 2 3 2 4 2 5 2" xfId="12857"/>
    <cellStyle name="Обычный 2 3 2 4 2 5 2 2" xfId="12858"/>
    <cellStyle name="Обычный 2 3 2 4 2 5 2 2 2" xfId="12859"/>
    <cellStyle name="Обычный 2 3 2 4 2 5 2 3" xfId="12860"/>
    <cellStyle name="Обычный 2 3 2 4 2 5 2 3 2" xfId="12861"/>
    <cellStyle name="Обычный 2 3 2 4 2 5 2 4" xfId="12862"/>
    <cellStyle name="Обычный 2 3 2 4 2 5 3" xfId="12863"/>
    <cellStyle name="Обычный 2 3 2 4 2 5 3 2" xfId="12864"/>
    <cellStyle name="Обычный 2 3 2 4 2 5 4" xfId="12865"/>
    <cellStyle name="Обычный 2 3 2 4 2 5 4 2" xfId="12866"/>
    <cellStyle name="Обычный 2 3 2 4 2 5 5" xfId="12867"/>
    <cellStyle name="Обычный 2 3 2 4 2 5 5 2" xfId="12868"/>
    <cellStyle name="Обычный 2 3 2 4 2 5 6" xfId="12869"/>
    <cellStyle name="Обычный 2 3 2 4 2 6" xfId="12870"/>
    <cellStyle name="Обычный 2 3 2 4 2 6 2" xfId="12871"/>
    <cellStyle name="Обычный 2 3 2 4 2 6 2 2" xfId="12872"/>
    <cellStyle name="Обычный 2 3 2 4 2 6 2 2 2" xfId="12873"/>
    <cellStyle name="Обычный 2 3 2 4 2 6 2 3" xfId="12874"/>
    <cellStyle name="Обычный 2 3 2 4 2 6 2 3 2" xfId="12875"/>
    <cellStyle name="Обычный 2 3 2 4 2 6 2 4" xfId="12876"/>
    <cellStyle name="Обычный 2 3 2 4 2 6 3" xfId="12877"/>
    <cellStyle name="Обычный 2 3 2 4 2 6 3 2" xfId="12878"/>
    <cellStyle name="Обычный 2 3 2 4 2 6 4" xfId="12879"/>
    <cellStyle name="Обычный 2 3 2 4 2 6 4 2" xfId="12880"/>
    <cellStyle name="Обычный 2 3 2 4 2 6 5" xfId="12881"/>
    <cellStyle name="Обычный 2 3 2 4 2 6 5 2" xfId="12882"/>
    <cellStyle name="Обычный 2 3 2 4 2 6 6" xfId="12883"/>
    <cellStyle name="Обычный 2 3 2 4 2 7" xfId="12884"/>
    <cellStyle name="Обычный 2 3 2 4 2 7 2" xfId="12885"/>
    <cellStyle name="Обычный 2 3 2 4 2 7 2 2" xfId="12886"/>
    <cellStyle name="Обычный 2 3 2 4 2 7 2 2 2" xfId="12887"/>
    <cellStyle name="Обычный 2 3 2 4 2 7 2 3" xfId="12888"/>
    <cellStyle name="Обычный 2 3 2 4 2 7 2 3 2" xfId="12889"/>
    <cellStyle name="Обычный 2 3 2 4 2 7 2 4" xfId="12890"/>
    <cellStyle name="Обычный 2 3 2 4 2 7 3" xfId="12891"/>
    <cellStyle name="Обычный 2 3 2 4 2 7 3 2" xfId="12892"/>
    <cellStyle name="Обычный 2 3 2 4 2 7 4" xfId="12893"/>
    <cellStyle name="Обычный 2 3 2 4 2 7 4 2" xfId="12894"/>
    <cellStyle name="Обычный 2 3 2 4 2 7 5" xfId="12895"/>
    <cellStyle name="Обычный 2 3 2 4 2 7 5 2" xfId="12896"/>
    <cellStyle name="Обычный 2 3 2 4 2 7 6" xfId="12897"/>
    <cellStyle name="Обычный 2 3 2 4 2 8" xfId="12898"/>
    <cellStyle name="Обычный 2 3 2 4 2 8 2" xfId="12899"/>
    <cellStyle name="Обычный 2 3 2 4 2 8 2 2" xfId="12900"/>
    <cellStyle name="Обычный 2 3 2 4 2 8 3" xfId="12901"/>
    <cellStyle name="Обычный 2 3 2 4 2 8 3 2" xfId="12902"/>
    <cellStyle name="Обычный 2 3 2 4 2 8 4" xfId="12903"/>
    <cellStyle name="Обычный 2 3 2 4 2 9" xfId="12904"/>
    <cellStyle name="Обычный 2 3 2 4 2 9 2" xfId="12905"/>
    <cellStyle name="Обычный 2 3 2 4 2 9 2 2" xfId="12906"/>
    <cellStyle name="Обычный 2 3 2 4 2 9 3" xfId="12907"/>
    <cellStyle name="Обычный 2 3 2 4 3" xfId="12908"/>
    <cellStyle name="Обычный 2 3 2 4 3 10" xfId="12909"/>
    <cellStyle name="Обычный 2 3 2 4 3 2" xfId="12910"/>
    <cellStyle name="Обычный 2 3 2 4 3 2 2" xfId="12911"/>
    <cellStyle name="Обычный 2 3 2 4 3 2 2 2" xfId="12912"/>
    <cellStyle name="Обычный 2 3 2 4 3 2 2 2 2" xfId="12913"/>
    <cellStyle name="Обычный 2 3 2 4 3 2 2 3" xfId="12914"/>
    <cellStyle name="Обычный 2 3 2 4 3 2 2 3 2" xfId="12915"/>
    <cellStyle name="Обычный 2 3 2 4 3 2 2 4" xfId="12916"/>
    <cellStyle name="Обычный 2 3 2 4 3 2 3" xfId="12917"/>
    <cellStyle name="Обычный 2 3 2 4 3 2 3 2" xfId="12918"/>
    <cellStyle name="Обычный 2 3 2 4 3 2 4" xfId="12919"/>
    <cellStyle name="Обычный 2 3 2 4 3 2 4 2" xfId="12920"/>
    <cellStyle name="Обычный 2 3 2 4 3 2 5" xfId="12921"/>
    <cellStyle name="Обычный 2 3 2 4 3 2 5 2" xfId="12922"/>
    <cellStyle name="Обычный 2 3 2 4 3 2 6" xfId="12923"/>
    <cellStyle name="Обычный 2 3 2 4 3 3" xfId="12924"/>
    <cellStyle name="Обычный 2 3 2 4 3 3 2" xfId="12925"/>
    <cellStyle name="Обычный 2 3 2 4 3 3 2 2" xfId="12926"/>
    <cellStyle name="Обычный 2 3 2 4 3 3 2 2 2" xfId="12927"/>
    <cellStyle name="Обычный 2 3 2 4 3 3 2 3" xfId="12928"/>
    <cellStyle name="Обычный 2 3 2 4 3 3 2 3 2" xfId="12929"/>
    <cellStyle name="Обычный 2 3 2 4 3 3 2 4" xfId="12930"/>
    <cellStyle name="Обычный 2 3 2 4 3 3 3" xfId="12931"/>
    <cellStyle name="Обычный 2 3 2 4 3 3 3 2" xfId="12932"/>
    <cellStyle name="Обычный 2 3 2 4 3 3 4" xfId="12933"/>
    <cellStyle name="Обычный 2 3 2 4 3 3 4 2" xfId="12934"/>
    <cellStyle name="Обычный 2 3 2 4 3 3 5" xfId="12935"/>
    <cellStyle name="Обычный 2 3 2 4 3 3 5 2" xfId="12936"/>
    <cellStyle name="Обычный 2 3 2 4 3 3 6" xfId="12937"/>
    <cellStyle name="Обычный 2 3 2 4 3 4" xfId="12938"/>
    <cellStyle name="Обычный 2 3 2 4 3 4 2" xfId="12939"/>
    <cellStyle name="Обычный 2 3 2 4 3 4 2 2" xfId="12940"/>
    <cellStyle name="Обычный 2 3 2 4 3 4 2 2 2" xfId="12941"/>
    <cellStyle name="Обычный 2 3 2 4 3 4 2 3" xfId="12942"/>
    <cellStyle name="Обычный 2 3 2 4 3 4 2 3 2" xfId="12943"/>
    <cellStyle name="Обычный 2 3 2 4 3 4 2 4" xfId="12944"/>
    <cellStyle name="Обычный 2 3 2 4 3 4 3" xfId="12945"/>
    <cellStyle name="Обычный 2 3 2 4 3 4 3 2" xfId="12946"/>
    <cellStyle name="Обычный 2 3 2 4 3 4 4" xfId="12947"/>
    <cellStyle name="Обычный 2 3 2 4 3 4 4 2" xfId="12948"/>
    <cellStyle name="Обычный 2 3 2 4 3 4 5" xfId="12949"/>
    <cellStyle name="Обычный 2 3 2 4 3 4 5 2" xfId="12950"/>
    <cellStyle name="Обычный 2 3 2 4 3 4 6" xfId="12951"/>
    <cellStyle name="Обычный 2 3 2 4 3 5" xfId="12952"/>
    <cellStyle name="Обычный 2 3 2 4 3 5 2" xfId="12953"/>
    <cellStyle name="Обычный 2 3 2 4 3 5 2 2" xfId="12954"/>
    <cellStyle name="Обычный 2 3 2 4 3 5 2 2 2" xfId="12955"/>
    <cellStyle name="Обычный 2 3 2 4 3 5 2 3" xfId="12956"/>
    <cellStyle name="Обычный 2 3 2 4 3 5 2 3 2" xfId="12957"/>
    <cellStyle name="Обычный 2 3 2 4 3 5 2 4" xfId="12958"/>
    <cellStyle name="Обычный 2 3 2 4 3 5 3" xfId="12959"/>
    <cellStyle name="Обычный 2 3 2 4 3 5 3 2" xfId="12960"/>
    <cellStyle name="Обычный 2 3 2 4 3 5 4" xfId="12961"/>
    <cellStyle name="Обычный 2 3 2 4 3 5 4 2" xfId="12962"/>
    <cellStyle name="Обычный 2 3 2 4 3 5 5" xfId="12963"/>
    <cellStyle name="Обычный 2 3 2 4 3 5 5 2" xfId="12964"/>
    <cellStyle name="Обычный 2 3 2 4 3 5 6" xfId="12965"/>
    <cellStyle name="Обычный 2 3 2 4 3 6" xfId="12966"/>
    <cellStyle name="Обычный 2 3 2 4 3 6 2" xfId="12967"/>
    <cellStyle name="Обычный 2 3 2 4 3 6 2 2" xfId="12968"/>
    <cellStyle name="Обычный 2 3 2 4 3 6 3" xfId="12969"/>
    <cellStyle name="Обычный 2 3 2 4 3 6 3 2" xfId="12970"/>
    <cellStyle name="Обычный 2 3 2 4 3 6 4" xfId="12971"/>
    <cellStyle name="Обычный 2 3 2 4 3 7" xfId="12972"/>
    <cellStyle name="Обычный 2 3 2 4 3 7 2" xfId="12973"/>
    <cellStyle name="Обычный 2 3 2 4 3 8" xfId="12974"/>
    <cellStyle name="Обычный 2 3 2 4 3 8 2" xfId="12975"/>
    <cellStyle name="Обычный 2 3 2 4 3 9" xfId="12976"/>
    <cellStyle name="Обычный 2 3 2 4 3 9 2" xfId="12977"/>
    <cellStyle name="Обычный 2 3 2 4 4" xfId="12978"/>
    <cellStyle name="Обычный 2 3 2 4 4 2" xfId="12979"/>
    <cellStyle name="Обычный 2 3 2 4 4 2 2" xfId="12980"/>
    <cellStyle name="Обычный 2 3 2 4 4 2 2 2" xfId="12981"/>
    <cellStyle name="Обычный 2 3 2 4 4 2 2 2 2" xfId="12982"/>
    <cellStyle name="Обычный 2 3 2 4 4 2 2 3" xfId="12983"/>
    <cellStyle name="Обычный 2 3 2 4 4 2 2 3 2" xfId="12984"/>
    <cellStyle name="Обычный 2 3 2 4 4 2 2 4" xfId="12985"/>
    <cellStyle name="Обычный 2 3 2 4 4 2 3" xfId="12986"/>
    <cellStyle name="Обычный 2 3 2 4 4 2 3 2" xfId="12987"/>
    <cellStyle name="Обычный 2 3 2 4 4 2 4" xfId="12988"/>
    <cellStyle name="Обычный 2 3 2 4 4 2 4 2" xfId="12989"/>
    <cellStyle name="Обычный 2 3 2 4 4 2 5" xfId="12990"/>
    <cellStyle name="Обычный 2 3 2 4 4 2 5 2" xfId="12991"/>
    <cellStyle name="Обычный 2 3 2 4 4 2 6" xfId="12992"/>
    <cellStyle name="Обычный 2 3 2 4 4 3" xfId="12993"/>
    <cellStyle name="Обычный 2 3 2 4 4 3 2" xfId="12994"/>
    <cellStyle name="Обычный 2 3 2 4 4 3 2 2" xfId="12995"/>
    <cellStyle name="Обычный 2 3 2 4 4 3 2 2 2" xfId="12996"/>
    <cellStyle name="Обычный 2 3 2 4 4 3 2 3" xfId="12997"/>
    <cellStyle name="Обычный 2 3 2 4 4 3 2 3 2" xfId="12998"/>
    <cellStyle name="Обычный 2 3 2 4 4 3 2 4" xfId="12999"/>
    <cellStyle name="Обычный 2 3 2 4 4 3 3" xfId="13000"/>
    <cellStyle name="Обычный 2 3 2 4 4 3 3 2" xfId="13001"/>
    <cellStyle name="Обычный 2 3 2 4 4 3 4" xfId="13002"/>
    <cellStyle name="Обычный 2 3 2 4 4 3 4 2" xfId="13003"/>
    <cellStyle name="Обычный 2 3 2 4 4 3 5" xfId="13004"/>
    <cellStyle name="Обычный 2 3 2 4 4 3 5 2" xfId="13005"/>
    <cellStyle name="Обычный 2 3 2 4 4 3 6" xfId="13006"/>
    <cellStyle name="Обычный 2 3 2 4 4 4" xfId="13007"/>
    <cellStyle name="Обычный 2 3 2 4 4 4 2" xfId="13008"/>
    <cellStyle name="Обычный 2 3 2 4 4 4 2 2" xfId="13009"/>
    <cellStyle name="Обычный 2 3 2 4 4 4 2 2 2" xfId="13010"/>
    <cellStyle name="Обычный 2 3 2 4 4 4 2 3" xfId="13011"/>
    <cellStyle name="Обычный 2 3 2 4 4 4 2 3 2" xfId="13012"/>
    <cellStyle name="Обычный 2 3 2 4 4 4 2 4" xfId="13013"/>
    <cellStyle name="Обычный 2 3 2 4 4 4 3" xfId="13014"/>
    <cellStyle name="Обычный 2 3 2 4 4 4 3 2" xfId="13015"/>
    <cellStyle name="Обычный 2 3 2 4 4 4 4" xfId="13016"/>
    <cellStyle name="Обычный 2 3 2 4 4 4 4 2" xfId="13017"/>
    <cellStyle name="Обычный 2 3 2 4 4 4 5" xfId="13018"/>
    <cellStyle name="Обычный 2 3 2 4 4 4 5 2" xfId="13019"/>
    <cellStyle name="Обычный 2 3 2 4 4 4 6" xfId="13020"/>
    <cellStyle name="Обычный 2 3 2 4 4 5" xfId="13021"/>
    <cellStyle name="Обычный 2 3 2 4 4 5 2" xfId="13022"/>
    <cellStyle name="Обычный 2 3 2 4 4 5 2 2" xfId="13023"/>
    <cellStyle name="Обычный 2 3 2 4 4 5 3" xfId="13024"/>
    <cellStyle name="Обычный 2 3 2 4 4 5 3 2" xfId="13025"/>
    <cellStyle name="Обычный 2 3 2 4 4 5 4" xfId="13026"/>
    <cellStyle name="Обычный 2 3 2 4 4 6" xfId="13027"/>
    <cellStyle name="Обычный 2 3 2 4 4 6 2" xfId="13028"/>
    <cellStyle name="Обычный 2 3 2 4 4 7" xfId="13029"/>
    <cellStyle name="Обычный 2 3 2 4 4 7 2" xfId="13030"/>
    <cellStyle name="Обычный 2 3 2 4 4 8" xfId="13031"/>
    <cellStyle name="Обычный 2 3 2 4 4 8 2" xfId="13032"/>
    <cellStyle name="Обычный 2 3 2 4 4 9" xfId="13033"/>
    <cellStyle name="Обычный 2 3 2 4 5" xfId="13034"/>
    <cellStyle name="Обычный 2 3 2 4 5 2" xfId="13035"/>
    <cellStyle name="Обычный 2 3 2 4 5 2 2" xfId="13036"/>
    <cellStyle name="Обычный 2 3 2 4 5 2 2 2" xfId="13037"/>
    <cellStyle name="Обычный 2 3 2 4 5 2 3" xfId="13038"/>
    <cellStyle name="Обычный 2 3 2 4 5 2 3 2" xfId="13039"/>
    <cellStyle name="Обычный 2 3 2 4 5 2 4" xfId="13040"/>
    <cellStyle name="Обычный 2 3 2 4 5 3" xfId="13041"/>
    <cellStyle name="Обычный 2 3 2 4 5 3 2" xfId="13042"/>
    <cellStyle name="Обычный 2 3 2 4 5 4" xfId="13043"/>
    <cellStyle name="Обычный 2 3 2 4 5 4 2" xfId="13044"/>
    <cellStyle name="Обычный 2 3 2 4 5 5" xfId="13045"/>
    <cellStyle name="Обычный 2 3 2 4 5 5 2" xfId="13046"/>
    <cellStyle name="Обычный 2 3 2 4 5 6" xfId="13047"/>
    <cellStyle name="Обычный 2 3 2 4 6" xfId="13048"/>
    <cellStyle name="Обычный 2 3 2 4 6 2" xfId="13049"/>
    <cellStyle name="Обычный 2 3 2 4 6 2 2" xfId="13050"/>
    <cellStyle name="Обычный 2 3 2 4 6 2 2 2" xfId="13051"/>
    <cellStyle name="Обычный 2 3 2 4 6 2 3" xfId="13052"/>
    <cellStyle name="Обычный 2 3 2 4 6 2 3 2" xfId="13053"/>
    <cellStyle name="Обычный 2 3 2 4 6 2 4" xfId="13054"/>
    <cellStyle name="Обычный 2 3 2 4 6 3" xfId="13055"/>
    <cellStyle name="Обычный 2 3 2 4 6 3 2" xfId="13056"/>
    <cellStyle name="Обычный 2 3 2 4 6 4" xfId="13057"/>
    <cellStyle name="Обычный 2 3 2 4 6 4 2" xfId="13058"/>
    <cellStyle name="Обычный 2 3 2 4 6 5" xfId="13059"/>
    <cellStyle name="Обычный 2 3 2 4 6 5 2" xfId="13060"/>
    <cellStyle name="Обычный 2 3 2 4 6 6" xfId="13061"/>
    <cellStyle name="Обычный 2 3 2 4 7" xfId="13062"/>
    <cellStyle name="Обычный 2 3 2 4 7 2" xfId="13063"/>
    <cellStyle name="Обычный 2 3 2 4 7 2 2" xfId="13064"/>
    <cellStyle name="Обычный 2 3 2 4 7 2 2 2" xfId="13065"/>
    <cellStyle name="Обычный 2 3 2 4 7 2 3" xfId="13066"/>
    <cellStyle name="Обычный 2 3 2 4 7 2 3 2" xfId="13067"/>
    <cellStyle name="Обычный 2 3 2 4 7 2 4" xfId="13068"/>
    <cellStyle name="Обычный 2 3 2 4 7 3" xfId="13069"/>
    <cellStyle name="Обычный 2 3 2 4 7 3 2" xfId="13070"/>
    <cellStyle name="Обычный 2 3 2 4 7 4" xfId="13071"/>
    <cellStyle name="Обычный 2 3 2 4 7 4 2" xfId="13072"/>
    <cellStyle name="Обычный 2 3 2 4 7 5" xfId="13073"/>
    <cellStyle name="Обычный 2 3 2 4 7 5 2" xfId="13074"/>
    <cellStyle name="Обычный 2 3 2 4 7 6" xfId="13075"/>
    <cellStyle name="Обычный 2 3 2 4 8" xfId="13076"/>
    <cellStyle name="Обычный 2 3 2 4 8 2" xfId="13077"/>
    <cellStyle name="Обычный 2 3 2 4 8 2 2" xfId="13078"/>
    <cellStyle name="Обычный 2 3 2 4 8 2 2 2" xfId="13079"/>
    <cellStyle name="Обычный 2 3 2 4 8 2 3" xfId="13080"/>
    <cellStyle name="Обычный 2 3 2 4 8 2 3 2" xfId="13081"/>
    <cellStyle name="Обычный 2 3 2 4 8 2 4" xfId="13082"/>
    <cellStyle name="Обычный 2 3 2 4 8 3" xfId="13083"/>
    <cellStyle name="Обычный 2 3 2 4 8 3 2" xfId="13084"/>
    <cellStyle name="Обычный 2 3 2 4 8 4" xfId="13085"/>
    <cellStyle name="Обычный 2 3 2 4 8 4 2" xfId="13086"/>
    <cellStyle name="Обычный 2 3 2 4 8 5" xfId="13087"/>
    <cellStyle name="Обычный 2 3 2 4 8 5 2" xfId="13088"/>
    <cellStyle name="Обычный 2 3 2 4 8 6" xfId="13089"/>
    <cellStyle name="Обычный 2 3 2 4 9" xfId="13090"/>
    <cellStyle name="Обычный 2 3 2 4 9 2" xfId="13091"/>
    <cellStyle name="Обычный 2 3 2 4 9 2 2" xfId="13092"/>
    <cellStyle name="Обычный 2 3 2 4 9 3" xfId="13093"/>
    <cellStyle name="Обычный 2 3 2 4 9 3 2" xfId="13094"/>
    <cellStyle name="Обычный 2 3 2 4 9 4" xfId="13095"/>
    <cellStyle name="Обычный 2 3 2 5" xfId="13096"/>
    <cellStyle name="Обычный 2 3 2 5 10" xfId="13097"/>
    <cellStyle name="Обычный 2 3 2 5 10 2" xfId="13098"/>
    <cellStyle name="Обычный 2 3 2 5 10 2 2" xfId="13099"/>
    <cellStyle name="Обычный 2 3 2 5 10 3" xfId="13100"/>
    <cellStyle name="Обычный 2 3 2 5 11" xfId="13101"/>
    <cellStyle name="Обычный 2 3 2 5 11 2" xfId="13102"/>
    <cellStyle name="Обычный 2 3 2 5 12" xfId="13103"/>
    <cellStyle name="Обычный 2 3 2 5 12 2" xfId="13104"/>
    <cellStyle name="Обычный 2 3 2 5 13" xfId="13105"/>
    <cellStyle name="Обычный 2 3 2 5 14" xfId="13106"/>
    <cellStyle name="Обычный 2 3 2 5 2" xfId="13107"/>
    <cellStyle name="Обычный 2 3 2 5 2 10" xfId="13108"/>
    <cellStyle name="Обычный 2 3 2 5 2 10 2" xfId="13109"/>
    <cellStyle name="Обычный 2 3 2 5 2 11" xfId="13110"/>
    <cellStyle name="Обычный 2 3 2 5 2 11 2" xfId="13111"/>
    <cellStyle name="Обычный 2 3 2 5 2 12" xfId="13112"/>
    <cellStyle name="Обычный 2 3 2 5 2 13" xfId="13113"/>
    <cellStyle name="Обычный 2 3 2 5 2 2" xfId="13114"/>
    <cellStyle name="Обычный 2 3 2 5 2 2 10" xfId="13115"/>
    <cellStyle name="Обычный 2 3 2 5 2 2 2" xfId="13116"/>
    <cellStyle name="Обычный 2 3 2 5 2 2 2 2" xfId="13117"/>
    <cellStyle name="Обычный 2 3 2 5 2 2 2 2 2" xfId="13118"/>
    <cellStyle name="Обычный 2 3 2 5 2 2 2 2 2 2" xfId="13119"/>
    <cellStyle name="Обычный 2 3 2 5 2 2 2 2 3" xfId="13120"/>
    <cellStyle name="Обычный 2 3 2 5 2 2 2 2 3 2" xfId="13121"/>
    <cellStyle name="Обычный 2 3 2 5 2 2 2 2 4" xfId="13122"/>
    <cellStyle name="Обычный 2 3 2 5 2 2 2 3" xfId="13123"/>
    <cellStyle name="Обычный 2 3 2 5 2 2 2 3 2" xfId="13124"/>
    <cellStyle name="Обычный 2 3 2 5 2 2 2 4" xfId="13125"/>
    <cellStyle name="Обычный 2 3 2 5 2 2 2 4 2" xfId="13126"/>
    <cellStyle name="Обычный 2 3 2 5 2 2 2 5" xfId="13127"/>
    <cellStyle name="Обычный 2 3 2 5 2 2 2 5 2" xfId="13128"/>
    <cellStyle name="Обычный 2 3 2 5 2 2 2 6" xfId="13129"/>
    <cellStyle name="Обычный 2 3 2 5 2 2 3" xfId="13130"/>
    <cellStyle name="Обычный 2 3 2 5 2 2 3 2" xfId="13131"/>
    <cellStyle name="Обычный 2 3 2 5 2 2 3 2 2" xfId="13132"/>
    <cellStyle name="Обычный 2 3 2 5 2 2 3 2 2 2" xfId="13133"/>
    <cellStyle name="Обычный 2 3 2 5 2 2 3 2 3" xfId="13134"/>
    <cellStyle name="Обычный 2 3 2 5 2 2 3 2 3 2" xfId="13135"/>
    <cellStyle name="Обычный 2 3 2 5 2 2 3 2 4" xfId="13136"/>
    <cellStyle name="Обычный 2 3 2 5 2 2 3 3" xfId="13137"/>
    <cellStyle name="Обычный 2 3 2 5 2 2 3 3 2" xfId="13138"/>
    <cellStyle name="Обычный 2 3 2 5 2 2 3 4" xfId="13139"/>
    <cellStyle name="Обычный 2 3 2 5 2 2 3 4 2" xfId="13140"/>
    <cellStyle name="Обычный 2 3 2 5 2 2 3 5" xfId="13141"/>
    <cellStyle name="Обычный 2 3 2 5 2 2 3 5 2" xfId="13142"/>
    <cellStyle name="Обычный 2 3 2 5 2 2 3 6" xfId="13143"/>
    <cellStyle name="Обычный 2 3 2 5 2 2 4" xfId="13144"/>
    <cellStyle name="Обычный 2 3 2 5 2 2 4 2" xfId="13145"/>
    <cellStyle name="Обычный 2 3 2 5 2 2 4 2 2" xfId="13146"/>
    <cellStyle name="Обычный 2 3 2 5 2 2 4 2 2 2" xfId="13147"/>
    <cellStyle name="Обычный 2 3 2 5 2 2 4 2 3" xfId="13148"/>
    <cellStyle name="Обычный 2 3 2 5 2 2 4 2 3 2" xfId="13149"/>
    <cellStyle name="Обычный 2 3 2 5 2 2 4 2 4" xfId="13150"/>
    <cellStyle name="Обычный 2 3 2 5 2 2 4 3" xfId="13151"/>
    <cellStyle name="Обычный 2 3 2 5 2 2 4 3 2" xfId="13152"/>
    <cellStyle name="Обычный 2 3 2 5 2 2 4 4" xfId="13153"/>
    <cellStyle name="Обычный 2 3 2 5 2 2 4 4 2" xfId="13154"/>
    <cellStyle name="Обычный 2 3 2 5 2 2 4 5" xfId="13155"/>
    <cellStyle name="Обычный 2 3 2 5 2 2 4 5 2" xfId="13156"/>
    <cellStyle name="Обычный 2 3 2 5 2 2 4 6" xfId="13157"/>
    <cellStyle name="Обычный 2 3 2 5 2 2 5" xfId="13158"/>
    <cellStyle name="Обычный 2 3 2 5 2 2 5 2" xfId="13159"/>
    <cellStyle name="Обычный 2 3 2 5 2 2 5 2 2" xfId="13160"/>
    <cellStyle name="Обычный 2 3 2 5 2 2 5 2 2 2" xfId="13161"/>
    <cellStyle name="Обычный 2 3 2 5 2 2 5 2 3" xfId="13162"/>
    <cellStyle name="Обычный 2 3 2 5 2 2 5 2 3 2" xfId="13163"/>
    <cellStyle name="Обычный 2 3 2 5 2 2 5 2 4" xfId="13164"/>
    <cellStyle name="Обычный 2 3 2 5 2 2 5 3" xfId="13165"/>
    <cellStyle name="Обычный 2 3 2 5 2 2 5 3 2" xfId="13166"/>
    <cellStyle name="Обычный 2 3 2 5 2 2 5 4" xfId="13167"/>
    <cellStyle name="Обычный 2 3 2 5 2 2 5 4 2" xfId="13168"/>
    <cellStyle name="Обычный 2 3 2 5 2 2 5 5" xfId="13169"/>
    <cellStyle name="Обычный 2 3 2 5 2 2 5 5 2" xfId="13170"/>
    <cellStyle name="Обычный 2 3 2 5 2 2 5 6" xfId="13171"/>
    <cellStyle name="Обычный 2 3 2 5 2 2 6" xfId="13172"/>
    <cellStyle name="Обычный 2 3 2 5 2 2 6 2" xfId="13173"/>
    <cellStyle name="Обычный 2 3 2 5 2 2 6 2 2" xfId="13174"/>
    <cellStyle name="Обычный 2 3 2 5 2 2 6 3" xfId="13175"/>
    <cellStyle name="Обычный 2 3 2 5 2 2 6 3 2" xfId="13176"/>
    <cellStyle name="Обычный 2 3 2 5 2 2 6 4" xfId="13177"/>
    <cellStyle name="Обычный 2 3 2 5 2 2 7" xfId="13178"/>
    <cellStyle name="Обычный 2 3 2 5 2 2 7 2" xfId="13179"/>
    <cellStyle name="Обычный 2 3 2 5 2 2 8" xfId="13180"/>
    <cellStyle name="Обычный 2 3 2 5 2 2 8 2" xfId="13181"/>
    <cellStyle name="Обычный 2 3 2 5 2 2 9" xfId="13182"/>
    <cellStyle name="Обычный 2 3 2 5 2 2 9 2" xfId="13183"/>
    <cellStyle name="Обычный 2 3 2 5 2 3" xfId="13184"/>
    <cellStyle name="Обычный 2 3 2 5 2 3 2" xfId="13185"/>
    <cellStyle name="Обычный 2 3 2 5 2 3 2 2" xfId="13186"/>
    <cellStyle name="Обычный 2 3 2 5 2 3 2 2 2" xfId="13187"/>
    <cellStyle name="Обычный 2 3 2 5 2 3 2 2 2 2" xfId="13188"/>
    <cellStyle name="Обычный 2 3 2 5 2 3 2 2 3" xfId="13189"/>
    <cellStyle name="Обычный 2 3 2 5 2 3 2 2 3 2" xfId="13190"/>
    <cellStyle name="Обычный 2 3 2 5 2 3 2 2 4" xfId="13191"/>
    <cellStyle name="Обычный 2 3 2 5 2 3 2 3" xfId="13192"/>
    <cellStyle name="Обычный 2 3 2 5 2 3 2 3 2" xfId="13193"/>
    <cellStyle name="Обычный 2 3 2 5 2 3 2 4" xfId="13194"/>
    <cellStyle name="Обычный 2 3 2 5 2 3 2 4 2" xfId="13195"/>
    <cellStyle name="Обычный 2 3 2 5 2 3 2 5" xfId="13196"/>
    <cellStyle name="Обычный 2 3 2 5 2 3 2 5 2" xfId="13197"/>
    <cellStyle name="Обычный 2 3 2 5 2 3 2 6" xfId="13198"/>
    <cellStyle name="Обычный 2 3 2 5 2 3 3" xfId="13199"/>
    <cellStyle name="Обычный 2 3 2 5 2 3 3 2" xfId="13200"/>
    <cellStyle name="Обычный 2 3 2 5 2 3 3 2 2" xfId="13201"/>
    <cellStyle name="Обычный 2 3 2 5 2 3 3 2 2 2" xfId="13202"/>
    <cellStyle name="Обычный 2 3 2 5 2 3 3 2 3" xfId="13203"/>
    <cellStyle name="Обычный 2 3 2 5 2 3 3 2 3 2" xfId="13204"/>
    <cellStyle name="Обычный 2 3 2 5 2 3 3 2 4" xfId="13205"/>
    <cellStyle name="Обычный 2 3 2 5 2 3 3 3" xfId="13206"/>
    <cellStyle name="Обычный 2 3 2 5 2 3 3 3 2" xfId="13207"/>
    <cellStyle name="Обычный 2 3 2 5 2 3 3 4" xfId="13208"/>
    <cellStyle name="Обычный 2 3 2 5 2 3 3 4 2" xfId="13209"/>
    <cellStyle name="Обычный 2 3 2 5 2 3 3 5" xfId="13210"/>
    <cellStyle name="Обычный 2 3 2 5 2 3 3 5 2" xfId="13211"/>
    <cellStyle name="Обычный 2 3 2 5 2 3 3 6" xfId="13212"/>
    <cellStyle name="Обычный 2 3 2 5 2 3 4" xfId="13213"/>
    <cellStyle name="Обычный 2 3 2 5 2 3 4 2" xfId="13214"/>
    <cellStyle name="Обычный 2 3 2 5 2 3 4 2 2" xfId="13215"/>
    <cellStyle name="Обычный 2 3 2 5 2 3 4 2 2 2" xfId="13216"/>
    <cellStyle name="Обычный 2 3 2 5 2 3 4 2 3" xfId="13217"/>
    <cellStyle name="Обычный 2 3 2 5 2 3 4 2 3 2" xfId="13218"/>
    <cellStyle name="Обычный 2 3 2 5 2 3 4 2 4" xfId="13219"/>
    <cellStyle name="Обычный 2 3 2 5 2 3 4 3" xfId="13220"/>
    <cellStyle name="Обычный 2 3 2 5 2 3 4 3 2" xfId="13221"/>
    <cellStyle name="Обычный 2 3 2 5 2 3 4 4" xfId="13222"/>
    <cellStyle name="Обычный 2 3 2 5 2 3 4 4 2" xfId="13223"/>
    <cellStyle name="Обычный 2 3 2 5 2 3 4 5" xfId="13224"/>
    <cellStyle name="Обычный 2 3 2 5 2 3 4 5 2" xfId="13225"/>
    <cellStyle name="Обычный 2 3 2 5 2 3 4 6" xfId="13226"/>
    <cellStyle name="Обычный 2 3 2 5 2 3 5" xfId="13227"/>
    <cellStyle name="Обычный 2 3 2 5 2 3 5 2" xfId="13228"/>
    <cellStyle name="Обычный 2 3 2 5 2 3 5 2 2" xfId="13229"/>
    <cellStyle name="Обычный 2 3 2 5 2 3 5 3" xfId="13230"/>
    <cellStyle name="Обычный 2 3 2 5 2 3 5 3 2" xfId="13231"/>
    <cellStyle name="Обычный 2 3 2 5 2 3 5 4" xfId="13232"/>
    <cellStyle name="Обычный 2 3 2 5 2 3 6" xfId="13233"/>
    <cellStyle name="Обычный 2 3 2 5 2 3 6 2" xfId="13234"/>
    <cellStyle name="Обычный 2 3 2 5 2 3 7" xfId="13235"/>
    <cellStyle name="Обычный 2 3 2 5 2 3 7 2" xfId="13236"/>
    <cellStyle name="Обычный 2 3 2 5 2 3 8" xfId="13237"/>
    <cellStyle name="Обычный 2 3 2 5 2 3 8 2" xfId="13238"/>
    <cellStyle name="Обычный 2 3 2 5 2 3 9" xfId="13239"/>
    <cellStyle name="Обычный 2 3 2 5 2 4" xfId="13240"/>
    <cellStyle name="Обычный 2 3 2 5 2 4 2" xfId="13241"/>
    <cellStyle name="Обычный 2 3 2 5 2 4 2 2" xfId="13242"/>
    <cellStyle name="Обычный 2 3 2 5 2 4 2 2 2" xfId="13243"/>
    <cellStyle name="Обычный 2 3 2 5 2 4 2 3" xfId="13244"/>
    <cellStyle name="Обычный 2 3 2 5 2 4 2 3 2" xfId="13245"/>
    <cellStyle name="Обычный 2 3 2 5 2 4 2 4" xfId="13246"/>
    <cellStyle name="Обычный 2 3 2 5 2 4 3" xfId="13247"/>
    <cellStyle name="Обычный 2 3 2 5 2 4 3 2" xfId="13248"/>
    <cellStyle name="Обычный 2 3 2 5 2 4 4" xfId="13249"/>
    <cellStyle name="Обычный 2 3 2 5 2 4 4 2" xfId="13250"/>
    <cellStyle name="Обычный 2 3 2 5 2 4 5" xfId="13251"/>
    <cellStyle name="Обычный 2 3 2 5 2 4 5 2" xfId="13252"/>
    <cellStyle name="Обычный 2 3 2 5 2 4 6" xfId="13253"/>
    <cellStyle name="Обычный 2 3 2 5 2 5" xfId="13254"/>
    <cellStyle name="Обычный 2 3 2 5 2 5 2" xfId="13255"/>
    <cellStyle name="Обычный 2 3 2 5 2 5 2 2" xfId="13256"/>
    <cellStyle name="Обычный 2 3 2 5 2 5 2 2 2" xfId="13257"/>
    <cellStyle name="Обычный 2 3 2 5 2 5 2 3" xfId="13258"/>
    <cellStyle name="Обычный 2 3 2 5 2 5 2 3 2" xfId="13259"/>
    <cellStyle name="Обычный 2 3 2 5 2 5 2 4" xfId="13260"/>
    <cellStyle name="Обычный 2 3 2 5 2 5 3" xfId="13261"/>
    <cellStyle name="Обычный 2 3 2 5 2 5 3 2" xfId="13262"/>
    <cellStyle name="Обычный 2 3 2 5 2 5 4" xfId="13263"/>
    <cellStyle name="Обычный 2 3 2 5 2 5 4 2" xfId="13264"/>
    <cellStyle name="Обычный 2 3 2 5 2 5 5" xfId="13265"/>
    <cellStyle name="Обычный 2 3 2 5 2 5 5 2" xfId="13266"/>
    <cellStyle name="Обычный 2 3 2 5 2 5 6" xfId="13267"/>
    <cellStyle name="Обычный 2 3 2 5 2 6" xfId="13268"/>
    <cellStyle name="Обычный 2 3 2 5 2 6 2" xfId="13269"/>
    <cellStyle name="Обычный 2 3 2 5 2 6 2 2" xfId="13270"/>
    <cellStyle name="Обычный 2 3 2 5 2 6 2 2 2" xfId="13271"/>
    <cellStyle name="Обычный 2 3 2 5 2 6 2 3" xfId="13272"/>
    <cellStyle name="Обычный 2 3 2 5 2 6 2 3 2" xfId="13273"/>
    <cellStyle name="Обычный 2 3 2 5 2 6 2 4" xfId="13274"/>
    <cellStyle name="Обычный 2 3 2 5 2 6 3" xfId="13275"/>
    <cellStyle name="Обычный 2 3 2 5 2 6 3 2" xfId="13276"/>
    <cellStyle name="Обычный 2 3 2 5 2 6 4" xfId="13277"/>
    <cellStyle name="Обычный 2 3 2 5 2 6 4 2" xfId="13278"/>
    <cellStyle name="Обычный 2 3 2 5 2 6 5" xfId="13279"/>
    <cellStyle name="Обычный 2 3 2 5 2 6 5 2" xfId="13280"/>
    <cellStyle name="Обычный 2 3 2 5 2 6 6" xfId="13281"/>
    <cellStyle name="Обычный 2 3 2 5 2 7" xfId="13282"/>
    <cellStyle name="Обычный 2 3 2 5 2 7 2" xfId="13283"/>
    <cellStyle name="Обычный 2 3 2 5 2 7 2 2" xfId="13284"/>
    <cellStyle name="Обычный 2 3 2 5 2 7 2 2 2" xfId="13285"/>
    <cellStyle name="Обычный 2 3 2 5 2 7 2 3" xfId="13286"/>
    <cellStyle name="Обычный 2 3 2 5 2 7 2 3 2" xfId="13287"/>
    <cellStyle name="Обычный 2 3 2 5 2 7 2 4" xfId="13288"/>
    <cellStyle name="Обычный 2 3 2 5 2 7 3" xfId="13289"/>
    <cellStyle name="Обычный 2 3 2 5 2 7 3 2" xfId="13290"/>
    <cellStyle name="Обычный 2 3 2 5 2 7 4" xfId="13291"/>
    <cellStyle name="Обычный 2 3 2 5 2 7 4 2" xfId="13292"/>
    <cellStyle name="Обычный 2 3 2 5 2 7 5" xfId="13293"/>
    <cellStyle name="Обычный 2 3 2 5 2 7 5 2" xfId="13294"/>
    <cellStyle name="Обычный 2 3 2 5 2 7 6" xfId="13295"/>
    <cellStyle name="Обычный 2 3 2 5 2 8" xfId="13296"/>
    <cellStyle name="Обычный 2 3 2 5 2 8 2" xfId="13297"/>
    <cellStyle name="Обычный 2 3 2 5 2 8 2 2" xfId="13298"/>
    <cellStyle name="Обычный 2 3 2 5 2 8 3" xfId="13299"/>
    <cellStyle name="Обычный 2 3 2 5 2 8 3 2" xfId="13300"/>
    <cellStyle name="Обычный 2 3 2 5 2 8 4" xfId="13301"/>
    <cellStyle name="Обычный 2 3 2 5 2 9" xfId="13302"/>
    <cellStyle name="Обычный 2 3 2 5 2 9 2" xfId="13303"/>
    <cellStyle name="Обычный 2 3 2 5 2 9 2 2" xfId="13304"/>
    <cellStyle name="Обычный 2 3 2 5 2 9 3" xfId="13305"/>
    <cellStyle name="Обычный 2 3 2 5 3" xfId="13306"/>
    <cellStyle name="Обычный 2 3 2 5 3 10" xfId="13307"/>
    <cellStyle name="Обычный 2 3 2 5 3 2" xfId="13308"/>
    <cellStyle name="Обычный 2 3 2 5 3 2 2" xfId="13309"/>
    <cellStyle name="Обычный 2 3 2 5 3 2 2 2" xfId="13310"/>
    <cellStyle name="Обычный 2 3 2 5 3 2 2 2 2" xfId="13311"/>
    <cellStyle name="Обычный 2 3 2 5 3 2 2 3" xfId="13312"/>
    <cellStyle name="Обычный 2 3 2 5 3 2 2 3 2" xfId="13313"/>
    <cellStyle name="Обычный 2 3 2 5 3 2 2 4" xfId="13314"/>
    <cellStyle name="Обычный 2 3 2 5 3 2 3" xfId="13315"/>
    <cellStyle name="Обычный 2 3 2 5 3 2 3 2" xfId="13316"/>
    <cellStyle name="Обычный 2 3 2 5 3 2 4" xfId="13317"/>
    <cellStyle name="Обычный 2 3 2 5 3 2 4 2" xfId="13318"/>
    <cellStyle name="Обычный 2 3 2 5 3 2 5" xfId="13319"/>
    <cellStyle name="Обычный 2 3 2 5 3 2 5 2" xfId="13320"/>
    <cellStyle name="Обычный 2 3 2 5 3 2 6" xfId="13321"/>
    <cellStyle name="Обычный 2 3 2 5 3 3" xfId="13322"/>
    <cellStyle name="Обычный 2 3 2 5 3 3 2" xfId="13323"/>
    <cellStyle name="Обычный 2 3 2 5 3 3 2 2" xfId="13324"/>
    <cellStyle name="Обычный 2 3 2 5 3 3 2 2 2" xfId="13325"/>
    <cellStyle name="Обычный 2 3 2 5 3 3 2 3" xfId="13326"/>
    <cellStyle name="Обычный 2 3 2 5 3 3 2 3 2" xfId="13327"/>
    <cellStyle name="Обычный 2 3 2 5 3 3 2 4" xfId="13328"/>
    <cellStyle name="Обычный 2 3 2 5 3 3 3" xfId="13329"/>
    <cellStyle name="Обычный 2 3 2 5 3 3 3 2" xfId="13330"/>
    <cellStyle name="Обычный 2 3 2 5 3 3 4" xfId="13331"/>
    <cellStyle name="Обычный 2 3 2 5 3 3 4 2" xfId="13332"/>
    <cellStyle name="Обычный 2 3 2 5 3 3 5" xfId="13333"/>
    <cellStyle name="Обычный 2 3 2 5 3 3 5 2" xfId="13334"/>
    <cellStyle name="Обычный 2 3 2 5 3 3 6" xfId="13335"/>
    <cellStyle name="Обычный 2 3 2 5 3 4" xfId="13336"/>
    <cellStyle name="Обычный 2 3 2 5 3 4 2" xfId="13337"/>
    <cellStyle name="Обычный 2 3 2 5 3 4 2 2" xfId="13338"/>
    <cellStyle name="Обычный 2 3 2 5 3 4 2 2 2" xfId="13339"/>
    <cellStyle name="Обычный 2 3 2 5 3 4 2 3" xfId="13340"/>
    <cellStyle name="Обычный 2 3 2 5 3 4 2 3 2" xfId="13341"/>
    <cellStyle name="Обычный 2 3 2 5 3 4 2 4" xfId="13342"/>
    <cellStyle name="Обычный 2 3 2 5 3 4 3" xfId="13343"/>
    <cellStyle name="Обычный 2 3 2 5 3 4 3 2" xfId="13344"/>
    <cellStyle name="Обычный 2 3 2 5 3 4 4" xfId="13345"/>
    <cellStyle name="Обычный 2 3 2 5 3 4 4 2" xfId="13346"/>
    <cellStyle name="Обычный 2 3 2 5 3 4 5" xfId="13347"/>
    <cellStyle name="Обычный 2 3 2 5 3 4 5 2" xfId="13348"/>
    <cellStyle name="Обычный 2 3 2 5 3 4 6" xfId="13349"/>
    <cellStyle name="Обычный 2 3 2 5 3 5" xfId="13350"/>
    <cellStyle name="Обычный 2 3 2 5 3 5 2" xfId="13351"/>
    <cellStyle name="Обычный 2 3 2 5 3 5 2 2" xfId="13352"/>
    <cellStyle name="Обычный 2 3 2 5 3 5 2 2 2" xfId="13353"/>
    <cellStyle name="Обычный 2 3 2 5 3 5 2 3" xfId="13354"/>
    <cellStyle name="Обычный 2 3 2 5 3 5 2 3 2" xfId="13355"/>
    <cellStyle name="Обычный 2 3 2 5 3 5 2 4" xfId="13356"/>
    <cellStyle name="Обычный 2 3 2 5 3 5 3" xfId="13357"/>
    <cellStyle name="Обычный 2 3 2 5 3 5 3 2" xfId="13358"/>
    <cellStyle name="Обычный 2 3 2 5 3 5 4" xfId="13359"/>
    <cellStyle name="Обычный 2 3 2 5 3 5 4 2" xfId="13360"/>
    <cellStyle name="Обычный 2 3 2 5 3 5 5" xfId="13361"/>
    <cellStyle name="Обычный 2 3 2 5 3 5 5 2" xfId="13362"/>
    <cellStyle name="Обычный 2 3 2 5 3 5 6" xfId="13363"/>
    <cellStyle name="Обычный 2 3 2 5 3 6" xfId="13364"/>
    <cellStyle name="Обычный 2 3 2 5 3 6 2" xfId="13365"/>
    <cellStyle name="Обычный 2 3 2 5 3 6 2 2" xfId="13366"/>
    <cellStyle name="Обычный 2 3 2 5 3 6 3" xfId="13367"/>
    <cellStyle name="Обычный 2 3 2 5 3 6 3 2" xfId="13368"/>
    <cellStyle name="Обычный 2 3 2 5 3 6 4" xfId="13369"/>
    <cellStyle name="Обычный 2 3 2 5 3 7" xfId="13370"/>
    <cellStyle name="Обычный 2 3 2 5 3 7 2" xfId="13371"/>
    <cellStyle name="Обычный 2 3 2 5 3 8" xfId="13372"/>
    <cellStyle name="Обычный 2 3 2 5 3 8 2" xfId="13373"/>
    <cellStyle name="Обычный 2 3 2 5 3 9" xfId="13374"/>
    <cellStyle name="Обычный 2 3 2 5 3 9 2" xfId="13375"/>
    <cellStyle name="Обычный 2 3 2 5 4" xfId="13376"/>
    <cellStyle name="Обычный 2 3 2 5 4 2" xfId="13377"/>
    <cellStyle name="Обычный 2 3 2 5 4 2 2" xfId="13378"/>
    <cellStyle name="Обычный 2 3 2 5 4 2 2 2" xfId="13379"/>
    <cellStyle name="Обычный 2 3 2 5 4 2 2 2 2" xfId="13380"/>
    <cellStyle name="Обычный 2 3 2 5 4 2 2 3" xfId="13381"/>
    <cellStyle name="Обычный 2 3 2 5 4 2 2 3 2" xfId="13382"/>
    <cellStyle name="Обычный 2 3 2 5 4 2 2 4" xfId="13383"/>
    <cellStyle name="Обычный 2 3 2 5 4 2 3" xfId="13384"/>
    <cellStyle name="Обычный 2 3 2 5 4 2 3 2" xfId="13385"/>
    <cellStyle name="Обычный 2 3 2 5 4 2 4" xfId="13386"/>
    <cellStyle name="Обычный 2 3 2 5 4 2 4 2" xfId="13387"/>
    <cellStyle name="Обычный 2 3 2 5 4 2 5" xfId="13388"/>
    <cellStyle name="Обычный 2 3 2 5 4 2 5 2" xfId="13389"/>
    <cellStyle name="Обычный 2 3 2 5 4 2 6" xfId="13390"/>
    <cellStyle name="Обычный 2 3 2 5 4 3" xfId="13391"/>
    <cellStyle name="Обычный 2 3 2 5 4 3 2" xfId="13392"/>
    <cellStyle name="Обычный 2 3 2 5 4 3 2 2" xfId="13393"/>
    <cellStyle name="Обычный 2 3 2 5 4 3 2 2 2" xfId="13394"/>
    <cellStyle name="Обычный 2 3 2 5 4 3 2 3" xfId="13395"/>
    <cellStyle name="Обычный 2 3 2 5 4 3 2 3 2" xfId="13396"/>
    <cellStyle name="Обычный 2 3 2 5 4 3 2 4" xfId="13397"/>
    <cellStyle name="Обычный 2 3 2 5 4 3 3" xfId="13398"/>
    <cellStyle name="Обычный 2 3 2 5 4 3 3 2" xfId="13399"/>
    <cellStyle name="Обычный 2 3 2 5 4 3 4" xfId="13400"/>
    <cellStyle name="Обычный 2 3 2 5 4 3 4 2" xfId="13401"/>
    <cellStyle name="Обычный 2 3 2 5 4 3 5" xfId="13402"/>
    <cellStyle name="Обычный 2 3 2 5 4 3 5 2" xfId="13403"/>
    <cellStyle name="Обычный 2 3 2 5 4 3 6" xfId="13404"/>
    <cellStyle name="Обычный 2 3 2 5 4 4" xfId="13405"/>
    <cellStyle name="Обычный 2 3 2 5 4 4 2" xfId="13406"/>
    <cellStyle name="Обычный 2 3 2 5 4 4 2 2" xfId="13407"/>
    <cellStyle name="Обычный 2 3 2 5 4 4 2 2 2" xfId="13408"/>
    <cellStyle name="Обычный 2 3 2 5 4 4 2 3" xfId="13409"/>
    <cellStyle name="Обычный 2 3 2 5 4 4 2 3 2" xfId="13410"/>
    <cellStyle name="Обычный 2 3 2 5 4 4 2 4" xfId="13411"/>
    <cellStyle name="Обычный 2 3 2 5 4 4 3" xfId="13412"/>
    <cellStyle name="Обычный 2 3 2 5 4 4 3 2" xfId="13413"/>
    <cellStyle name="Обычный 2 3 2 5 4 4 4" xfId="13414"/>
    <cellStyle name="Обычный 2 3 2 5 4 4 4 2" xfId="13415"/>
    <cellStyle name="Обычный 2 3 2 5 4 4 5" xfId="13416"/>
    <cellStyle name="Обычный 2 3 2 5 4 4 5 2" xfId="13417"/>
    <cellStyle name="Обычный 2 3 2 5 4 4 6" xfId="13418"/>
    <cellStyle name="Обычный 2 3 2 5 4 5" xfId="13419"/>
    <cellStyle name="Обычный 2 3 2 5 4 5 2" xfId="13420"/>
    <cellStyle name="Обычный 2 3 2 5 4 5 2 2" xfId="13421"/>
    <cellStyle name="Обычный 2 3 2 5 4 5 3" xfId="13422"/>
    <cellStyle name="Обычный 2 3 2 5 4 5 3 2" xfId="13423"/>
    <cellStyle name="Обычный 2 3 2 5 4 5 4" xfId="13424"/>
    <cellStyle name="Обычный 2 3 2 5 4 6" xfId="13425"/>
    <cellStyle name="Обычный 2 3 2 5 4 6 2" xfId="13426"/>
    <cellStyle name="Обычный 2 3 2 5 4 7" xfId="13427"/>
    <cellStyle name="Обычный 2 3 2 5 4 7 2" xfId="13428"/>
    <cellStyle name="Обычный 2 3 2 5 4 8" xfId="13429"/>
    <cellStyle name="Обычный 2 3 2 5 4 8 2" xfId="13430"/>
    <cellStyle name="Обычный 2 3 2 5 4 9" xfId="13431"/>
    <cellStyle name="Обычный 2 3 2 5 5" xfId="13432"/>
    <cellStyle name="Обычный 2 3 2 5 5 2" xfId="13433"/>
    <cellStyle name="Обычный 2 3 2 5 5 2 2" xfId="13434"/>
    <cellStyle name="Обычный 2 3 2 5 5 2 2 2" xfId="13435"/>
    <cellStyle name="Обычный 2 3 2 5 5 2 3" xfId="13436"/>
    <cellStyle name="Обычный 2 3 2 5 5 2 3 2" xfId="13437"/>
    <cellStyle name="Обычный 2 3 2 5 5 2 4" xfId="13438"/>
    <cellStyle name="Обычный 2 3 2 5 5 3" xfId="13439"/>
    <cellStyle name="Обычный 2 3 2 5 5 3 2" xfId="13440"/>
    <cellStyle name="Обычный 2 3 2 5 5 4" xfId="13441"/>
    <cellStyle name="Обычный 2 3 2 5 5 4 2" xfId="13442"/>
    <cellStyle name="Обычный 2 3 2 5 5 5" xfId="13443"/>
    <cellStyle name="Обычный 2 3 2 5 5 5 2" xfId="13444"/>
    <cellStyle name="Обычный 2 3 2 5 5 6" xfId="13445"/>
    <cellStyle name="Обычный 2 3 2 5 6" xfId="13446"/>
    <cellStyle name="Обычный 2 3 2 5 6 2" xfId="13447"/>
    <cellStyle name="Обычный 2 3 2 5 6 2 2" xfId="13448"/>
    <cellStyle name="Обычный 2 3 2 5 6 2 2 2" xfId="13449"/>
    <cellStyle name="Обычный 2 3 2 5 6 2 3" xfId="13450"/>
    <cellStyle name="Обычный 2 3 2 5 6 2 3 2" xfId="13451"/>
    <cellStyle name="Обычный 2 3 2 5 6 2 4" xfId="13452"/>
    <cellStyle name="Обычный 2 3 2 5 6 3" xfId="13453"/>
    <cellStyle name="Обычный 2 3 2 5 6 3 2" xfId="13454"/>
    <cellStyle name="Обычный 2 3 2 5 6 4" xfId="13455"/>
    <cellStyle name="Обычный 2 3 2 5 6 4 2" xfId="13456"/>
    <cellStyle name="Обычный 2 3 2 5 6 5" xfId="13457"/>
    <cellStyle name="Обычный 2 3 2 5 6 5 2" xfId="13458"/>
    <cellStyle name="Обычный 2 3 2 5 6 6" xfId="13459"/>
    <cellStyle name="Обычный 2 3 2 5 7" xfId="13460"/>
    <cellStyle name="Обычный 2 3 2 5 7 2" xfId="13461"/>
    <cellStyle name="Обычный 2 3 2 5 7 2 2" xfId="13462"/>
    <cellStyle name="Обычный 2 3 2 5 7 2 2 2" xfId="13463"/>
    <cellStyle name="Обычный 2 3 2 5 7 2 3" xfId="13464"/>
    <cellStyle name="Обычный 2 3 2 5 7 2 3 2" xfId="13465"/>
    <cellStyle name="Обычный 2 3 2 5 7 2 4" xfId="13466"/>
    <cellStyle name="Обычный 2 3 2 5 7 3" xfId="13467"/>
    <cellStyle name="Обычный 2 3 2 5 7 3 2" xfId="13468"/>
    <cellStyle name="Обычный 2 3 2 5 7 4" xfId="13469"/>
    <cellStyle name="Обычный 2 3 2 5 7 4 2" xfId="13470"/>
    <cellStyle name="Обычный 2 3 2 5 7 5" xfId="13471"/>
    <cellStyle name="Обычный 2 3 2 5 7 5 2" xfId="13472"/>
    <cellStyle name="Обычный 2 3 2 5 7 6" xfId="13473"/>
    <cellStyle name="Обычный 2 3 2 5 8" xfId="13474"/>
    <cellStyle name="Обычный 2 3 2 5 8 2" xfId="13475"/>
    <cellStyle name="Обычный 2 3 2 5 8 2 2" xfId="13476"/>
    <cellStyle name="Обычный 2 3 2 5 8 2 2 2" xfId="13477"/>
    <cellStyle name="Обычный 2 3 2 5 8 2 3" xfId="13478"/>
    <cellStyle name="Обычный 2 3 2 5 8 2 3 2" xfId="13479"/>
    <cellStyle name="Обычный 2 3 2 5 8 2 4" xfId="13480"/>
    <cellStyle name="Обычный 2 3 2 5 8 3" xfId="13481"/>
    <cellStyle name="Обычный 2 3 2 5 8 3 2" xfId="13482"/>
    <cellStyle name="Обычный 2 3 2 5 8 4" xfId="13483"/>
    <cellStyle name="Обычный 2 3 2 5 8 4 2" xfId="13484"/>
    <cellStyle name="Обычный 2 3 2 5 8 5" xfId="13485"/>
    <cellStyle name="Обычный 2 3 2 5 8 5 2" xfId="13486"/>
    <cellStyle name="Обычный 2 3 2 5 8 6" xfId="13487"/>
    <cellStyle name="Обычный 2 3 2 5 9" xfId="13488"/>
    <cellStyle name="Обычный 2 3 2 5 9 2" xfId="13489"/>
    <cellStyle name="Обычный 2 3 2 5 9 2 2" xfId="13490"/>
    <cellStyle name="Обычный 2 3 2 5 9 3" xfId="13491"/>
    <cellStyle name="Обычный 2 3 2 5 9 3 2" xfId="13492"/>
    <cellStyle name="Обычный 2 3 2 5 9 4" xfId="13493"/>
    <cellStyle name="Обычный 2 3 2 6" xfId="13494"/>
    <cellStyle name="Обычный 2 3 2 6 10" xfId="13495"/>
    <cellStyle name="Обычный 2 3 2 6 10 2" xfId="13496"/>
    <cellStyle name="Обычный 2 3 2 6 10 2 2" xfId="13497"/>
    <cellStyle name="Обычный 2 3 2 6 10 3" xfId="13498"/>
    <cellStyle name="Обычный 2 3 2 6 11" xfId="13499"/>
    <cellStyle name="Обычный 2 3 2 6 11 2" xfId="13500"/>
    <cellStyle name="Обычный 2 3 2 6 12" xfId="13501"/>
    <cellStyle name="Обычный 2 3 2 6 12 2" xfId="13502"/>
    <cellStyle name="Обычный 2 3 2 6 13" xfId="13503"/>
    <cellStyle name="Обычный 2 3 2 6 14" xfId="13504"/>
    <cellStyle name="Обычный 2 3 2 6 2" xfId="13505"/>
    <cellStyle name="Обычный 2 3 2 6 2 10" xfId="13506"/>
    <cellStyle name="Обычный 2 3 2 6 2 10 2" xfId="13507"/>
    <cellStyle name="Обычный 2 3 2 6 2 11" xfId="13508"/>
    <cellStyle name="Обычный 2 3 2 6 2 11 2" xfId="13509"/>
    <cellStyle name="Обычный 2 3 2 6 2 12" xfId="13510"/>
    <cellStyle name="Обычный 2 3 2 6 2 13" xfId="13511"/>
    <cellStyle name="Обычный 2 3 2 6 2 2" xfId="13512"/>
    <cellStyle name="Обычный 2 3 2 6 2 2 10" xfId="13513"/>
    <cellStyle name="Обычный 2 3 2 6 2 2 2" xfId="13514"/>
    <cellStyle name="Обычный 2 3 2 6 2 2 2 2" xfId="13515"/>
    <cellStyle name="Обычный 2 3 2 6 2 2 2 2 2" xfId="13516"/>
    <cellStyle name="Обычный 2 3 2 6 2 2 2 2 2 2" xfId="13517"/>
    <cellStyle name="Обычный 2 3 2 6 2 2 2 2 3" xfId="13518"/>
    <cellStyle name="Обычный 2 3 2 6 2 2 2 2 3 2" xfId="13519"/>
    <cellStyle name="Обычный 2 3 2 6 2 2 2 2 4" xfId="13520"/>
    <cellStyle name="Обычный 2 3 2 6 2 2 2 3" xfId="13521"/>
    <cellStyle name="Обычный 2 3 2 6 2 2 2 3 2" xfId="13522"/>
    <cellStyle name="Обычный 2 3 2 6 2 2 2 4" xfId="13523"/>
    <cellStyle name="Обычный 2 3 2 6 2 2 2 4 2" xfId="13524"/>
    <cellStyle name="Обычный 2 3 2 6 2 2 2 5" xfId="13525"/>
    <cellStyle name="Обычный 2 3 2 6 2 2 2 5 2" xfId="13526"/>
    <cellStyle name="Обычный 2 3 2 6 2 2 2 6" xfId="13527"/>
    <cellStyle name="Обычный 2 3 2 6 2 2 3" xfId="13528"/>
    <cellStyle name="Обычный 2 3 2 6 2 2 3 2" xfId="13529"/>
    <cellStyle name="Обычный 2 3 2 6 2 2 3 2 2" xfId="13530"/>
    <cellStyle name="Обычный 2 3 2 6 2 2 3 2 2 2" xfId="13531"/>
    <cellStyle name="Обычный 2 3 2 6 2 2 3 2 3" xfId="13532"/>
    <cellStyle name="Обычный 2 3 2 6 2 2 3 2 3 2" xfId="13533"/>
    <cellStyle name="Обычный 2 3 2 6 2 2 3 2 4" xfId="13534"/>
    <cellStyle name="Обычный 2 3 2 6 2 2 3 3" xfId="13535"/>
    <cellStyle name="Обычный 2 3 2 6 2 2 3 3 2" xfId="13536"/>
    <cellStyle name="Обычный 2 3 2 6 2 2 3 4" xfId="13537"/>
    <cellStyle name="Обычный 2 3 2 6 2 2 3 4 2" xfId="13538"/>
    <cellStyle name="Обычный 2 3 2 6 2 2 3 5" xfId="13539"/>
    <cellStyle name="Обычный 2 3 2 6 2 2 3 5 2" xfId="13540"/>
    <cellStyle name="Обычный 2 3 2 6 2 2 3 6" xfId="13541"/>
    <cellStyle name="Обычный 2 3 2 6 2 2 4" xfId="13542"/>
    <cellStyle name="Обычный 2 3 2 6 2 2 4 2" xfId="13543"/>
    <cellStyle name="Обычный 2 3 2 6 2 2 4 2 2" xfId="13544"/>
    <cellStyle name="Обычный 2 3 2 6 2 2 4 2 2 2" xfId="13545"/>
    <cellStyle name="Обычный 2 3 2 6 2 2 4 2 3" xfId="13546"/>
    <cellStyle name="Обычный 2 3 2 6 2 2 4 2 3 2" xfId="13547"/>
    <cellStyle name="Обычный 2 3 2 6 2 2 4 2 4" xfId="13548"/>
    <cellStyle name="Обычный 2 3 2 6 2 2 4 3" xfId="13549"/>
    <cellStyle name="Обычный 2 3 2 6 2 2 4 3 2" xfId="13550"/>
    <cellStyle name="Обычный 2 3 2 6 2 2 4 4" xfId="13551"/>
    <cellStyle name="Обычный 2 3 2 6 2 2 4 4 2" xfId="13552"/>
    <cellStyle name="Обычный 2 3 2 6 2 2 4 5" xfId="13553"/>
    <cellStyle name="Обычный 2 3 2 6 2 2 4 5 2" xfId="13554"/>
    <cellStyle name="Обычный 2 3 2 6 2 2 4 6" xfId="13555"/>
    <cellStyle name="Обычный 2 3 2 6 2 2 5" xfId="13556"/>
    <cellStyle name="Обычный 2 3 2 6 2 2 5 2" xfId="13557"/>
    <cellStyle name="Обычный 2 3 2 6 2 2 5 2 2" xfId="13558"/>
    <cellStyle name="Обычный 2 3 2 6 2 2 5 2 2 2" xfId="13559"/>
    <cellStyle name="Обычный 2 3 2 6 2 2 5 2 3" xfId="13560"/>
    <cellStyle name="Обычный 2 3 2 6 2 2 5 2 3 2" xfId="13561"/>
    <cellStyle name="Обычный 2 3 2 6 2 2 5 2 4" xfId="13562"/>
    <cellStyle name="Обычный 2 3 2 6 2 2 5 3" xfId="13563"/>
    <cellStyle name="Обычный 2 3 2 6 2 2 5 3 2" xfId="13564"/>
    <cellStyle name="Обычный 2 3 2 6 2 2 5 4" xfId="13565"/>
    <cellStyle name="Обычный 2 3 2 6 2 2 5 4 2" xfId="13566"/>
    <cellStyle name="Обычный 2 3 2 6 2 2 5 5" xfId="13567"/>
    <cellStyle name="Обычный 2 3 2 6 2 2 5 5 2" xfId="13568"/>
    <cellStyle name="Обычный 2 3 2 6 2 2 5 6" xfId="13569"/>
    <cellStyle name="Обычный 2 3 2 6 2 2 6" xfId="13570"/>
    <cellStyle name="Обычный 2 3 2 6 2 2 6 2" xfId="13571"/>
    <cellStyle name="Обычный 2 3 2 6 2 2 6 2 2" xfId="13572"/>
    <cellStyle name="Обычный 2 3 2 6 2 2 6 3" xfId="13573"/>
    <cellStyle name="Обычный 2 3 2 6 2 2 6 3 2" xfId="13574"/>
    <cellStyle name="Обычный 2 3 2 6 2 2 6 4" xfId="13575"/>
    <cellStyle name="Обычный 2 3 2 6 2 2 7" xfId="13576"/>
    <cellStyle name="Обычный 2 3 2 6 2 2 7 2" xfId="13577"/>
    <cellStyle name="Обычный 2 3 2 6 2 2 8" xfId="13578"/>
    <cellStyle name="Обычный 2 3 2 6 2 2 8 2" xfId="13579"/>
    <cellStyle name="Обычный 2 3 2 6 2 2 9" xfId="13580"/>
    <cellStyle name="Обычный 2 3 2 6 2 2 9 2" xfId="13581"/>
    <cellStyle name="Обычный 2 3 2 6 2 3" xfId="13582"/>
    <cellStyle name="Обычный 2 3 2 6 2 3 2" xfId="13583"/>
    <cellStyle name="Обычный 2 3 2 6 2 3 2 2" xfId="13584"/>
    <cellStyle name="Обычный 2 3 2 6 2 3 2 2 2" xfId="13585"/>
    <cellStyle name="Обычный 2 3 2 6 2 3 2 2 2 2" xfId="13586"/>
    <cellStyle name="Обычный 2 3 2 6 2 3 2 2 3" xfId="13587"/>
    <cellStyle name="Обычный 2 3 2 6 2 3 2 2 3 2" xfId="13588"/>
    <cellStyle name="Обычный 2 3 2 6 2 3 2 2 4" xfId="13589"/>
    <cellStyle name="Обычный 2 3 2 6 2 3 2 3" xfId="13590"/>
    <cellStyle name="Обычный 2 3 2 6 2 3 2 3 2" xfId="13591"/>
    <cellStyle name="Обычный 2 3 2 6 2 3 2 4" xfId="13592"/>
    <cellStyle name="Обычный 2 3 2 6 2 3 2 4 2" xfId="13593"/>
    <cellStyle name="Обычный 2 3 2 6 2 3 2 5" xfId="13594"/>
    <cellStyle name="Обычный 2 3 2 6 2 3 2 5 2" xfId="13595"/>
    <cellStyle name="Обычный 2 3 2 6 2 3 2 6" xfId="13596"/>
    <cellStyle name="Обычный 2 3 2 6 2 3 3" xfId="13597"/>
    <cellStyle name="Обычный 2 3 2 6 2 3 3 2" xfId="13598"/>
    <cellStyle name="Обычный 2 3 2 6 2 3 3 2 2" xfId="13599"/>
    <cellStyle name="Обычный 2 3 2 6 2 3 3 2 2 2" xfId="13600"/>
    <cellStyle name="Обычный 2 3 2 6 2 3 3 2 3" xfId="13601"/>
    <cellStyle name="Обычный 2 3 2 6 2 3 3 2 3 2" xfId="13602"/>
    <cellStyle name="Обычный 2 3 2 6 2 3 3 2 4" xfId="13603"/>
    <cellStyle name="Обычный 2 3 2 6 2 3 3 3" xfId="13604"/>
    <cellStyle name="Обычный 2 3 2 6 2 3 3 3 2" xfId="13605"/>
    <cellStyle name="Обычный 2 3 2 6 2 3 3 4" xfId="13606"/>
    <cellStyle name="Обычный 2 3 2 6 2 3 3 4 2" xfId="13607"/>
    <cellStyle name="Обычный 2 3 2 6 2 3 3 5" xfId="13608"/>
    <cellStyle name="Обычный 2 3 2 6 2 3 3 5 2" xfId="13609"/>
    <cellStyle name="Обычный 2 3 2 6 2 3 3 6" xfId="13610"/>
    <cellStyle name="Обычный 2 3 2 6 2 3 4" xfId="13611"/>
    <cellStyle name="Обычный 2 3 2 6 2 3 4 2" xfId="13612"/>
    <cellStyle name="Обычный 2 3 2 6 2 3 4 2 2" xfId="13613"/>
    <cellStyle name="Обычный 2 3 2 6 2 3 4 2 2 2" xfId="13614"/>
    <cellStyle name="Обычный 2 3 2 6 2 3 4 2 3" xfId="13615"/>
    <cellStyle name="Обычный 2 3 2 6 2 3 4 2 3 2" xfId="13616"/>
    <cellStyle name="Обычный 2 3 2 6 2 3 4 2 4" xfId="13617"/>
    <cellStyle name="Обычный 2 3 2 6 2 3 4 3" xfId="13618"/>
    <cellStyle name="Обычный 2 3 2 6 2 3 4 3 2" xfId="13619"/>
    <cellStyle name="Обычный 2 3 2 6 2 3 4 4" xfId="13620"/>
    <cellStyle name="Обычный 2 3 2 6 2 3 4 4 2" xfId="13621"/>
    <cellStyle name="Обычный 2 3 2 6 2 3 4 5" xfId="13622"/>
    <cellStyle name="Обычный 2 3 2 6 2 3 4 5 2" xfId="13623"/>
    <cellStyle name="Обычный 2 3 2 6 2 3 4 6" xfId="13624"/>
    <cellStyle name="Обычный 2 3 2 6 2 3 5" xfId="13625"/>
    <cellStyle name="Обычный 2 3 2 6 2 3 5 2" xfId="13626"/>
    <cellStyle name="Обычный 2 3 2 6 2 3 5 2 2" xfId="13627"/>
    <cellStyle name="Обычный 2 3 2 6 2 3 5 3" xfId="13628"/>
    <cellStyle name="Обычный 2 3 2 6 2 3 5 3 2" xfId="13629"/>
    <cellStyle name="Обычный 2 3 2 6 2 3 5 4" xfId="13630"/>
    <cellStyle name="Обычный 2 3 2 6 2 3 6" xfId="13631"/>
    <cellStyle name="Обычный 2 3 2 6 2 3 6 2" xfId="13632"/>
    <cellStyle name="Обычный 2 3 2 6 2 3 7" xfId="13633"/>
    <cellStyle name="Обычный 2 3 2 6 2 3 7 2" xfId="13634"/>
    <cellStyle name="Обычный 2 3 2 6 2 3 8" xfId="13635"/>
    <cellStyle name="Обычный 2 3 2 6 2 3 8 2" xfId="13636"/>
    <cellStyle name="Обычный 2 3 2 6 2 3 9" xfId="13637"/>
    <cellStyle name="Обычный 2 3 2 6 2 4" xfId="13638"/>
    <cellStyle name="Обычный 2 3 2 6 2 4 2" xfId="13639"/>
    <cellStyle name="Обычный 2 3 2 6 2 4 2 2" xfId="13640"/>
    <cellStyle name="Обычный 2 3 2 6 2 4 2 2 2" xfId="13641"/>
    <cellStyle name="Обычный 2 3 2 6 2 4 2 3" xfId="13642"/>
    <cellStyle name="Обычный 2 3 2 6 2 4 2 3 2" xfId="13643"/>
    <cellStyle name="Обычный 2 3 2 6 2 4 2 4" xfId="13644"/>
    <cellStyle name="Обычный 2 3 2 6 2 4 3" xfId="13645"/>
    <cellStyle name="Обычный 2 3 2 6 2 4 3 2" xfId="13646"/>
    <cellStyle name="Обычный 2 3 2 6 2 4 4" xfId="13647"/>
    <cellStyle name="Обычный 2 3 2 6 2 4 4 2" xfId="13648"/>
    <cellStyle name="Обычный 2 3 2 6 2 4 5" xfId="13649"/>
    <cellStyle name="Обычный 2 3 2 6 2 4 5 2" xfId="13650"/>
    <cellStyle name="Обычный 2 3 2 6 2 4 6" xfId="13651"/>
    <cellStyle name="Обычный 2 3 2 6 2 5" xfId="13652"/>
    <cellStyle name="Обычный 2 3 2 6 2 5 2" xfId="13653"/>
    <cellStyle name="Обычный 2 3 2 6 2 5 2 2" xfId="13654"/>
    <cellStyle name="Обычный 2 3 2 6 2 5 2 2 2" xfId="13655"/>
    <cellStyle name="Обычный 2 3 2 6 2 5 2 3" xfId="13656"/>
    <cellStyle name="Обычный 2 3 2 6 2 5 2 3 2" xfId="13657"/>
    <cellStyle name="Обычный 2 3 2 6 2 5 2 4" xfId="13658"/>
    <cellStyle name="Обычный 2 3 2 6 2 5 3" xfId="13659"/>
    <cellStyle name="Обычный 2 3 2 6 2 5 3 2" xfId="13660"/>
    <cellStyle name="Обычный 2 3 2 6 2 5 4" xfId="13661"/>
    <cellStyle name="Обычный 2 3 2 6 2 5 4 2" xfId="13662"/>
    <cellStyle name="Обычный 2 3 2 6 2 5 5" xfId="13663"/>
    <cellStyle name="Обычный 2 3 2 6 2 5 5 2" xfId="13664"/>
    <cellStyle name="Обычный 2 3 2 6 2 5 6" xfId="13665"/>
    <cellStyle name="Обычный 2 3 2 6 2 6" xfId="13666"/>
    <cellStyle name="Обычный 2 3 2 6 2 6 2" xfId="13667"/>
    <cellStyle name="Обычный 2 3 2 6 2 6 2 2" xfId="13668"/>
    <cellStyle name="Обычный 2 3 2 6 2 6 2 2 2" xfId="13669"/>
    <cellStyle name="Обычный 2 3 2 6 2 6 2 3" xfId="13670"/>
    <cellStyle name="Обычный 2 3 2 6 2 6 2 3 2" xfId="13671"/>
    <cellStyle name="Обычный 2 3 2 6 2 6 2 4" xfId="13672"/>
    <cellStyle name="Обычный 2 3 2 6 2 6 3" xfId="13673"/>
    <cellStyle name="Обычный 2 3 2 6 2 6 3 2" xfId="13674"/>
    <cellStyle name="Обычный 2 3 2 6 2 6 4" xfId="13675"/>
    <cellStyle name="Обычный 2 3 2 6 2 6 4 2" xfId="13676"/>
    <cellStyle name="Обычный 2 3 2 6 2 6 5" xfId="13677"/>
    <cellStyle name="Обычный 2 3 2 6 2 6 5 2" xfId="13678"/>
    <cellStyle name="Обычный 2 3 2 6 2 6 6" xfId="13679"/>
    <cellStyle name="Обычный 2 3 2 6 2 7" xfId="13680"/>
    <cellStyle name="Обычный 2 3 2 6 2 7 2" xfId="13681"/>
    <cellStyle name="Обычный 2 3 2 6 2 7 2 2" xfId="13682"/>
    <cellStyle name="Обычный 2 3 2 6 2 7 2 2 2" xfId="13683"/>
    <cellStyle name="Обычный 2 3 2 6 2 7 2 3" xfId="13684"/>
    <cellStyle name="Обычный 2 3 2 6 2 7 2 3 2" xfId="13685"/>
    <cellStyle name="Обычный 2 3 2 6 2 7 2 4" xfId="13686"/>
    <cellStyle name="Обычный 2 3 2 6 2 7 3" xfId="13687"/>
    <cellStyle name="Обычный 2 3 2 6 2 7 3 2" xfId="13688"/>
    <cellStyle name="Обычный 2 3 2 6 2 7 4" xfId="13689"/>
    <cellStyle name="Обычный 2 3 2 6 2 7 4 2" xfId="13690"/>
    <cellStyle name="Обычный 2 3 2 6 2 7 5" xfId="13691"/>
    <cellStyle name="Обычный 2 3 2 6 2 7 5 2" xfId="13692"/>
    <cellStyle name="Обычный 2 3 2 6 2 7 6" xfId="13693"/>
    <cellStyle name="Обычный 2 3 2 6 2 8" xfId="13694"/>
    <cellStyle name="Обычный 2 3 2 6 2 8 2" xfId="13695"/>
    <cellStyle name="Обычный 2 3 2 6 2 8 2 2" xfId="13696"/>
    <cellStyle name="Обычный 2 3 2 6 2 8 3" xfId="13697"/>
    <cellStyle name="Обычный 2 3 2 6 2 8 3 2" xfId="13698"/>
    <cellStyle name="Обычный 2 3 2 6 2 8 4" xfId="13699"/>
    <cellStyle name="Обычный 2 3 2 6 2 9" xfId="13700"/>
    <cellStyle name="Обычный 2 3 2 6 2 9 2" xfId="13701"/>
    <cellStyle name="Обычный 2 3 2 6 2 9 2 2" xfId="13702"/>
    <cellStyle name="Обычный 2 3 2 6 2 9 3" xfId="13703"/>
    <cellStyle name="Обычный 2 3 2 6 3" xfId="13704"/>
    <cellStyle name="Обычный 2 3 2 6 3 10" xfId="13705"/>
    <cellStyle name="Обычный 2 3 2 6 3 2" xfId="13706"/>
    <cellStyle name="Обычный 2 3 2 6 3 2 2" xfId="13707"/>
    <cellStyle name="Обычный 2 3 2 6 3 2 2 2" xfId="13708"/>
    <cellStyle name="Обычный 2 3 2 6 3 2 2 2 2" xfId="13709"/>
    <cellStyle name="Обычный 2 3 2 6 3 2 2 3" xfId="13710"/>
    <cellStyle name="Обычный 2 3 2 6 3 2 2 3 2" xfId="13711"/>
    <cellStyle name="Обычный 2 3 2 6 3 2 2 4" xfId="13712"/>
    <cellStyle name="Обычный 2 3 2 6 3 2 3" xfId="13713"/>
    <cellStyle name="Обычный 2 3 2 6 3 2 3 2" xfId="13714"/>
    <cellStyle name="Обычный 2 3 2 6 3 2 4" xfId="13715"/>
    <cellStyle name="Обычный 2 3 2 6 3 2 4 2" xfId="13716"/>
    <cellStyle name="Обычный 2 3 2 6 3 2 5" xfId="13717"/>
    <cellStyle name="Обычный 2 3 2 6 3 2 5 2" xfId="13718"/>
    <cellStyle name="Обычный 2 3 2 6 3 2 6" xfId="13719"/>
    <cellStyle name="Обычный 2 3 2 6 3 3" xfId="13720"/>
    <cellStyle name="Обычный 2 3 2 6 3 3 2" xfId="13721"/>
    <cellStyle name="Обычный 2 3 2 6 3 3 2 2" xfId="13722"/>
    <cellStyle name="Обычный 2 3 2 6 3 3 2 2 2" xfId="13723"/>
    <cellStyle name="Обычный 2 3 2 6 3 3 2 3" xfId="13724"/>
    <cellStyle name="Обычный 2 3 2 6 3 3 2 3 2" xfId="13725"/>
    <cellStyle name="Обычный 2 3 2 6 3 3 2 4" xfId="13726"/>
    <cellStyle name="Обычный 2 3 2 6 3 3 3" xfId="13727"/>
    <cellStyle name="Обычный 2 3 2 6 3 3 3 2" xfId="13728"/>
    <cellStyle name="Обычный 2 3 2 6 3 3 4" xfId="13729"/>
    <cellStyle name="Обычный 2 3 2 6 3 3 4 2" xfId="13730"/>
    <cellStyle name="Обычный 2 3 2 6 3 3 5" xfId="13731"/>
    <cellStyle name="Обычный 2 3 2 6 3 3 5 2" xfId="13732"/>
    <cellStyle name="Обычный 2 3 2 6 3 3 6" xfId="13733"/>
    <cellStyle name="Обычный 2 3 2 6 3 4" xfId="13734"/>
    <cellStyle name="Обычный 2 3 2 6 3 4 2" xfId="13735"/>
    <cellStyle name="Обычный 2 3 2 6 3 4 2 2" xfId="13736"/>
    <cellStyle name="Обычный 2 3 2 6 3 4 2 2 2" xfId="13737"/>
    <cellStyle name="Обычный 2 3 2 6 3 4 2 3" xfId="13738"/>
    <cellStyle name="Обычный 2 3 2 6 3 4 2 3 2" xfId="13739"/>
    <cellStyle name="Обычный 2 3 2 6 3 4 2 4" xfId="13740"/>
    <cellStyle name="Обычный 2 3 2 6 3 4 3" xfId="13741"/>
    <cellStyle name="Обычный 2 3 2 6 3 4 3 2" xfId="13742"/>
    <cellStyle name="Обычный 2 3 2 6 3 4 4" xfId="13743"/>
    <cellStyle name="Обычный 2 3 2 6 3 4 4 2" xfId="13744"/>
    <cellStyle name="Обычный 2 3 2 6 3 4 5" xfId="13745"/>
    <cellStyle name="Обычный 2 3 2 6 3 4 5 2" xfId="13746"/>
    <cellStyle name="Обычный 2 3 2 6 3 4 6" xfId="13747"/>
    <cellStyle name="Обычный 2 3 2 6 3 5" xfId="13748"/>
    <cellStyle name="Обычный 2 3 2 6 3 5 2" xfId="13749"/>
    <cellStyle name="Обычный 2 3 2 6 3 5 2 2" xfId="13750"/>
    <cellStyle name="Обычный 2 3 2 6 3 5 2 2 2" xfId="13751"/>
    <cellStyle name="Обычный 2 3 2 6 3 5 2 3" xfId="13752"/>
    <cellStyle name="Обычный 2 3 2 6 3 5 2 3 2" xfId="13753"/>
    <cellStyle name="Обычный 2 3 2 6 3 5 2 4" xfId="13754"/>
    <cellStyle name="Обычный 2 3 2 6 3 5 3" xfId="13755"/>
    <cellStyle name="Обычный 2 3 2 6 3 5 3 2" xfId="13756"/>
    <cellStyle name="Обычный 2 3 2 6 3 5 4" xfId="13757"/>
    <cellStyle name="Обычный 2 3 2 6 3 5 4 2" xfId="13758"/>
    <cellStyle name="Обычный 2 3 2 6 3 5 5" xfId="13759"/>
    <cellStyle name="Обычный 2 3 2 6 3 5 5 2" xfId="13760"/>
    <cellStyle name="Обычный 2 3 2 6 3 5 6" xfId="13761"/>
    <cellStyle name="Обычный 2 3 2 6 3 6" xfId="13762"/>
    <cellStyle name="Обычный 2 3 2 6 3 6 2" xfId="13763"/>
    <cellStyle name="Обычный 2 3 2 6 3 6 2 2" xfId="13764"/>
    <cellStyle name="Обычный 2 3 2 6 3 6 3" xfId="13765"/>
    <cellStyle name="Обычный 2 3 2 6 3 6 3 2" xfId="13766"/>
    <cellStyle name="Обычный 2 3 2 6 3 6 4" xfId="13767"/>
    <cellStyle name="Обычный 2 3 2 6 3 7" xfId="13768"/>
    <cellStyle name="Обычный 2 3 2 6 3 7 2" xfId="13769"/>
    <cellStyle name="Обычный 2 3 2 6 3 8" xfId="13770"/>
    <cellStyle name="Обычный 2 3 2 6 3 8 2" xfId="13771"/>
    <cellStyle name="Обычный 2 3 2 6 3 9" xfId="13772"/>
    <cellStyle name="Обычный 2 3 2 6 3 9 2" xfId="13773"/>
    <cellStyle name="Обычный 2 3 2 6 4" xfId="13774"/>
    <cellStyle name="Обычный 2 3 2 6 4 2" xfId="13775"/>
    <cellStyle name="Обычный 2 3 2 6 4 2 2" xfId="13776"/>
    <cellStyle name="Обычный 2 3 2 6 4 2 2 2" xfId="13777"/>
    <cellStyle name="Обычный 2 3 2 6 4 2 2 2 2" xfId="13778"/>
    <cellStyle name="Обычный 2 3 2 6 4 2 2 3" xfId="13779"/>
    <cellStyle name="Обычный 2 3 2 6 4 2 2 3 2" xfId="13780"/>
    <cellStyle name="Обычный 2 3 2 6 4 2 2 4" xfId="13781"/>
    <cellStyle name="Обычный 2 3 2 6 4 2 3" xfId="13782"/>
    <cellStyle name="Обычный 2 3 2 6 4 2 3 2" xfId="13783"/>
    <cellStyle name="Обычный 2 3 2 6 4 2 4" xfId="13784"/>
    <cellStyle name="Обычный 2 3 2 6 4 2 4 2" xfId="13785"/>
    <cellStyle name="Обычный 2 3 2 6 4 2 5" xfId="13786"/>
    <cellStyle name="Обычный 2 3 2 6 4 2 5 2" xfId="13787"/>
    <cellStyle name="Обычный 2 3 2 6 4 2 6" xfId="13788"/>
    <cellStyle name="Обычный 2 3 2 6 4 3" xfId="13789"/>
    <cellStyle name="Обычный 2 3 2 6 4 3 2" xfId="13790"/>
    <cellStyle name="Обычный 2 3 2 6 4 3 2 2" xfId="13791"/>
    <cellStyle name="Обычный 2 3 2 6 4 3 2 2 2" xfId="13792"/>
    <cellStyle name="Обычный 2 3 2 6 4 3 2 3" xfId="13793"/>
    <cellStyle name="Обычный 2 3 2 6 4 3 2 3 2" xfId="13794"/>
    <cellStyle name="Обычный 2 3 2 6 4 3 2 4" xfId="13795"/>
    <cellStyle name="Обычный 2 3 2 6 4 3 3" xfId="13796"/>
    <cellStyle name="Обычный 2 3 2 6 4 3 3 2" xfId="13797"/>
    <cellStyle name="Обычный 2 3 2 6 4 3 4" xfId="13798"/>
    <cellStyle name="Обычный 2 3 2 6 4 3 4 2" xfId="13799"/>
    <cellStyle name="Обычный 2 3 2 6 4 3 5" xfId="13800"/>
    <cellStyle name="Обычный 2 3 2 6 4 3 5 2" xfId="13801"/>
    <cellStyle name="Обычный 2 3 2 6 4 3 6" xfId="13802"/>
    <cellStyle name="Обычный 2 3 2 6 4 4" xfId="13803"/>
    <cellStyle name="Обычный 2 3 2 6 4 4 2" xfId="13804"/>
    <cellStyle name="Обычный 2 3 2 6 4 4 2 2" xfId="13805"/>
    <cellStyle name="Обычный 2 3 2 6 4 4 2 2 2" xfId="13806"/>
    <cellStyle name="Обычный 2 3 2 6 4 4 2 3" xfId="13807"/>
    <cellStyle name="Обычный 2 3 2 6 4 4 2 3 2" xfId="13808"/>
    <cellStyle name="Обычный 2 3 2 6 4 4 2 4" xfId="13809"/>
    <cellStyle name="Обычный 2 3 2 6 4 4 3" xfId="13810"/>
    <cellStyle name="Обычный 2 3 2 6 4 4 3 2" xfId="13811"/>
    <cellStyle name="Обычный 2 3 2 6 4 4 4" xfId="13812"/>
    <cellStyle name="Обычный 2 3 2 6 4 4 4 2" xfId="13813"/>
    <cellStyle name="Обычный 2 3 2 6 4 4 5" xfId="13814"/>
    <cellStyle name="Обычный 2 3 2 6 4 4 5 2" xfId="13815"/>
    <cellStyle name="Обычный 2 3 2 6 4 4 6" xfId="13816"/>
    <cellStyle name="Обычный 2 3 2 6 4 5" xfId="13817"/>
    <cellStyle name="Обычный 2 3 2 6 4 5 2" xfId="13818"/>
    <cellStyle name="Обычный 2 3 2 6 4 5 2 2" xfId="13819"/>
    <cellStyle name="Обычный 2 3 2 6 4 5 3" xfId="13820"/>
    <cellStyle name="Обычный 2 3 2 6 4 5 3 2" xfId="13821"/>
    <cellStyle name="Обычный 2 3 2 6 4 5 4" xfId="13822"/>
    <cellStyle name="Обычный 2 3 2 6 4 6" xfId="13823"/>
    <cellStyle name="Обычный 2 3 2 6 4 6 2" xfId="13824"/>
    <cellStyle name="Обычный 2 3 2 6 4 7" xfId="13825"/>
    <cellStyle name="Обычный 2 3 2 6 4 7 2" xfId="13826"/>
    <cellStyle name="Обычный 2 3 2 6 4 8" xfId="13827"/>
    <cellStyle name="Обычный 2 3 2 6 4 8 2" xfId="13828"/>
    <cellStyle name="Обычный 2 3 2 6 4 9" xfId="13829"/>
    <cellStyle name="Обычный 2 3 2 6 5" xfId="13830"/>
    <cellStyle name="Обычный 2 3 2 6 5 2" xfId="13831"/>
    <cellStyle name="Обычный 2 3 2 6 5 2 2" xfId="13832"/>
    <cellStyle name="Обычный 2 3 2 6 5 2 2 2" xfId="13833"/>
    <cellStyle name="Обычный 2 3 2 6 5 2 3" xfId="13834"/>
    <cellStyle name="Обычный 2 3 2 6 5 2 3 2" xfId="13835"/>
    <cellStyle name="Обычный 2 3 2 6 5 2 4" xfId="13836"/>
    <cellStyle name="Обычный 2 3 2 6 5 3" xfId="13837"/>
    <cellStyle name="Обычный 2 3 2 6 5 3 2" xfId="13838"/>
    <cellStyle name="Обычный 2 3 2 6 5 4" xfId="13839"/>
    <cellStyle name="Обычный 2 3 2 6 5 4 2" xfId="13840"/>
    <cellStyle name="Обычный 2 3 2 6 5 5" xfId="13841"/>
    <cellStyle name="Обычный 2 3 2 6 5 5 2" xfId="13842"/>
    <cellStyle name="Обычный 2 3 2 6 5 6" xfId="13843"/>
    <cellStyle name="Обычный 2 3 2 6 6" xfId="13844"/>
    <cellStyle name="Обычный 2 3 2 6 6 2" xfId="13845"/>
    <cellStyle name="Обычный 2 3 2 6 6 2 2" xfId="13846"/>
    <cellStyle name="Обычный 2 3 2 6 6 2 2 2" xfId="13847"/>
    <cellStyle name="Обычный 2 3 2 6 6 2 3" xfId="13848"/>
    <cellStyle name="Обычный 2 3 2 6 6 2 3 2" xfId="13849"/>
    <cellStyle name="Обычный 2 3 2 6 6 2 4" xfId="13850"/>
    <cellStyle name="Обычный 2 3 2 6 6 3" xfId="13851"/>
    <cellStyle name="Обычный 2 3 2 6 6 3 2" xfId="13852"/>
    <cellStyle name="Обычный 2 3 2 6 6 4" xfId="13853"/>
    <cellStyle name="Обычный 2 3 2 6 6 4 2" xfId="13854"/>
    <cellStyle name="Обычный 2 3 2 6 6 5" xfId="13855"/>
    <cellStyle name="Обычный 2 3 2 6 6 5 2" xfId="13856"/>
    <cellStyle name="Обычный 2 3 2 6 6 6" xfId="13857"/>
    <cellStyle name="Обычный 2 3 2 6 7" xfId="13858"/>
    <cellStyle name="Обычный 2 3 2 6 7 2" xfId="13859"/>
    <cellStyle name="Обычный 2 3 2 6 7 2 2" xfId="13860"/>
    <cellStyle name="Обычный 2 3 2 6 7 2 2 2" xfId="13861"/>
    <cellStyle name="Обычный 2 3 2 6 7 2 3" xfId="13862"/>
    <cellStyle name="Обычный 2 3 2 6 7 2 3 2" xfId="13863"/>
    <cellStyle name="Обычный 2 3 2 6 7 2 4" xfId="13864"/>
    <cellStyle name="Обычный 2 3 2 6 7 3" xfId="13865"/>
    <cellStyle name="Обычный 2 3 2 6 7 3 2" xfId="13866"/>
    <cellStyle name="Обычный 2 3 2 6 7 4" xfId="13867"/>
    <cellStyle name="Обычный 2 3 2 6 7 4 2" xfId="13868"/>
    <cellStyle name="Обычный 2 3 2 6 7 5" xfId="13869"/>
    <cellStyle name="Обычный 2 3 2 6 7 5 2" xfId="13870"/>
    <cellStyle name="Обычный 2 3 2 6 7 6" xfId="13871"/>
    <cellStyle name="Обычный 2 3 2 6 8" xfId="13872"/>
    <cellStyle name="Обычный 2 3 2 6 8 2" xfId="13873"/>
    <cellStyle name="Обычный 2 3 2 6 8 2 2" xfId="13874"/>
    <cellStyle name="Обычный 2 3 2 6 8 2 2 2" xfId="13875"/>
    <cellStyle name="Обычный 2 3 2 6 8 2 3" xfId="13876"/>
    <cellStyle name="Обычный 2 3 2 6 8 2 3 2" xfId="13877"/>
    <cellStyle name="Обычный 2 3 2 6 8 2 4" xfId="13878"/>
    <cellStyle name="Обычный 2 3 2 6 8 3" xfId="13879"/>
    <cellStyle name="Обычный 2 3 2 6 8 3 2" xfId="13880"/>
    <cellStyle name="Обычный 2 3 2 6 8 4" xfId="13881"/>
    <cellStyle name="Обычный 2 3 2 6 8 4 2" xfId="13882"/>
    <cellStyle name="Обычный 2 3 2 6 8 5" xfId="13883"/>
    <cellStyle name="Обычный 2 3 2 6 8 5 2" xfId="13884"/>
    <cellStyle name="Обычный 2 3 2 6 8 6" xfId="13885"/>
    <cellStyle name="Обычный 2 3 2 6 9" xfId="13886"/>
    <cellStyle name="Обычный 2 3 2 6 9 2" xfId="13887"/>
    <cellStyle name="Обычный 2 3 2 6 9 2 2" xfId="13888"/>
    <cellStyle name="Обычный 2 3 2 6 9 3" xfId="13889"/>
    <cellStyle name="Обычный 2 3 2 6 9 3 2" xfId="13890"/>
    <cellStyle name="Обычный 2 3 2 6 9 4" xfId="13891"/>
    <cellStyle name="Обычный 2 3 2 7" xfId="13892"/>
    <cellStyle name="Обычный 2 3 2 7 10" xfId="13893"/>
    <cellStyle name="Обычный 2 3 2 7 10 2" xfId="13894"/>
    <cellStyle name="Обычный 2 3 2 7 10 2 2" xfId="13895"/>
    <cellStyle name="Обычный 2 3 2 7 10 3" xfId="13896"/>
    <cellStyle name="Обычный 2 3 2 7 11" xfId="13897"/>
    <cellStyle name="Обычный 2 3 2 7 11 2" xfId="13898"/>
    <cellStyle name="Обычный 2 3 2 7 12" xfId="13899"/>
    <cellStyle name="Обычный 2 3 2 7 12 2" xfId="13900"/>
    <cellStyle name="Обычный 2 3 2 7 13" xfId="13901"/>
    <cellStyle name="Обычный 2 3 2 7 14" xfId="13902"/>
    <cellStyle name="Обычный 2 3 2 7 2" xfId="13903"/>
    <cellStyle name="Обычный 2 3 2 7 2 10" xfId="13904"/>
    <cellStyle name="Обычный 2 3 2 7 2 10 2" xfId="13905"/>
    <cellStyle name="Обычный 2 3 2 7 2 11" xfId="13906"/>
    <cellStyle name="Обычный 2 3 2 7 2 11 2" xfId="13907"/>
    <cellStyle name="Обычный 2 3 2 7 2 12" xfId="13908"/>
    <cellStyle name="Обычный 2 3 2 7 2 13" xfId="13909"/>
    <cellStyle name="Обычный 2 3 2 7 2 2" xfId="13910"/>
    <cellStyle name="Обычный 2 3 2 7 2 2 10" xfId="13911"/>
    <cellStyle name="Обычный 2 3 2 7 2 2 2" xfId="13912"/>
    <cellStyle name="Обычный 2 3 2 7 2 2 2 2" xfId="13913"/>
    <cellStyle name="Обычный 2 3 2 7 2 2 2 2 2" xfId="13914"/>
    <cellStyle name="Обычный 2 3 2 7 2 2 2 2 2 2" xfId="13915"/>
    <cellStyle name="Обычный 2 3 2 7 2 2 2 2 3" xfId="13916"/>
    <cellStyle name="Обычный 2 3 2 7 2 2 2 2 3 2" xfId="13917"/>
    <cellStyle name="Обычный 2 3 2 7 2 2 2 2 4" xfId="13918"/>
    <cellStyle name="Обычный 2 3 2 7 2 2 2 3" xfId="13919"/>
    <cellStyle name="Обычный 2 3 2 7 2 2 2 3 2" xfId="13920"/>
    <cellStyle name="Обычный 2 3 2 7 2 2 2 4" xfId="13921"/>
    <cellStyle name="Обычный 2 3 2 7 2 2 2 4 2" xfId="13922"/>
    <cellStyle name="Обычный 2 3 2 7 2 2 2 5" xfId="13923"/>
    <cellStyle name="Обычный 2 3 2 7 2 2 2 5 2" xfId="13924"/>
    <cellStyle name="Обычный 2 3 2 7 2 2 2 6" xfId="13925"/>
    <cellStyle name="Обычный 2 3 2 7 2 2 3" xfId="13926"/>
    <cellStyle name="Обычный 2 3 2 7 2 2 3 2" xfId="13927"/>
    <cellStyle name="Обычный 2 3 2 7 2 2 3 2 2" xfId="13928"/>
    <cellStyle name="Обычный 2 3 2 7 2 2 3 2 2 2" xfId="13929"/>
    <cellStyle name="Обычный 2 3 2 7 2 2 3 2 3" xfId="13930"/>
    <cellStyle name="Обычный 2 3 2 7 2 2 3 2 3 2" xfId="13931"/>
    <cellStyle name="Обычный 2 3 2 7 2 2 3 2 4" xfId="13932"/>
    <cellStyle name="Обычный 2 3 2 7 2 2 3 3" xfId="13933"/>
    <cellStyle name="Обычный 2 3 2 7 2 2 3 3 2" xfId="13934"/>
    <cellStyle name="Обычный 2 3 2 7 2 2 3 4" xfId="13935"/>
    <cellStyle name="Обычный 2 3 2 7 2 2 3 4 2" xfId="13936"/>
    <cellStyle name="Обычный 2 3 2 7 2 2 3 5" xfId="13937"/>
    <cellStyle name="Обычный 2 3 2 7 2 2 3 5 2" xfId="13938"/>
    <cellStyle name="Обычный 2 3 2 7 2 2 3 6" xfId="13939"/>
    <cellStyle name="Обычный 2 3 2 7 2 2 4" xfId="13940"/>
    <cellStyle name="Обычный 2 3 2 7 2 2 4 2" xfId="13941"/>
    <cellStyle name="Обычный 2 3 2 7 2 2 4 2 2" xfId="13942"/>
    <cellStyle name="Обычный 2 3 2 7 2 2 4 2 2 2" xfId="13943"/>
    <cellStyle name="Обычный 2 3 2 7 2 2 4 2 3" xfId="13944"/>
    <cellStyle name="Обычный 2 3 2 7 2 2 4 2 3 2" xfId="13945"/>
    <cellStyle name="Обычный 2 3 2 7 2 2 4 2 4" xfId="13946"/>
    <cellStyle name="Обычный 2 3 2 7 2 2 4 3" xfId="13947"/>
    <cellStyle name="Обычный 2 3 2 7 2 2 4 3 2" xfId="13948"/>
    <cellStyle name="Обычный 2 3 2 7 2 2 4 4" xfId="13949"/>
    <cellStyle name="Обычный 2 3 2 7 2 2 4 4 2" xfId="13950"/>
    <cellStyle name="Обычный 2 3 2 7 2 2 4 5" xfId="13951"/>
    <cellStyle name="Обычный 2 3 2 7 2 2 4 5 2" xfId="13952"/>
    <cellStyle name="Обычный 2 3 2 7 2 2 4 6" xfId="13953"/>
    <cellStyle name="Обычный 2 3 2 7 2 2 5" xfId="13954"/>
    <cellStyle name="Обычный 2 3 2 7 2 2 5 2" xfId="13955"/>
    <cellStyle name="Обычный 2 3 2 7 2 2 5 2 2" xfId="13956"/>
    <cellStyle name="Обычный 2 3 2 7 2 2 5 2 2 2" xfId="13957"/>
    <cellStyle name="Обычный 2 3 2 7 2 2 5 2 3" xfId="13958"/>
    <cellStyle name="Обычный 2 3 2 7 2 2 5 2 3 2" xfId="13959"/>
    <cellStyle name="Обычный 2 3 2 7 2 2 5 2 4" xfId="13960"/>
    <cellStyle name="Обычный 2 3 2 7 2 2 5 3" xfId="13961"/>
    <cellStyle name="Обычный 2 3 2 7 2 2 5 3 2" xfId="13962"/>
    <cellStyle name="Обычный 2 3 2 7 2 2 5 4" xfId="13963"/>
    <cellStyle name="Обычный 2 3 2 7 2 2 5 4 2" xfId="13964"/>
    <cellStyle name="Обычный 2 3 2 7 2 2 5 5" xfId="13965"/>
    <cellStyle name="Обычный 2 3 2 7 2 2 5 5 2" xfId="13966"/>
    <cellStyle name="Обычный 2 3 2 7 2 2 5 6" xfId="13967"/>
    <cellStyle name="Обычный 2 3 2 7 2 2 6" xfId="13968"/>
    <cellStyle name="Обычный 2 3 2 7 2 2 6 2" xfId="13969"/>
    <cellStyle name="Обычный 2 3 2 7 2 2 6 2 2" xfId="13970"/>
    <cellStyle name="Обычный 2 3 2 7 2 2 6 3" xfId="13971"/>
    <cellStyle name="Обычный 2 3 2 7 2 2 6 3 2" xfId="13972"/>
    <cellStyle name="Обычный 2 3 2 7 2 2 6 4" xfId="13973"/>
    <cellStyle name="Обычный 2 3 2 7 2 2 7" xfId="13974"/>
    <cellStyle name="Обычный 2 3 2 7 2 2 7 2" xfId="13975"/>
    <cellStyle name="Обычный 2 3 2 7 2 2 8" xfId="13976"/>
    <cellStyle name="Обычный 2 3 2 7 2 2 8 2" xfId="13977"/>
    <cellStyle name="Обычный 2 3 2 7 2 2 9" xfId="13978"/>
    <cellStyle name="Обычный 2 3 2 7 2 2 9 2" xfId="13979"/>
    <cellStyle name="Обычный 2 3 2 7 2 3" xfId="13980"/>
    <cellStyle name="Обычный 2 3 2 7 2 3 2" xfId="13981"/>
    <cellStyle name="Обычный 2 3 2 7 2 3 2 2" xfId="13982"/>
    <cellStyle name="Обычный 2 3 2 7 2 3 2 2 2" xfId="13983"/>
    <cellStyle name="Обычный 2 3 2 7 2 3 2 2 2 2" xfId="13984"/>
    <cellStyle name="Обычный 2 3 2 7 2 3 2 2 3" xfId="13985"/>
    <cellStyle name="Обычный 2 3 2 7 2 3 2 2 3 2" xfId="13986"/>
    <cellStyle name="Обычный 2 3 2 7 2 3 2 2 4" xfId="13987"/>
    <cellStyle name="Обычный 2 3 2 7 2 3 2 3" xfId="13988"/>
    <cellStyle name="Обычный 2 3 2 7 2 3 2 3 2" xfId="13989"/>
    <cellStyle name="Обычный 2 3 2 7 2 3 2 4" xfId="13990"/>
    <cellStyle name="Обычный 2 3 2 7 2 3 2 4 2" xfId="13991"/>
    <cellStyle name="Обычный 2 3 2 7 2 3 2 5" xfId="13992"/>
    <cellStyle name="Обычный 2 3 2 7 2 3 2 5 2" xfId="13993"/>
    <cellStyle name="Обычный 2 3 2 7 2 3 2 6" xfId="13994"/>
    <cellStyle name="Обычный 2 3 2 7 2 3 3" xfId="13995"/>
    <cellStyle name="Обычный 2 3 2 7 2 3 3 2" xfId="13996"/>
    <cellStyle name="Обычный 2 3 2 7 2 3 3 2 2" xfId="13997"/>
    <cellStyle name="Обычный 2 3 2 7 2 3 3 2 2 2" xfId="13998"/>
    <cellStyle name="Обычный 2 3 2 7 2 3 3 2 3" xfId="13999"/>
    <cellStyle name="Обычный 2 3 2 7 2 3 3 2 3 2" xfId="14000"/>
    <cellStyle name="Обычный 2 3 2 7 2 3 3 2 4" xfId="14001"/>
    <cellStyle name="Обычный 2 3 2 7 2 3 3 3" xfId="14002"/>
    <cellStyle name="Обычный 2 3 2 7 2 3 3 3 2" xfId="14003"/>
    <cellStyle name="Обычный 2 3 2 7 2 3 3 4" xfId="14004"/>
    <cellStyle name="Обычный 2 3 2 7 2 3 3 4 2" xfId="14005"/>
    <cellStyle name="Обычный 2 3 2 7 2 3 3 5" xfId="14006"/>
    <cellStyle name="Обычный 2 3 2 7 2 3 3 5 2" xfId="14007"/>
    <cellStyle name="Обычный 2 3 2 7 2 3 3 6" xfId="14008"/>
    <cellStyle name="Обычный 2 3 2 7 2 3 4" xfId="14009"/>
    <cellStyle name="Обычный 2 3 2 7 2 3 4 2" xfId="14010"/>
    <cellStyle name="Обычный 2 3 2 7 2 3 4 2 2" xfId="14011"/>
    <cellStyle name="Обычный 2 3 2 7 2 3 4 2 2 2" xfId="14012"/>
    <cellStyle name="Обычный 2 3 2 7 2 3 4 2 3" xfId="14013"/>
    <cellStyle name="Обычный 2 3 2 7 2 3 4 2 3 2" xfId="14014"/>
    <cellStyle name="Обычный 2 3 2 7 2 3 4 2 4" xfId="14015"/>
    <cellStyle name="Обычный 2 3 2 7 2 3 4 3" xfId="14016"/>
    <cellStyle name="Обычный 2 3 2 7 2 3 4 3 2" xfId="14017"/>
    <cellStyle name="Обычный 2 3 2 7 2 3 4 4" xfId="14018"/>
    <cellStyle name="Обычный 2 3 2 7 2 3 4 4 2" xfId="14019"/>
    <cellStyle name="Обычный 2 3 2 7 2 3 4 5" xfId="14020"/>
    <cellStyle name="Обычный 2 3 2 7 2 3 4 5 2" xfId="14021"/>
    <cellStyle name="Обычный 2 3 2 7 2 3 4 6" xfId="14022"/>
    <cellStyle name="Обычный 2 3 2 7 2 3 5" xfId="14023"/>
    <cellStyle name="Обычный 2 3 2 7 2 3 5 2" xfId="14024"/>
    <cellStyle name="Обычный 2 3 2 7 2 3 5 2 2" xfId="14025"/>
    <cellStyle name="Обычный 2 3 2 7 2 3 5 3" xfId="14026"/>
    <cellStyle name="Обычный 2 3 2 7 2 3 5 3 2" xfId="14027"/>
    <cellStyle name="Обычный 2 3 2 7 2 3 5 4" xfId="14028"/>
    <cellStyle name="Обычный 2 3 2 7 2 3 6" xfId="14029"/>
    <cellStyle name="Обычный 2 3 2 7 2 3 6 2" xfId="14030"/>
    <cellStyle name="Обычный 2 3 2 7 2 3 7" xfId="14031"/>
    <cellStyle name="Обычный 2 3 2 7 2 3 7 2" xfId="14032"/>
    <cellStyle name="Обычный 2 3 2 7 2 3 8" xfId="14033"/>
    <cellStyle name="Обычный 2 3 2 7 2 3 8 2" xfId="14034"/>
    <cellStyle name="Обычный 2 3 2 7 2 3 9" xfId="14035"/>
    <cellStyle name="Обычный 2 3 2 7 2 4" xfId="14036"/>
    <cellStyle name="Обычный 2 3 2 7 2 4 2" xfId="14037"/>
    <cellStyle name="Обычный 2 3 2 7 2 4 2 2" xfId="14038"/>
    <cellStyle name="Обычный 2 3 2 7 2 4 2 2 2" xfId="14039"/>
    <cellStyle name="Обычный 2 3 2 7 2 4 2 3" xfId="14040"/>
    <cellStyle name="Обычный 2 3 2 7 2 4 2 3 2" xfId="14041"/>
    <cellStyle name="Обычный 2 3 2 7 2 4 2 4" xfId="14042"/>
    <cellStyle name="Обычный 2 3 2 7 2 4 3" xfId="14043"/>
    <cellStyle name="Обычный 2 3 2 7 2 4 3 2" xfId="14044"/>
    <cellStyle name="Обычный 2 3 2 7 2 4 4" xfId="14045"/>
    <cellStyle name="Обычный 2 3 2 7 2 4 4 2" xfId="14046"/>
    <cellStyle name="Обычный 2 3 2 7 2 4 5" xfId="14047"/>
    <cellStyle name="Обычный 2 3 2 7 2 4 5 2" xfId="14048"/>
    <cellStyle name="Обычный 2 3 2 7 2 4 6" xfId="14049"/>
    <cellStyle name="Обычный 2 3 2 7 2 5" xfId="14050"/>
    <cellStyle name="Обычный 2 3 2 7 2 5 2" xfId="14051"/>
    <cellStyle name="Обычный 2 3 2 7 2 5 2 2" xfId="14052"/>
    <cellStyle name="Обычный 2 3 2 7 2 5 2 2 2" xfId="14053"/>
    <cellStyle name="Обычный 2 3 2 7 2 5 2 3" xfId="14054"/>
    <cellStyle name="Обычный 2 3 2 7 2 5 2 3 2" xfId="14055"/>
    <cellStyle name="Обычный 2 3 2 7 2 5 2 4" xfId="14056"/>
    <cellStyle name="Обычный 2 3 2 7 2 5 3" xfId="14057"/>
    <cellStyle name="Обычный 2 3 2 7 2 5 3 2" xfId="14058"/>
    <cellStyle name="Обычный 2 3 2 7 2 5 4" xfId="14059"/>
    <cellStyle name="Обычный 2 3 2 7 2 5 4 2" xfId="14060"/>
    <cellStyle name="Обычный 2 3 2 7 2 5 5" xfId="14061"/>
    <cellStyle name="Обычный 2 3 2 7 2 5 5 2" xfId="14062"/>
    <cellStyle name="Обычный 2 3 2 7 2 5 6" xfId="14063"/>
    <cellStyle name="Обычный 2 3 2 7 2 6" xfId="14064"/>
    <cellStyle name="Обычный 2 3 2 7 2 6 2" xfId="14065"/>
    <cellStyle name="Обычный 2 3 2 7 2 6 2 2" xfId="14066"/>
    <cellStyle name="Обычный 2 3 2 7 2 6 2 2 2" xfId="14067"/>
    <cellStyle name="Обычный 2 3 2 7 2 6 2 3" xfId="14068"/>
    <cellStyle name="Обычный 2 3 2 7 2 6 2 3 2" xfId="14069"/>
    <cellStyle name="Обычный 2 3 2 7 2 6 2 4" xfId="14070"/>
    <cellStyle name="Обычный 2 3 2 7 2 6 3" xfId="14071"/>
    <cellStyle name="Обычный 2 3 2 7 2 6 3 2" xfId="14072"/>
    <cellStyle name="Обычный 2 3 2 7 2 6 4" xfId="14073"/>
    <cellStyle name="Обычный 2 3 2 7 2 6 4 2" xfId="14074"/>
    <cellStyle name="Обычный 2 3 2 7 2 6 5" xfId="14075"/>
    <cellStyle name="Обычный 2 3 2 7 2 6 5 2" xfId="14076"/>
    <cellStyle name="Обычный 2 3 2 7 2 6 6" xfId="14077"/>
    <cellStyle name="Обычный 2 3 2 7 2 7" xfId="14078"/>
    <cellStyle name="Обычный 2 3 2 7 2 7 2" xfId="14079"/>
    <cellStyle name="Обычный 2 3 2 7 2 7 2 2" xfId="14080"/>
    <cellStyle name="Обычный 2 3 2 7 2 7 2 2 2" xfId="14081"/>
    <cellStyle name="Обычный 2 3 2 7 2 7 2 3" xfId="14082"/>
    <cellStyle name="Обычный 2 3 2 7 2 7 2 3 2" xfId="14083"/>
    <cellStyle name="Обычный 2 3 2 7 2 7 2 4" xfId="14084"/>
    <cellStyle name="Обычный 2 3 2 7 2 7 3" xfId="14085"/>
    <cellStyle name="Обычный 2 3 2 7 2 7 3 2" xfId="14086"/>
    <cellStyle name="Обычный 2 3 2 7 2 7 4" xfId="14087"/>
    <cellStyle name="Обычный 2 3 2 7 2 7 4 2" xfId="14088"/>
    <cellStyle name="Обычный 2 3 2 7 2 7 5" xfId="14089"/>
    <cellStyle name="Обычный 2 3 2 7 2 7 5 2" xfId="14090"/>
    <cellStyle name="Обычный 2 3 2 7 2 7 6" xfId="14091"/>
    <cellStyle name="Обычный 2 3 2 7 2 8" xfId="14092"/>
    <cellStyle name="Обычный 2 3 2 7 2 8 2" xfId="14093"/>
    <cellStyle name="Обычный 2 3 2 7 2 8 2 2" xfId="14094"/>
    <cellStyle name="Обычный 2 3 2 7 2 8 3" xfId="14095"/>
    <cellStyle name="Обычный 2 3 2 7 2 8 3 2" xfId="14096"/>
    <cellStyle name="Обычный 2 3 2 7 2 8 4" xfId="14097"/>
    <cellStyle name="Обычный 2 3 2 7 2 9" xfId="14098"/>
    <cellStyle name="Обычный 2 3 2 7 2 9 2" xfId="14099"/>
    <cellStyle name="Обычный 2 3 2 7 2 9 2 2" xfId="14100"/>
    <cellStyle name="Обычный 2 3 2 7 2 9 3" xfId="14101"/>
    <cellStyle name="Обычный 2 3 2 7 3" xfId="14102"/>
    <cellStyle name="Обычный 2 3 2 7 3 10" xfId="14103"/>
    <cellStyle name="Обычный 2 3 2 7 3 2" xfId="14104"/>
    <cellStyle name="Обычный 2 3 2 7 3 2 2" xfId="14105"/>
    <cellStyle name="Обычный 2 3 2 7 3 2 2 2" xfId="14106"/>
    <cellStyle name="Обычный 2 3 2 7 3 2 2 2 2" xfId="14107"/>
    <cellStyle name="Обычный 2 3 2 7 3 2 2 3" xfId="14108"/>
    <cellStyle name="Обычный 2 3 2 7 3 2 2 3 2" xfId="14109"/>
    <cellStyle name="Обычный 2 3 2 7 3 2 2 4" xfId="14110"/>
    <cellStyle name="Обычный 2 3 2 7 3 2 3" xfId="14111"/>
    <cellStyle name="Обычный 2 3 2 7 3 2 3 2" xfId="14112"/>
    <cellStyle name="Обычный 2 3 2 7 3 2 4" xfId="14113"/>
    <cellStyle name="Обычный 2 3 2 7 3 2 4 2" xfId="14114"/>
    <cellStyle name="Обычный 2 3 2 7 3 2 5" xfId="14115"/>
    <cellStyle name="Обычный 2 3 2 7 3 2 5 2" xfId="14116"/>
    <cellStyle name="Обычный 2 3 2 7 3 2 6" xfId="14117"/>
    <cellStyle name="Обычный 2 3 2 7 3 3" xfId="14118"/>
    <cellStyle name="Обычный 2 3 2 7 3 3 2" xfId="14119"/>
    <cellStyle name="Обычный 2 3 2 7 3 3 2 2" xfId="14120"/>
    <cellStyle name="Обычный 2 3 2 7 3 3 2 2 2" xfId="14121"/>
    <cellStyle name="Обычный 2 3 2 7 3 3 2 3" xfId="14122"/>
    <cellStyle name="Обычный 2 3 2 7 3 3 2 3 2" xfId="14123"/>
    <cellStyle name="Обычный 2 3 2 7 3 3 2 4" xfId="14124"/>
    <cellStyle name="Обычный 2 3 2 7 3 3 3" xfId="14125"/>
    <cellStyle name="Обычный 2 3 2 7 3 3 3 2" xfId="14126"/>
    <cellStyle name="Обычный 2 3 2 7 3 3 4" xfId="14127"/>
    <cellStyle name="Обычный 2 3 2 7 3 3 4 2" xfId="14128"/>
    <cellStyle name="Обычный 2 3 2 7 3 3 5" xfId="14129"/>
    <cellStyle name="Обычный 2 3 2 7 3 3 5 2" xfId="14130"/>
    <cellStyle name="Обычный 2 3 2 7 3 3 6" xfId="14131"/>
    <cellStyle name="Обычный 2 3 2 7 3 4" xfId="14132"/>
    <cellStyle name="Обычный 2 3 2 7 3 4 2" xfId="14133"/>
    <cellStyle name="Обычный 2 3 2 7 3 4 2 2" xfId="14134"/>
    <cellStyle name="Обычный 2 3 2 7 3 4 2 2 2" xfId="14135"/>
    <cellStyle name="Обычный 2 3 2 7 3 4 2 3" xfId="14136"/>
    <cellStyle name="Обычный 2 3 2 7 3 4 2 3 2" xfId="14137"/>
    <cellStyle name="Обычный 2 3 2 7 3 4 2 4" xfId="14138"/>
    <cellStyle name="Обычный 2 3 2 7 3 4 3" xfId="14139"/>
    <cellStyle name="Обычный 2 3 2 7 3 4 3 2" xfId="14140"/>
    <cellStyle name="Обычный 2 3 2 7 3 4 4" xfId="14141"/>
    <cellStyle name="Обычный 2 3 2 7 3 4 4 2" xfId="14142"/>
    <cellStyle name="Обычный 2 3 2 7 3 4 5" xfId="14143"/>
    <cellStyle name="Обычный 2 3 2 7 3 4 5 2" xfId="14144"/>
    <cellStyle name="Обычный 2 3 2 7 3 4 6" xfId="14145"/>
    <cellStyle name="Обычный 2 3 2 7 3 5" xfId="14146"/>
    <cellStyle name="Обычный 2 3 2 7 3 5 2" xfId="14147"/>
    <cellStyle name="Обычный 2 3 2 7 3 5 2 2" xfId="14148"/>
    <cellStyle name="Обычный 2 3 2 7 3 5 2 2 2" xfId="14149"/>
    <cellStyle name="Обычный 2 3 2 7 3 5 2 3" xfId="14150"/>
    <cellStyle name="Обычный 2 3 2 7 3 5 2 3 2" xfId="14151"/>
    <cellStyle name="Обычный 2 3 2 7 3 5 2 4" xfId="14152"/>
    <cellStyle name="Обычный 2 3 2 7 3 5 3" xfId="14153"/>
    <cellStyle name="Обычный 2 3 2 7 3 5 3 2" xfId="14154"/>
    <cellStyle name="Обычный 2 3 2 7 3 5 4" xfId="14155"/>
    <cellStyle name="Обычный 2 3 2 7 3 5 4 2" xfId="14156"/>
    <cellStyle name="Обычный 2 3 2 7 3 5 5" xfId="14157"/>
    <cellStyle name="Обычный 2 3 2 7 3 5 5 2" xfId="14158"/>
    <cellStyle name="Обычный 2 3 2 7 3 5 6" xfId="14159"/>
    <cellStyle name="Обычный 2 3 2 7 3 6" xfId="14160"/>
    <cellStyle name="Обычный 2 3 2 7 3 6 2" xfId="14161"/>
    <cellStyle name="Обычный 2 3 2 7 3 6 2 2" xfId="14162"/>
    <cellStyle name="Обычный 2 3 2 7 3 6 3" xfId="14163"/>
    <cellStyle name="Обычный 2 3 2 7 3 6 3 2" xfId="14164"/>
    <cellStyle name="Обычный 2 3 2 7 3 6 4" xfId="14165"/>
    <cellStyle name="Обычный 2 3 2 7 3 7" xfId="14166"/>
    <cellStyle name="Обычный 2 3 2 7 3 7 2" xfId="14167"/>
    <cellStyle name="Обычный 2 3 2 7 3 8" xfId="14168"/>
    <cellStyle name="Обычный 2 3 2 7 3 8 2" xfId="14169"/>
    <cellStyle name="Обычный 2 3 2 7 3 9" xfId="14170"/>
    <cellStyle name="Обычный 2 3 2 7 3 9 2" xfId="14171"/>
    <cellStyle name="Обычный 2 3 2 7 4" xfId="14172"/>
    <cellStyle name="Обычный 2 3 2 7 4 2" xfId="14173"/>
    <cellStyle name="Обычный 2 3 2 7 4 2 2" xfId="14174"/>
    <cellStyle name="Обычный 2 3 2 7 4 2 2 2" xfId="14175"/>
    <cellStyle name="Обычный 2 3 2 7 4 2 2 2 2" xfId="14176"/>
    <cellStyle name="Обычный 2 3 2 7 4 2 2 3" xfId="14177"/>
    <cellStyle name="Обычный 2 3 2 7 4 2 2 3 2" xfId="14178"/>
    <cellStyle name="Обычный 2 3 2 7 4 2 2 4" xfId="14179"/>
    <cellStyle name="Обычный 2 3 2 7 4 2 3" xfId="14180"/>
    <cellStyle name="Обычный 2 3 2 7 4 2 3 2" xfId="14181"/>
    <cellStyle name="Обычный 2 3 2 7 4 2 4" xfId="14182"/>
    <cellStyle name="Обычный 2 3 2 7 4 2 4 2" xfId="14183"/>
    <cellStyle name="Обычный 2 3 2 7 4 2 5" xfId="14184"/>
    <cellStyle name="Обычный 2 3 2 7 4 2 5 2" xfId="14185"/>
    <cellStyle name="Обычный 2 3 2 7 4 2 6" xfId="14186"/>
    <cellStyle name="Обычный 2 3 2 7 4 3" xfId="14187"/>
    <cellStyle name="Обычный 2 3 2 7 4 3 2" xfId="14188"/>
    <cellStyle name="Обычный 2 3 2 7 4 3 2 2" xfId="14189"/>
    <cellStyle name="Обычный 2 3 2 7 4 3 2 2 2" xfId="14190"/>
    <cellStyle name="Обычный 2 3 2 7 4 3 2 3" xfId="14191"/>
    <cellStyle name="Обычный 2 3 2 7 4 3 2 3 2" xfId="14192"/>
    <cellStyle name="Обычный 2 3 2 7 4 3 2 4" xfId="14193"/>
    <cellStyle name="Обычный 2 3 2 7 4 3 3" xfId="14194"/>
    <cellStyle name="Обычный 2 3 2 7 4 3 3 2" xfId="14195"/>
    <cellStyle name="Обычный 2 3 2 7 4 3 4" xfId="14196"/>
    <cellStyle name="Обычный 2 3 2 7 4 3 4 2" xfId="14197"/>
    <cellStyle name="Обычный 2 3 2 7 4 3 5" xfId="14198"/>
    <cellStyle name="Обычный 2 3 2 7 4 3 5 2" xfId="14199"/>
    <cellStyle name="Обычный 2 3 2 7 4 3 6" xfId="14200"/>
    <cellStyle name="Обычный 2 3 2 7 4 4" xfId="14201"/>
    <cellStyle name="Обычный 2 3 2 7 4 4 2" xfId="14202"/>
    <cellStyle name="Обычный 2 3 2 7 4 4 2 2" xfId="14203"/>
    <cellStyle name="Обычный 2 3 2 7 4 4 2 2 2" xfId="14204"/>
    <cellStyle name="Обычный 2 3 2 7 4 4 2 3" xfId="14205"/>
    <cellStyle name="Обычный 2 3 2 7 4 4 2 3 2" xfId="14206"/>
    <cellStyle name="Обычный 2 3 2 7 4 4 2 4" xfId="14207"/>
    <cellStyle name="Обычный 2 3 2 7 4 4 3" xfId="14208"/>
    <cellStyle name="Обычный 2 3 2 7 4 4 3 2" xfId="14209"/>
    <cellStyle name="Обычный 2 3 2 7 4 4 4" xfId="14210"/>
    <cellStyle name="Обычный 2 3 2 7 4 4 4 2" xfId="14211"/>
    <cellStyle name="Обычный 2 3 2 7 4 4 5" xfId="14212"/>
    <cellStyle name="Обычный 2 3 2 7 4 4 5 2" xfId="14213"/>
    <cellStyle name="Обычный 2 3 2 7 4 4 6" xfId="14214"/>
    <cellStyle name="Обычный 2 3 2 7 4 5" xfId="14215"/>
    <cellStyle name="Обычный 2 3 2 7 4 5 2" xfId="14216"/>
    <cellStyle name="Обычный 2 3 2 7 4 5 2 2" xfId="14217"/>
    <cellStyle name="Обычный 2 3 2 7 4 5 3" xfId="14218"/>
    <cellStyle name="Обычный 2 3 2 7 4 5 3 2" xfId="14219"/>
    <cellStyle name="Обычный 2 3 2 7 4 5 4" xfId="14220"/>
    <cellStyle name="Обычный 2 3 2 7 4 6" xfId="14221"/>
    <cellStyle name="Обычный 2 3 2 7 4 6 2" xfId="14222"/>
    <cellStyle name="Обычный 2 3 2 7 4 7" xfId="14223"/>
    <cellStyle name="Обычный 2 3 2 7 4 7 2" xfId="14224"/>
    <cellStyle name="Обычный 2 3 2 7 4 8" xfId="14225"/>
    <cellStyle name="Обычный 2 3 2 7 4 8 2" xfId="14226"/>
    <cellStyle name="Обычный 2 3 2 7 4 9" xfId="14227"/>
    <cellStyle name="Обычный 2 3 2 7 5" xfId="14228"/>
    <cellStyle name="Обычный 2 3 2 7 5 2" xfId="14229"/>
    <cellStyle name="Обычный 2 3 2 7 5 2 2" xfId="14230"/>
    <cellStyle name="Обычный 2 3 2 7 5 2 2 2" xfId="14231"/>
    <cellStyle name="Обычный 2 3 2 7 5 2 3" xfId="14232"/>
    <cellStyle name="Обычный 2 3 2 7 5 2 3 2" xfId="14233"/>
    <cellStyle name="Обычный 2 3 2 7 5 2 4" xfId="14234"/>
    <cellStyle name="Обычный 2 3 2 7 5 3" xfId="14235"/>
    <cellStyle name="Обычный 2 3 2 7 5 3 2" xfId="14236"/>
    <cellStyle name="Обычный 2 3 2 7 5 4" xfId="14237"/>
    <cellStyle name="Обычный 2 3 2 7 5 4 2" xfId="14238"/>
    <cellStyle name="Обычный 2 3 2 7 5 5" xfId="14239"/>
    <cellStyle name="Обычный 2 3 2 7 5 5 2" xfId="14240"/>
    <cellStyle name="Обычный 2 3 2 7 5 6" xfId="14241"/>
    <cellStyle name="Обычный 2 3 2 7 6" xfId="14242"/>
    <cellStyle name="Обычный 2 3 2 7 6 2" xfId="14243"/>
    <cellStyle name="Обычный 2 3 2 7 6 2 2" xfId="14244"/>
    <cellStyle name="Обычный 2 3 2 7 6 2 2 2" xfId="14245"/>
    <cellStyle name="Обычный 2 3 2 7 6 2 3" xfId="14246"/>
    <cellStyle name="Обычный 2 3 2 7 6 2 3 2" xfId="14247"/>
    <cellStyle name="Обычный 2 3 2 7 6 2 4" xfId="14248"/>
    <cellStyle name="Обычный 2 3 2 7 6 3" xfId="14249"/>
    <cellStyle name="Обычный 2 3 2 7 6 3 2" xfId="14250"/>
    <cellStyle name="Обычный 2 3 2 7 6 4" xfId="14251"/>
    <cellStyle name="Обычный 2 3 2 7 6 4 2" xfId="14252"/>
    <cellStyle name="Обычный 2 3 2 7 6 5" xfId="14253"/>
    <cellStyle name="Обычный 2 3 2 7 6 5 2" xfId="14254"/>
    <cellStyle name="Обычный 2 3 2 7 6 6" xfId="14255"/>
    <cellStyle name="Обычный 2 3 2 7 7" xfId="14256"/>
    <cellStyle name="Обычный 2 3 2 7 7 2" xfId="14257"/>
    <cellStyle name="Обычный 2 3 2 7 7 2 2" xfId="14258"/>
    <cellStyle name="Обычный 2 3 2 7 7 2 2 2" xfId="14259"/>
    <cellStyle name="Обычный 2 3 2 7 7 2 3" xfId="14260"/>
    <cellStyle name="Обычный 2 3 2 7 7 2 3 2" xfId="14261"/>
    <cellStyle name="Обычный 2 3 2 7 7 2 4" xfId="14262"/>
    <cellStyle name="Обычный 2 3 2 7 7 3" xfId="14263"/>
    <cellStyle name="Обычный 2 3 2 7 7 3 2" xfId="14264"/>
    <cellStyle name="Обычный 2 3 2 7 7 4" xfId="14265"/>
    <cellStyle name="Обычный 2 3 2 7 7 4 2" xfId="14266"/>
    <cellStyle name="Обычный 2 3 2 7 7 5" xfId="14267"/>
    <cellStyle name="Обычный 2 3 2 7 7 5 2" xfId="14268"/>
    <cellStyle name="Обычный 2 3 2 7 7 6" xfId="14269"/>
    <cellStyle name="Обычный 2 3 2 7 8" xfId="14270"/>
    <cellStyle name="Обычный 2 3 2 7 8 2" xfId="14271"/>
    <cellStyle name="Обычный 2 3 2 7 8 2 2" xfId="14272"/>
    <cellStyle name="Обычный 2 3 2 7 8 2 2 2" xfId="14273"/>
    <cellStyle name="Обычный 2 3 2 7 8 2 3" xfId="14274"/>
    <cellStyle name="Обычный 2 3 2 7 8 2 3 2" xfId="14275"/>
    <cellStyle name="Обычный 2 3 2 7 8 2 4" xfId="14276"/>
    <cellStyle name="Обычный 2 3 2 7 8 3" xfId="14277"/>
    <cellStyle name="Обычный 2 3 2 7 8 3 2" xfId="14278"/>
    <cellStyle name="Обычный 2 3 2 7 8 4" xfId="14279"/>
    <cellStyle name="Обычный 2 3 2 7 8 4 2" xfId="14280"/>
    <cellStyle name="Обычный 2 3 2 7 8 5" xfId="14281"/>
    <cellStyle name="Обычный 2 3 2 7 8 5 2" xfId="14282"/>
    <cellStyle name="Обычный 2 3 2 7 8 6" xfId="14283"/>
    <cellStyle name="Обычный 2 3 2 7 9" xfId="14284"/>
    <cellStyle name="Обычный 2 3 2 7 9 2" xfId="14285"/>
    <cellStyle name="Обычный 2 3 2 7 9 2 2" xfId="14286"/>
    <cellStyle name="Обычный 2 3 2 7 9 3" xfId="14287"/>
    <cellStyle name="Обычный 2 3 2 7 9 3 2" xfId="14288"/>
    <cellStyle name="Обычный 2 3 2 7 9 4" xfId="14289"/>
    <cellStyle name="Обычный 2 3 2 8" xfId="14290"/>
    <cellStyle name="Обычный 2 3 2 8 10" xfId="14291"/>
    <cellStyle name="Обычный 2 3 2 8 10 2" xfId="14292"/>
    <cellStyle name="Обычный 2 3 2 8 10 2 2" xfId="14293"/>
    <cellStyle name="Обычный 2 3 2 8 10 3" xfId="14294"/>
    <cellStyle name="Обычный 2 3 2 8 11" xfId="14295"/>
    <cellStyle name="Обычный 2 3 2 8 11 2" xfId="14296"/>
    <cellStyle name="Обычный 2 3 2 8 12" xfId="14297"/>
    <cellStyle name="Обычный 2 3 2 8 12 2" xfId="14298"/>
    <cellStyle name="Обычный 2 3 2 8 13" xfId="14299"/>
    <cellStyle name="Обычный 2 3 2 8 14" xfId="14300"/>
    <cellStyle name="Обычный 2 3 2 8 2" xfId="14301"/>
    <cellStyle name="Обычный 2 3 2 8 2 10" xfId="14302"/>
    <cellStyle name="Обычный 2 3 2 8 2 10 2" xfId="14303"/>
    <cellStyle name="Обычный 2 3 2 8 2 11" xfId="14304"/>
    <cellStyle name="Обычный 2 3 2 8 2 11 2" xfId="14305"/>
    <cellStyle name="Обычный 2 3 2 8 2 12" xfId="14306"/>
    <cellStyle name="Обычный 2 3 2 8 2 13" xfId="14307"/>
    <cellStyle name="Обычный 2 3 2 8 2 2" xfId="14308"/>
    <cellStyle name="Обычный 2 3 2 8 2 2 10" xfId="14309"/>
    <cellStyle name="Обычный 2 3 2 8 2 2 2" xfId="14310"/>
    <cellStyle name="Обычный 2 3 2 8 2 2 2 2" xfId="14311"/>
    <cellStyle name="Обычный 2 3 2 8 2 2 2 2 2" xfId="14312"/>
    <cellStyle name="Обычный 2 3 2 8 2 2 2 2 2 2" xfId="14313"/>
    <cellStyle name="Обычный 2 3 2 8 2 2 2 2 3" xfId="14314"/>
    <cellStyle name="Обычный 2 3 2 8 2 2 2 2 3 2" xfId="14315"/>
    <cellStyle name="Обычный 2 3 2 8 2 2 2 2 4" xfId="14316"/>
    <cellStyle name="Обычный 2 3 2 8 2 2 2 3" xfId="14317"/>
    <cellStyle name="Обычный 2 3 2 8 2 2 2 3 2" xfId="14318"/>
    <cellStyle name="Обычный 2 3 2 8 2 2 2 4" xfId="14319"/>
    <cellStyle name="Обычный 2 3 2 8 2 2 2 4 2" xfId="14320"/>
    <cellStyle name="Обычный 2 3 2 8 2 2 2 5" xfId="14321"/>
    <cellStyle name="Обычный 2 3 2 8 2 2 2 5 2" xfId="14322"/>
    <cellStyle name="Обычный 2 3 2 8 2 2 2 6" xfId="14323"/>
    <cellStyle name="Обычный 2 3 2 8 2 2 3" xfId="14324"/>
    <cellStyle name="Обычный 2 3 2 8 2 2 3 2" xfId="14325"/>
    <cellStyle name="Обычный 2 3 2 8 2 2 3 2 2" xfId="14326"/>
    <cellStyle name="Обычный 2 3 2 8 2 2 3 2 2 2" xfId="14327"/>
    <cellStyle name="Обычный 2 3 2 8 2 2 3 2 3" xfId="14328"/>
    <cellStyle name="Обычный 2 3 2 8 2 2 3 2 3 2" xfId="14329"/>
    <cellStyle name="Обычный 2 3 2 8 2 2 3 2 4" xfId="14330"/>
    <cellStyle name="Обычный 2 3 2 8 2 2 3 3" xfId="14331"/>
    <cellStyle name="Обычный 2 3 2 8 2 2 3 3 2" xfId="14332"/>
    <cellStyle name="Обычный 2 3 2 8 2 2 3 4" xfId="14333"/>
    <cellStyle name="Обычный 2 3 2 8 2 2 3 4 2" xfId="14334"/>
    <cellStyle name="Обычный 2 3 2 8 2 2 3 5" xfId="14335"/>
    <cellStyle name="Обычный 2 3 2 8 2 2 3 5 2" xfId="14336"/>
    <cellStyle name="Обычный 2 3 2 8 2 2 3 6" xfId="14337"/>
    <cellStyle name="Обычный 2 3 2 8 2 2 4" xfId="14338"/>
    <cellStyle name="Обычный 2 3 2 8 2 2 4 2" xfId="14339"/>
    <cellStyle name="Обычный 2 3 2 8 2 2 4 2 2" xfId="14340"/>
    <cellStyle name="Обычный 2 3 2 8 2 2 4 2 2 2" xfId="14341"/>
    <cellStyle name="Обычный 2 3 2 8 2 2 4 2 3" xfId="14342"/>
    <cellStyle name="Обычный 2 3 2 8 2 2 4 2 3 2" xfId="14343"/>
    <cellStyle name="Обычный 2 3 2 8 2 2 4 2 4" xfId="14344"/>
    <cellStyle name="Обычный 2 3 2 8 2 2 4 3" xfId="14345"/>
    <cellStyle name="Обычный 2 3 2 8 2 2 4 3 2" xfId="14346"/>
    <cellStyle name="Обычный 2 3 2 8 2 2 4 4" xfId="14347"/>
    <cellStyle name="Обычный 2 3 2 8 2 2 4 4 2" xfId="14348"/>
    <cellStyle name="Обычный 2 3 2 8 2 2 4 5" xfId="14349"/>
    <cellStyle name="Обычный 2 3 2 8 2 2 4 5 2" xfId="14350"/>
    <cellStyle name="Обычный 2 3 2 8 2 2 4 6" xfId="14351"/>
    <cellStyle name="Обычный 2 3 2 8 2 2 5" xfId="14352"/>
    <cellStyle name="Обычный 2 3 2 8 2 2 5 2" xfId="14353"/>
    <cellStyle name="Обычный 2 3 2 8 2 2 5 2 2" xfId="14354"/>
    <cellStyle name="Обычный 2 3 2 8 2 2 5 2 2 2" xfId="14355"/>
    <cellStyle name="Обычный 2 3 2 8 2 2 5 2 3" xfId="14356"/>
    <cellStyle name="Обычный 2 3 2 8 2 2 5 2 3 2" xfId="14357"/>
    <cellStyle name="Обычный 2 3 2 8 2 2 5 2 4" xfId="14358"/>
    <cellStyle name="Обычный 2 3 2 8 2 2 5 3" xfId="14359"/>
    <cellStyle name="Обычный 2 3 2 8 2 2 5 3 2" xfId="14360"/>
    <cellStyle name="Обычный 2 3 2 8 2 2 5 4" xfId="14361"/>
    <cellStyle name="Обычный 2 3 2 8 2 2 5 4 2" xfId="14362"/>
    <cellStyle name="Обычный 2 3 2 8 2 2 5 5" xfId="14363"/>
    <cellStyle name="Обычный 2 3 2 8 2 2 5 5 2" xfId="14364"/>
    <cellStyle name="Обычный 2 3 2 8 2 2 5 6" xfId="14365"/>
    <cellStyle name="Обычный 2 3 2 8 2 2 6" xfId="14366"/>
    <cellStyle name="Обычный 2 3 2 8 2 2 6 2" xfId="14367"/>
    <cellStyle name="Обычный 2 3 2 8 2 2 6 2 2" xfId="14368"/>
    <cellStyle name="Обычный 2 3 2 8 2 2 6 3" xfId="14369"/>
    <cellStyle name="Обычный 2 3 2 8 2 2 6 3 2" xfId="14370"/>
    <cellStyle name="Обычный 2 3 2 8 2 2 6 4" xfId="14371"/>
    <cellStyle name="Обычный 2 3 2 8 2 2 7" xfId="14372"/>
    <cellStyle name="Обычный 2 3 2 8 2 2 7 2" xfId="14373"/>
    <cellStyle name="Обычный 2 3 2 8 2 2 8" xfId="14374"/>
    <cellStyle name="Обычный 2 3 2 8 2 2 8 2" xfId="14375"/>
    <cellStyle name="Обычный 2 3 2 8 2 2 9" xfId="14376"/>
    <cellStyle name="Обычный 2 3 2 8 2 2 9 2" xfId="14377"/>
    <cellStyle name="Обычный 2 3 2 8 2 3" xfId="14378"/>
    <cellStyle name="Обычный 2 3 2 8 2 3 2" xfId="14379"/>
    <cellStyle name="Обычный 2 3 2 8 2 3 2 2" xfId="14380"/>
    <cellStyle name="Обычный 2 3 2 8 2 3 2 2 2" xfId="14381"/>
    <cellStyle name="Обычный 2 3 2 8 2 3 2 2 2 2" xfId="14382"/>
    <cellStyle name="Обычный 2 3 2 8 2 3 2 2 3" xfId="14383"/>
    <cellStyle name="Обычный 2 3 2 8 2 3 2 2 3 2" xfId="14384"/>
    <cellStyle name="Обычный 2 3 2 8 2 3 2 2 4" xfId="14385"/>
    <cellStyle name="Обычный 2 3 2 8 2 3 2 3" xfId="14386"/>
    <cellStyle name="Обычный 2 3 2 8 2 3 2 3 2" xfId="14387"/>
    <cellStyle name="Обычный 2 3 2 8 2 3 2 4" xfId="14388"/>
    <cellStyle name="Обычный 2 3 2 8 2 3 2 4 2" xfId="14389"/>
    <cellStyle name="Обычный 2 3 2 8 2 3 2 5" xfId="14390"/>
    <cellStyle name="Обычный 2 3 2 8 2 3 2 5 2" xfId="14391"/>
    <cellStyle name="Обычный 2 3 2 8 2 3 2 6" xfId="14392"/>
    <cellStyle name="Обычный 2 3 2 8 2 3 3" xfId="14393"/>
    <cellStyle name="Обычный 2 3 2 8 2 3 3 2" xfId="14394"/>
    <cellStyle name="Обычный 2 3 2 8 2 3 3 2 2" xfId="14395"/>
    <cellStyle name="Обычный 2 3 2 8 2 3 3 2 2 2" xfId="14396"/>
    <cellStyle name="Обычный 2 3 2 8 2 3 3 2 3" xfId="14397"/>
    <cellStyle name="Обычный 2 3 2 8 2 3 3 2 3 2" xfId="14398"/>
    <cellStyle name="Обычный 2 3 2 8 2 3 3 2 4" xfId="14399"/>
    <cellStyle name="Обычный 2 3 2 8 2 3 3 3" xfId="14400"/>
    <cellStyle name="Обычный 2 3 2 8 2 3 3 3 2" xfId="14401"/>
    <cellStyle name="Обычный 2 3 2 8 2 3 3 4" xfId="14402"/>
    <cellStyle name="Обычный 2 3 2 8 2 3 3 4 2" xfId="14403"/>
    <cellStyle name="Обычный 2 3 2 8 2 3 3 5" xfId="14404"/>
    <cellStyle name="Обычный 2 3 2 8 2 3 3 5 2" xfId="14405"/>
    <cellStyle name="Обычный 2 3 2 8 2 3 3 6" xfId="14406"/>
    <cellStyle name="Обычный 2 3 2 8 2 3 4" xfId="14407"/>
    <cellStyle name="Обычный 2 3 2 8 2 3 4 2" xfId="14408"/>
    <cellStyle name="Обычный 2 3 2 8 2 3 4 2 2" xfId="14409"/>
    <cellStyle name="Обычный 2 3 2 8 2 3 4 2 2 2" xfId="14410"/>
    <cellStyle name="Обычный 2 3 2 8 2 3 4 2 3" xfId="14411"/>
    <cellStyle name="Обычный 2 3 2 8 2 3 4 2 3 2" xfId="14412"/>
    <cellStyle name="Обычный 2 3 2 8 2 3 4 2 4" xfId="14413"/>
    <cellStyle name="Обычный 2 3 2 8 2 3 4 3" xfId="14414"/>
    <cellStyle name="Обычный 2 3 2 8 2 3 4 3 2" xfId="14415"/>
    <cellStyle name="Обычный 2 3 2 8 2 3 4 4" xfId="14416"/>
    <cellStyle name="Обычный 2 3 2 8 2 3 4 4 2" xfId="14417"/>
    <cellStyle name="Обычный 2 3 2 8 2 3 4 5" xfId="14418"/>
    <cellStyle name="Обычный 2 3 2 8 2 3 4 5 2" xfId="14419"/>
    <cellStyle name="Обычный 2 3 2 8 2 3 4 6" xfId="14420"/>
    <cellStyle name="Обычный 2 3 2 8 2 3 5" xfId="14421"/>
    <cellStyle name="Обычный 2 3 2 8 2 3 5 2" xfId="14422"/>
    <cellStyle name="Обычный 2 3 2 8 2 3 5 2 2" xfId="14423"/>
    <cellStyle name="Обычный 2 3 2 8 2 3 5 3" xfId="14424"/>
    <cellStyle name="Обычный 2 3 2 8 2 3 5 3 2" xfId="14425"/>
    <cellStyle name="Обычный 2 3 2 8 2 3 5 4" xfId="14426"/>
    <cellStyle name="Обычный 2 3 2 8 2 3 6" xfId="14427"/>
    <cellStyle name="Обычный 2 3 2 8 2 3 6 2" xfId="14428"/>
    <cellStyle name="Обычный 2 3 2 8 2 3 7" xfId="14429"/>
    <cellStyle name="Обычный 2 3 2 8 2 3 7 2" xfId="14430"/>
    <cellStyle name="Обычный 2 3 2 8 2 3 8" xfId="14431"/>
    <cellStyle name="Обычный 2 3 2 8 2 3 8 2" xfId="14432"/>
    <cellStyle name="Обычный 2 3 2 8 2 3 9" xfId="14433"/>
    <cellStyle name="Обычный 2 3 2 8 2 4" xfId="14434"/>
    <cellStyle name="Обычный 2 3 2 8 2 4 2" xfId="14435"/>
    <cellStyle name="Обычный 2 3 2 8 2 4 2 2" xfId="14436"/>
    <cellStyle name="Обычный 2 3 2 8 2 4 2 2 2" xfId="14437"/>
    <cellStyle name="Обычный 2 3 2 8 2 4 2 3" xfId="14438"/>
    <cellStyle name="Обычный 2 3 2 8 2 4 2 3 2" xfId="14439"/>
    <cellStyle name="Обычный 2 3 2 8 2 4 2 4" xfId="14440"/>
    <cellStyle name="Обычный 2 3 2 8 2 4 3" xfId="14441"/>
    <cellStyle name="Обычный 2 3 2 8 2 4 3 2" xfId="14442"/>
    <cellStyle name="Обычный 2 3 2 8 2 4 4" xfId="14443"/>
    <cellStyle name="Обычный 2 3 2 8 2 4 4 2" xfId="14444"/>
    <cellStyle name="Обычный 2 3 2 8 2 4 5" xfId="14445"/>
    <cellStyle name="Обычный 2 3 2 8 2 4 5 2" xfId="14446"/>
    <cellStyle name="Обычный 2 3 2 8 2 4 6" xfId="14447"/>
    <cellStyle name="Обычный 2 3 2 8 2 5" xfId="14448"/>
    <cellStyle name="Обычный 2 3 2 8 2 5 2" xfId="14449"/>
    <cellStyle name="Обычный 2 3 2 8 2 5 2 2" xfId="14450"/>
    <cellStyle name="Обычный 2 3 2 8 2 5 2 2 2" xfId="14451"/>
    <cellStyle name="Обычный 2 3 2 8 2 5 2 3" xfId="14452"/>
    <cellStyle name="Обычный 2 3 2 8 2 5 2 3 2" xfId="14453"/>
    <cellStyle name="Обычный 2 3 2 8 2 5 2 4" xfId="14454"/>
    <cellStyle name="Обычный 2 3 2 8 2 5 3" xfId="14455"/>
    <cellStyle name="Обычный 2 3 2 8 2 5 3 2" xfId="14456"/>
    <cellStyle name="Обычный 2 3 2 8 2 5 4" xfId="14457"/>
    <cellStyle name="Обычный 2 3 2 8 2 5 4 2" xfId="14458"/>
    <cellStyle name="Обычный 2 3 2 8 2 5 5" xfId="14459"/>
    <cellStyle name="Обычный 2 3 2 8 2 5 5 2" xfId="14460"/>
    <cellStyle name="Обычный 2 3 2 8 2 5 6" xfId="14461"/>
    <cellStyle name="Обычный 2 3 2 8 2 6" xfId="14462"/>
    <cellStyle name="Обычный 2 3 2 8 2 6 2" xfId="14463"/>
    <cellStyle name="Обычный 2 3 2 8 2 6 2 2" xfId="14464"/>
    <cellStyle name="Обычный 2 3 2 8 2 6 2 2 2" xfId="14465"/>
    <cellStyle name="Обычный 2 3 2 8 2 6 2 3" xfId="14466"/>
    <cellStyle name="Обычный 2 3 2 8 2 6 2 3 2" xfId="14467"/>
    <cellStyle name="Обычный 2 3 2 8 2 6 2 4" xfId="14468"/>
    <cellStyle name="Обычный 2 3 2 8 2 6 3" xfId="14469"/>
    <cellStyle name="Обычный 2 3 2 8 2 6 3 2" xfId="14470"/>
    <cellStyle name="Обычный 2 3 2 8 2 6 4" xfId="14471"/>
    <cellStyle name="Обычный 2 3 2 8 2 6 4 2" xfId="14472"/>
    <cellStyle name="Обычный 2 3 2 8 2 6 5" xfId="14473"/>
    <cellStyle name="Обычный 2 3 2 8 2 6 5 2" xfId="14474"/>
    <cellStyle name="Обычный 2 3 2 8 2 6 6" xfId="14475"/>
    <cellStyle name="Обычный 2 3 2 8 2 7" xfId="14476"/>
    <cellStyle name="Обычный 2 3 2 8 2 7 2" xfId="14477"/>
    <cellStyle name="Обычный 2 3 2 8 2 7 2 2" xfId="14478"/>
    <cellStyle name="Обычный 2 3 2 8 2 7 2 2 2" xfId="14479"/>
    <cellStyle name="Обычный 2 3 2 8 2 7 2 3" xfId="14480"/>
    <cellStyle name="Обычный 2 3 2 8 2 7 2 3 2" xfId="14481"/>
    <cellStyle name="Обычный 2 3 2 8 2 7 2 4" xfId="14482"/>
    <cellStyle name="Обычный 2 3 2 8 2 7 3" xfId="14483"/>
    <cellStyle name="Обычный 2 3 2 8 2 7 3 2" xfId="14484"/>
    <cellStyle name="Обычный 2 3 2 8 2 7 4" xfId="14485"/>
    <cellStyle name="Обычный 2 3 2 8 2 7 4 2" xfId="14486"/>
    <cellStyle name="Обычный 2 3 2 8 2 7 5" xfId="14487"/>
    <cellStyle name="Обычный 2 3 2 8 2 7 5 2" xfId="14488"/>
    <cellStyle name="Обычный 2 3 2 8 2 7 6" xfId="14489"/>
    <cellStyle name="Обычный 2 3 2 8 2 8" xfId="14490"/>
    <cellStyle name="Обычный 2 3 2 8 2 8 2" xfId="14491"/>
    <cellStyle name="Обычный 2 3 2 8 2 8 2 2" xfId="14492"/>
    <cellStyle name="Обычный 2 3 2 8 2 8 3" xfId="14493"/>
    <cellStyle name="Обычный 2 3 2 8 2 8 3 2" xfId="14494"/>
    <cellStyle name="Обычный 2 3 2 8 2 8 4" xfId="14495"/>
    <cellStyle name="Обычный 2 3 2 8 2 9" xfId="14496"/>
    <cellStyle name="Обычный 2 3 2 8 2 9 2" xfId="14497"/>
    <cellStyle name="Обычный 2 3 2 8 2 9 2 2" xfId="14498"/>
    <cellStyle name="Обычный 2 3 2 8 2 9 3" xfId="14499"/>
    <cellStyle name="Обычный 2 3 2 8 3" xfId="14500"/>
    <cellStyle name="Обычный 2 3 2 8 3 10" xfId="14501"/>
    <cellStyle name="Обычный 2 3 2 8 3 2" xfId="14502"/>
    <cellStyle name="Обычный 2 3 2 8 3 2 2" xfId="14503"/>
    <cellStyle name="Обычный 2 3 2 8 3 2 2 2" xfId="14504"/>
    <cellStyle name="Обычный 2 3 2 8 3 2 2 2 2" xfId="14505"/>
    <cellStyle name="Обычный 2 3 2 8 3 2 2 3" xfId="14506"/>
    <cellStyle name="Обычный 2 3 2 8 3 2 2 3 2" xfId="14507"/>
    <cellStyle name="Обычный 2 3 2 8 3 2 2 4" xfId="14508"/>
    <cellStyle name="Обычный 2 3 2 8 3 2 3" xfId="14509"/>
    <cellStyle name="Обычный 2 3 2 8 3 2 3 2" xfId="14510"/>
    <cellStyle name="Обычный 2 3 2 8 3 2 4" xfId="14511"/>
    <cellStyle name="Обычный 2 3 2 8 3 2 4 2" xfId="14512"/>
    <cellStyle name="Обычный 2 3 2 8 3 2 5" xfId="14513"/>
    <cellStyle name="Обычный 2 3 2 8 3 2 5 2" xfId="14514"/>
    <cellStyle name="Обычный 2 3 2 8 3 2 6" xfId="14515"/>
    <cellStyle name="Обычный 2 3 2 8 3 3" xfId="14516"/>
    <cellStyle name="Обычный 2 3 2 8 3 3 2" xfId="14517"/>
    <cellStyle name="Обычный 2 3 2 8 3 3 2 2" xfId="14518"/>
    <cellStyle name="Обычный 2 3 2 8 3 3 2 2 2" xfId="14519"/>
    <cellStyle name="Обычный 2 3 2 8 3 3 2 3" xfId="14520"/>
    <cellStyle name="Обычный 2 3 2 8 3 3 2 3 2" xfId="14521"/>
    <cellStyle name="Обычный 2 3 2 8 3 3 2 4" xfId="14522"/>
    <cellStyle name="Обычный 2 3 2 8 3 3 3" xfId="14523"/>
    <cellStyle name="Обычный 2 3 2 8 3 3 3 2" xfId="14524"/>
    <cellStyle name="Обычный 2 3 2 8 3 3 4" xfId="14525"/>
    <cellStyle name="Обычный 2 3 2 8 3 3 4 2" xfId="14526"/>
    <cellStyle name="Обычный 2 3 2 8 3 3 5" xfId="14527"/>
    <cellStyle name="Обычный 2 3 2 8 3 3 5 2" xfId="14528"/>
    <cellStyle name="Обычный 2 3 2 8 3 3 6" xfId="14529"/>
    <cellStyle name="Обычный 2 3 2 8 3 4" xfId="14530"/>
    <cellStyle name="Обычный 2 3 2 8 3 4 2" xfId="14531"/>
    <cellStyle name="Обычный 2 3 2 8 3 4 2 2" xfId="14532"/>
    <cellStyle name="Обычный 2 3 2 8 3 4 2 2 2" xfId="14533"/>
    <cellStyle name="Обычный 2 3 2 8 3 4 2 3" xfId="14534"/>
    <cellStyle name="Обычный 2 3 2 8 3 4 2 3 2" xfId="14535"/>
    <cellStyle name="Обычный 2 3 2 8 3 4 2 4" xfId="14536"/>
    <cellStyle name="Обычный 2 3 2 8 3 4 3" xfId="14537"/>
    <cellStyle name="Обычный 2 3 2 8 3 4 3 2" xfId="14538"/>
    <cellStyle name="Обычный 2 3 2 8 3 4 4" xfId="14539"/>
    <cellStyle name="Обычный 2 3 2 8 3 4 4 2" xfId="14540"/>
    <cellStyle name="Обычный 2 3 2 8 3 4 5" xfId="14541"/>
    <cellStyle name="Обычный 2 3 2 8 3 4 5 2" xfId="14542"/>
    <cellStyle name="Обычный 2 3 2 8 3 4 6" xfId="14543"/>
    <cellStyle name="Обычный 2 3 2 8 3 5" xfId="14544"/>
    <cellStyle name="Обычный 2 3 2 8 3 5 2" xfId="14545"/>
    <cellStyle name="Обычный 2 3 2 8 3 5 2 2" xfId="14546"/>
    <cellStyle name="Обычный 2 3 2 8 3 5 2 2 2" xfId="14547"/>
    <cellStyle name="Обычный 2 3 2 8 3 5 2 3" xfId="14548"/>
    <cellStyle name="Обычный 2 3 2 8 3 5 2 3 2" xfId="14549"/>
    <cellStyle name="Обычный 2 3 2 8 3 5 2 4" xfId="14550"/>
    <cellStyle name="Обычный 2 3 2 8 3 5 3" xfId="14551"/>
    <cellStyle name="Обычный 2 3 2 8 3 5 3 2" xfId="14552"/>
    <cellStyle name="Обычный 2 3 2 8 3 5 4" xfId="14553"/>
    <cellStyle name="Обычный 2 3 2 8 3 5 4 2" xfId="14554"/>
    <cellStyle name="Обычный 2 3 2 8 3 5 5" xfId="14555"/>
    <cellStyle name="Обычный 2 3 2 8 3 5 5 2" xfId="14556"/>
    <cellStyle name="Обычный 2 3 2 8 3 5 6" xfId="14557"/>
    <cellStyle name="Обычный 2 3 2 8 3 6" xfId="14558"/>
    <cellStyle name="Обычный 2 3 2 8 3 6 2" xfId="14559"/>
    <cellStyle name="Обычный 2 3 2 8 3 6 2 2" xfId="14560"/>
    <cellStyle name="Обычный 2 3 2 8 3 6 3" xfId="14561"/>
    <cellStyle name="Обычный 2 3 2 8 3 6 3 2" xfId="14562"/>
    <cellStyle name="Обычный 2 3 2 8 3 6 4" xfId="14563"/>
    <cellStyle name="Обычный 2 3 2 8 3 7" xfId="14564"/>
    <cellStyle name="Обычный 2 3 2 8 3 7 2" xfId="14565"/>
    <cellStyle name="Обычный 2 3 2 8 3 8" xfId="14566"/>
    <cellStyle name="Обычный 2 3 2 8 3 8 2" xfId="14567"/>
    <cellStyle name="Обычный 2 3 2 8 3 9" xfId="14568"/>
    <cellStyle name="Обычный 2 3 2 8 3 9 2" xfId="14569"/>
    <cellStyle name="Обычный 2 3 2 8 4" xfId="14570"/>
    <cellStyle name="Обычный 2 3 2 8 4 2" xfId="14571"/>
    <cellStyle name="Обычный 2 3 2 8 4 2 2" xfId="14572"/>
    <cellStyle name="Обычный 2 3 2 8 4 2 2 2" xfId="14573"/>
    <cellStyle name="Обычный 2 3 2 8 4 2 2 2 2" xfId="14574"/>
    <cellStyle name="Обычный 2 3 2 8 4 2 2 3" xfId="14575"/>
    <cellStyle name="Обычный 2 3 2 8 4 2 2 3 2" xfId="14576"/>
    <cellStyle name="Обычный 2 3 2 8 4 2 2 4" xfId="14577"/>
    <cellStyle name="Обычный 2 3 2 8 4 2 3" xfId="14578"/>
    <cellStyle name="Обычный 2 3 2 8 4 2 3 2" xfId="14579"/>
    <cellStyle name="Обычный 2 3 2 8 4 2 4" xfId="14580"/>
    <cellStyle name="Обычный 2 3 2 8 4 2 4 2" xfId="14581"/>
    <cellStyle name="Обычный 2 3 2 8 4 2 5" xfId="14582"/>
    <cellStyle name="Обычный 2 3 2 8 4 2 5 2" xfId="14583"/>
    <cellStyle name="Обычный 2 3 2 8 4 2 6" xfId="14584"/>
    <cellStyle name="Обычный 2 3 2 8 4 3" xfId="14585"/>
    <cellStyle name="Обычный 2 3 2 8 4 3 2" xfId="14586"/>
    <cellStyle name="Обычный 2 3 2 8 4 3 2 2" xfId="14587"/>
    <cellStyle name="Обычный 2 3 2 8 4 3 2 2 2" xfId="14588"/>
    <cellStyle name="Обычный 2 3 2 8 4 3 2 3" xfId="14589"/>
    <cellStyle name="Обычный 2 3 2 8 4 3 2 3 2" xfId="14590"/>
    <cellStyle name="Обычный 2 3 2 8 4 3 2 4" xfId="14591"/>
    <cellStyle name="Обычный 2 3 2 8 4 3 3" xfId="14592"/>
    <cellStyle name="Обычный 2 3 2 8 4 3 3 2" xfId="14593"/>
    <cellStyle name="Обычный 2 3 2 8 4 3 4" xfId="14594"/>
    <cellStyle name="Обычный 2 3 2 8 4 3 4 2" xfId="14595"/>
    <cellStyle name="Обычный 2 3 2 8 4 3 5" xfId="14596"/>
    <cellStyle name="Обычный 2 3 2 8 4 3 5 2" xfId="14597"/>
    <cellStyle name="Обычный 2 3 2 8 4 3 6" xfId="14598"/>
    <cellStyle name="Обычный 2 3 2 8 4 4" xfId="14599"/>
    <cellStyle name="Обычный 2 3 2 8 4 4 2" xfId="14600"/>
    <cellStyle name="Обычный 2 3 2 8 4 4 2 2" xfId="14601"/>
    <cellStyle name="Обычный 2 3 2 8 4 4 2 2 2" xfId="14602"/>
    <cellStyle name="Обычный 2 3 2 8 4 4 2 3" xfId="14603"/>
    <cellStyle name="Обычный 2 3 2 8 4 4 2 3 2" xfId="14604"/>
    <cellStyle name="Обычный 2 3 2 8 4 4 2 4" xfId="14605"/>
    <cellStyle name="Обычный 2 3 2 8 4 4 3" xfId="14606"/>
    <cellStyle name="Обычный 2 3 2 8 4 4 3 2" xfId="14607"/>
    <cellStyle name="Обычный 2 3 2 8 4 4 4" xfId="14608"/>
    <cellStyle name="Обычный 2 3 2 8 4 4 4 2" xfId="14609"/>
    <cellStyle name="Обычный 2 3 2 8 4 4 5" xfId="14610"/>
    <cellStyle name="Обычный 2 3 2 8 4 4 5 2" xfId="14611"/>
    <cellStyle name="Обычный 2 3 2 8 4 4 6" xfId="14612"/>
    <cellStyle name="Обычный 2 3 2 8 4 5" xfId="14613"/>
    <cellStyle name="Обычный 2 3 2 8 4 5 2" xfId="14614"/>
    <cellStyle name="Обычный 2 3 2 8 4 5 2 2" xfId="14615"/>
    <cellStyle name="Обычный 2 3 2 8 4 5 3" xfId="14616"/>
    <cellStyle name="Обычный 2 3 2 8 4 5 3 2" xfId="14617"/>
    <cellStyle name="Обычный 2 3 2 8 4 5 4" xfId="14618"/>
    <cellStyle name="Обычный 2 3 2 8 4 6" xfId="14619"/>
    <cellStyle name="Обычный 2 3 2 8 4 6 2" xfId="14620"/>
    <cellStyle name="Обычный 2 3 2 8 4 7" xfId="14621"/>
    <cellStyle name="Обычный 2 3 2 8 4 7 2" xfId="14622"/>
    <cellStyle name="Обычный 2 3 2 8 4 8" xfId="14623"/>
    <cellStyle name="Обычный 2 3 2 8 4 8 2" xfId="14624"/>
    <cellStyle name="Обычный 2 3 2 8 4 9" xfId="14625"/>
    <cellStyle name="Обычный 2 3 2 8 5" xfId="14626"/>
    <cellStyle name="Обычный 2 3 2 8 5 2" xfId="14627"/>
    <cellStyle name="Обычный 2 3 2 8 5 2 2" xfId="14628"/>
    <cellStyle name="Обычный 2 3 2 8 5 2 2 2" xfId="14629"/>
    <cellStyle name="Обычный 2 3 2 8 5 2 3" xfId="14630"/>
    <cellStyle name="Обычный 2 3 2 8 5 2 3 2" xfId="14631"/>
    <cellStyle name="Обычный 2 3 2 8 5 2 4" xfId="14632"/>
    <cellStyle name="Обычный 2 3 2 8 5 3" xfId="14633"/>
    <cellStyle name="Обычный 2 3 2 8 5 3 2" xfId="14634"/>
    <cellStyle name="Обычный 2 3 2 8 5 4" xfId="14635"/>
    <cellStyle name="Обычный 2 3 2 8 5 4 2" xfId="14636"/>
    <cellStyle name="Обычный 2 3 2 8 5 5" xfId="14637"/>
    <cellStyle name="Обычный 2 3 2 8 5 5 2" xfId="14638"/>
    <cellStyle name="Обычный 2 3 2 8 5 6" xfId="14639"/>
    <cellStyle name="Обычный 2 3 2 8 6" xfId="14640"/>
    <cellStyle name="Обычный 2 3 2 8 6 2" xfId="14641"/>
    <cellStyle name="Обычный 2 3 2 8 6 2 2" xfId="14642"/>
    <cellStyle name="Обычный 2 3 2 8 6 2 2 2" xfId="14643"/>
    <cellStyle name="Обычный 2 3 2 8 6 2 3" xfId="14644"/>
    <cellStyle name="Обычный 2 3 2 8 6 2 3 2" xfId="14645"/>
    <cellStyle name="Обычный 2 3 2 8 6 2 4" xfId="14646"/>
    <cellStyle name="Обычный 2 3 2 8 6 3" xfId="14647"/>
    <cellStyle name="Обычный 2 3 2 8 6 3 2" xfId="14648"/>
    <cellStyle name="Обычный 2 3 2 8 6 4" xfId="14649"/>
    <cellStyle name="Обычный 2 3 2 8 6 4 2" xfId="14650"/>
    <cellStyle name="Обычный 2 3 2 8 6 5" xfId="14651"/>
    <cellStyle name="Обычный 2 3 2 8 6 5 2" xfId="14652"/>
    <cellStyle name="Обычный 2 3 2 8 6 6" xfId="14653"/>
    <cellStyle name="Обычный 2 3 2 8 7" xfId="14654"/>
    <cellStyle name="Обычный 2 3 2 8 7 2" xfId="14655"/>
    <cellStyle name="Обычный 2 3 2 8 7 2 2" xfId="14656"/>
    <cellStyle name="Обычный 2 3 2 8 7 2 2 2" xfId="14657"/>
    <cellStyle name="Обычный 2 3 2 8 7 2 3" xfId="14658"/>
    <cellStyle name="Обычный 2 3 2 8 7 2 3 2" xfId="14659"/>
    <cellStyle name="Обычный 2 3 2 8 7 2 4" xfId="14660"/>
    <cellStyle name="Обычный 2 3 2 8 7 3" xfId="14661"/>
    <cellStyle name="Обычный 2 3 2 8 7 3 2" xfId="14662"/>
    <cellStyle name="Обычный 2 3 2 8 7 4" xfId="14663"/>
    <cellStyle name="Обычный 2 3 2 8 7 4 2" xfId="14664"/>
    <cellStyle name="Обычный 2 3 2 8 7 5" xfId="14665"/>
    <cellStyle name="Обычный 2 3 2 8 7 5 2" xfId="14666"/>
    <cellStyle name="Обычный 2 3 2 8 7 6" xfId="14667"/>
    <cellStyle name="Обычный 2 3 2 8 8" xfId="14668"/>
    <cellStyle name="Обычный 2 3 2 8 8 2" xfId="14669"/>
    <cellStyle name="Обычный 2 3 2 8 8 2 2" xfId="14670"/>
    <cellStyle name="Обычный 2 3 2 8 8 2 2 2" xfId="14671"/>
    <cellStyle name="Обычный 2 3 2 8 8 2 3" xfId="14672"/>
    <cellStyle name="Обычный 2 3 2 8 8 2 3 2" xfId="14673"/>
    <cellStyle name="Обычный 2 3 2 8 8 2 4" xfId="14674"/>
    <cellStyle name="Обычный 2 3 2 8 8 3" xfId="14675"/>
    <cellStyle name="Обычный 2 3 2 8 8 3 2" xfId="14676"/>
    <cellStyle name="Обычный 2 3 2 8 8 4" xfId="14677"/>
    <cellStyle name="Обычный 2 3 2 8 8 4 2" xfId="14678"/>
    <cellStyle name="Обычный 2 3 2 8 8 5" xfId="14679"/>
    <cellStyle name="Обычный 2 3 2 8 8 5 2" xfId="14680"/>
    <cellStyle name="Обычный 2 3 2 8 8 6" xfId="14681"/>
    <cellStyle name="Обычный 2 3 2 8 9" xfId="14682"/>
    <cellStyle name="Обычный 2 3 2 8 9 2" xfId="14683"/>
    <cellStyle name="Обычный 2 3 2 8 9 2 2" xfId="14684"/>
    <cellStyle name="Обычный 2 3 2 8 9 3" xfId="14685"/>
    <cellStyle name="Обычный 2 3 2 8 9 3 2" xfId="14686"/>
    <cellStyle name="Обычный 2 3 2 8 9 4" xfId="14687"/>
    <cellStyle name="Обычный 2 3 2 9" xfId="14688"/>
    <cellStyle name="Обычный 2 3 2 9 10" xfId="14689"/>
    <cellStyle name="Обычный 2 3 2 9 10 2" xfId="14690"/>
    <cellStyle name="Обычный 2 3 2 9 10 2 2" xfId="14691"/>
    <cellStyle name="Обычный 2 3 2 9 10 3" xfId="14692"/>
    <cellStyle name="Обычный 2 3 2 9 11" xfId="14693"/>
    <cellStyle name="Обычный 2 3 2 9 11 2" xfId="14694"/>
    <cellStyle name="Обычный 2 3 2 9 12" xfId="14695"/>
    <cellStyle name="Обычный 2 3 2 9 12 2" xfId="14696"/>
    <cellStyle name="Обычный 2 3 2 9 13" xfId="14697"/>
    <cellStyle name="Обычный 2 3 2 9 14" xfId="14698"/>
    <cellStyle name="Обычный 2 3 2 9 2" xfId="14699"/>
    <cellStyle name="Обычный 2 3 2 9 2 10" xfId="14700"/>
    <cellStyle name="Обычный 2 3 2 9 2 10 2" xfId="14701"/>
    <cellStyle name="Обычный 2 3 2 9 2 11" xfId="14702"/>
    <cellStyle name="Обычный 2 3 2 9 2 11 2" xfId="14703"/>
    <cellStyle name="Обычный 2 3 2 9 2 12" xfId="14704"/>
    <cellStyle name="Обычный 2 3 2 9 2 13" xfId="14705"/>
    <cellStyle name="Обычный 2 3 2 9 2 2" xfId="14706"/>
    <cellStyle name="Обычный 2 3 2 9 2 2 10" xfId="14707"/>
    <cellStyle name="Обычный 2 3 2 9 2 2 2" xfId="14708"/>
    <cellStyle name="Обычный 2 3 2 9 2 2 2 2" xfId="14709"/>
    <cellStyle name="Обычный 2 3 2 9 2 2 2 2 2" xfId="14710"/>
    <cellStyle name="Обычный 2 3 2 9 2 2 2 2 2 2" xfId="14711"/>
    <cellStyle name="Обычный 2 3 2 9 2 2 2 2 3" xfId="14712"/>
    <cellStyle name="Обычный 2 3 2 9 2 2 2 2 3 2" xfId="14713"/>
    <cellStyle name="Обычный 2 3 2 9 2 2 2 2 4" xfId="14714"/>
    <cellStyle name="Обычный 2 3 2 9 2 2 2 3" xfId="14715"/>
    <cellStyle name="Обычный 2 3 2 9 2 2 2 3 2" xfId="14716"/>
    <cellStyle name="Обычный 2 3 2 9 2 2 2 4" xfId="14717"/>
    <cellStyle name="Обычный 2 3 2 9 2 2 2 4 2" xfId="14718"/>
    <cellStyle name="Обычный 2 3 2 9 2 2 2 5" xfId="14719"/>
    <cellStyle name="Обычный 2 3 2 9 2 2 2 5 2" xfId="14720"/>
    <cellStyle name="Обычный 2 3 2 9 2 2 2 6" xfId="14721"/>
    <cellStyle name="Обычный 2 3 2 9 2 2 3" xfId="14722"/>
    <cellStyle name="Обычный 2 3 2 9 2 2 3 2" xfId="14723"/>
    <cellStyle name="Обычный 2 3 2 9 2 2 3 2 2" xfId="14724"/>
    <cellStyle name="Обычный 2 3 2 9 2 2 3 2 2 2" xfId="14725"/>
    <cellStyle name="Обычный 2 3 2 9 2 2 3 2 3" xfId="14726"/>
    <cellStyle name="Обычный 2 3 2 9 2 2 3 2 3 2" xfId="14727"/>
    <cellStyle name="Обычный 2 3 2 9 2 2 3 2 4" xfId="14728"/>
    <cellStyle name="Обычный 2 3 2 9 2 2 3 3" xfId="14729"/>
    <cellStyle name="Обычный 2 3 2 9 2 2 3 3 2" xfId="14730"/>
    <cellStyle name="Обычный 2 3 2 9 2 2 3 4" xfId="14731"/>
    <cellStyle name="Обычный 2 3 2 9 2 2 3 4 2" xfId="14732"/>
    <cellStyle name="Обычный 2 3 2 9 2 2 3 5" xfId="14733"/>
    <cellStyle name="Обычный 2 3 2 9 2 2 3 5 2" xfId="14734"/>
    <cellStyle name="Обычный 2 3 2 9 2 2 3 6" xfId="14735"/>
    <cellStyle name="Обычный 2 3 2 9 2 2 4" xfId="14736"/>
    <cellStyle name="Обычный 2 3 2 9 2 2 4 2" xfId="14737"/>
    <cellStyle name="Обычный 2 3 2 9 2 2 4 2 2" xfId="14738"/>
    <cellStyle name="Обычный 2 3 2 9 2 2 4 2 2 2" xfId="14739"/>
    <cellStyle name="Обычный 2 3 2 9 2 2 4 2 3" xfId="14740"/>
    <cellStyle name="Обычный 2 3 2 9 2 2 4 2 3 2" xfId="14741"/>
    <cellStyle name="Обычный 2 3 2 9 2 2 4 2 4" xfId="14742"/>
    <cellStyle name="Обычный 2 3 2 9 2 2 4 3" xfId="14743"/>
    <cellStyle name="Обычный 2 3 2 9 2 2 4 3 2" xfId="14744"/>
    <cellStyle name="Обычный 2 3 2 9 2 2 4 4" xfId="14745"/>
    <cellStyle name="Обычный 2 3 2 9 2 2 4 4 2" xfId="14746"/>
    <cellStyle name="Обычный 2 3 2 9 2 2 4 5" xfId="14747"/>
    <cellStyle name="Обычный 2 3 2 9 2 2 4 5 2" xfId="14748"/>
    <cellStyle name="Обычный 2 3 2 9 2 2 4 6" xfId="14749"/>
    <cellStyle name="Обычный 2 3 2 9 2 2 5" xfId="14750"/>
    <cellStyle name="Обычный 2 3 2 9 2 2 5 2" xfId="14751"/>
    <cellStyle name="Обычный 2 3 2 9 2 2 5 2 2" xfId="14752"/>
    <cellStyle name="Обычный 2 3 2 9 2 2 5 2 2 2" xfId="14753"/>
    <cellStyle name="Обычный 2 3 2 9 2 2 5 2 3" xfId="14754"/>
    <cellStyle name="Обычный 2 3 2 9 2 2 5 2 3 2" xfId="14755"/>
    <cellStyle name="Обычный 2 3 2 9 2 2 5 2 4" xfId="14756"/>
    <cellStyle name="Обычный 2 3 2 9 2 2 5 3" xfId="14757"/>
    <cellStyle name="Обычный 2 3 2 9 2 2 5 3 2" xfId="14758"/>
    <cellStyle name="Обычный 2 3 2 9 2 2 5 4" xfId="14759"/>
    <cellStyle name="Обычный 2 3 2 9 2 2 5 4 2" xfId="14760"/>
    <cellStyle name="Обычный 2 3 2 9 2 2 5 5" xfId="14761"/>
    <cellStyle name="Обычный 2 3 2 9 2 2 5 5 2" xfId="14762"/>
    <cellStyle name="Обычный 2 3 2 9 2 2 5 6" xfId="14763"/>
    <cellStyle name="Обычный 2 3 2 9 2 2 6" xfId="14764"/>
    <cellStyle name="Обычный 2 3 2 9 2 2 6 2" xfId="14765"/>
    <cellStyle name="Обычный 2 3 2 9 2 2 6 2 2" xfId="14766"/>
    <cellStyle name="Обычный 2 3 2 9 2 2 6 3" xfId="14767"/>
    <cellStyle name="Обычный 2 3 2 9 2 2 6 3 2" xfId="14768"/>
    <cellStyle name="Обычный 2 3 2 9 2 2 6 4" xfId="14769"/>
    <cellStyle name="Обычный 2 3 2 9 2 2 7" xfId="14770"/>
    <cellStyle name="Обычный 2 3 2 9 2 2 7 2" xfId="14771"/>
    <cellStyle name="Обычный 2 3 2 9 2 2 8" xfId="14772"/>
    <cellStyle name="Обычный 2 3 2 9 2 2 8 2" xfId="14773"/>
    <cellStyle name="Обычный 2 3 2 9 2 2 9" xfId="14774"/>
    <cellStyle name="Обычный 2 3 2 9 2 2 9 2" xfId="14775"/>
    <cellStyle name="Обычный 2 3 2 9 2 3" xfId="14776"/>
    <cellStyle name="Обычный 2 3 2 9 2 3 2" xfId="14777"/>
    <cellStyle name="Обычный 2 3 2 9 2 3 2 2" xfId="14778"/>
    <cellStyle name="Обычный 2 3 2 9 2 3 2 2 2" xfId="14779"/>
    <cellStyle name="Обычный 2 3 2 9 2 3 2 2 2 2" xfId="14780"/>
    <cellStyle name="Обычный 2 3 2 9 2 3 2 2 3" xfId="14781"/>
    <cellStyle name="Обычный 2 3 2 9 2 3 2 2 3 2" xfId="14782"/>
    <cellStyle name="Обычный 2 3 2 9 2 3 2 2 4" xfId="14783"/>
    <cellStyle name="Обычный 2 3 2 9 2 3 2 3" xfId="14784"/>
    <cellStyle name="Обычный 2 3 2 9 2 3 2 3 2" xfId="14785"/>
    <cellStyle name="Обычный 2 3 2 9 2 3 2 4" xfId="14786"/>
    <cellStyle name="Обычный 2 3 2 9 2 3 2 4 2" xfId="14787"/>
    <cellStyle name="Обычный 2 3 2 9 2 3 2 5" xfId="14788"/>
    <cellStyle name="Обычный 2 3 2 9 2 3 2 5 2" xfId="14789"/>
    <cellStyle name="Обычный 2 3 2 9 2 3 2 6" xfId="14790"/>
    <cellStyle name="Обычный 2 3 2 9 2 3 3" xfId="14791"/>
    <cellStyle name="Обычный 2 3 2 9 2 3 3 2" xfId="14792"/>
    <cellStyle name="Обычный 2 3 2 9 2 3 3 2 2" xfId="14793"/>
    <cellStyle name="Обычный 2 3 2 9 2 3 3 2 2 2" xfId="14794"/>
    <cellStyle name="Обычный 2 3 2 9 2 3 3 2 3" xfId="14795"/>
    <cellStyle name="Обычный 2 3 2 9 2 3 3 2 3 2" xfId="14796"/>
    <cellStyle name="Обычный 2 3 2 9 2 3 3 2 4" xfId="14797"/>
    <cellStyle name="Обычный 2 3 2 9 2 3 3 3" xfId="14798"/>
    <cellStyle name="Обычный 2 3 2 9 2 3 3 3 2" xfId="14799"/>
    <cellStyle name="Обычный 2 3 2 9 2 3 3 4" xfId="14800"/>
    <cellStyle name="Обычный 2 3 2 9 2 3 3 4 2" xfId="14801"/>
    <cellStyle name="Обычный 2 3 2 9 2 3 3 5" xfId="14802"/>
    <cellStyle name="Обычный 2 3 2 9 2 3 3 5 2" xfId="14803"/>
    <cellStyle name="Обычный 2 3 2 9 2 3 3 6" xfId="14804"/>
    <cellStyle name="Обычный 2 3 2 9 2 3 4" xfId="14805"/>
    <cellStyle name="Обычный 2 3 2 9 2 3 4 2" xfId="14806"/>
    <cellStyle name="Обычный 2 3 2 9 2 3 4 2 2" xfId="14807"/>
    <cellStyle name="Обычный 2 3 2 9 2 3 4 2 2 2" xfId="14808"/>
    <cellStyle name="Обычный 2 3 2 9 2 3 4 2 3" xfId="14809"/>
    <cellStyle name="Обычный 2 3 2 9 2 3 4 2 3 2" xfId="14810"/>
    <cellStyle name="Обычный 2 3 2 9 2 3 4 2 4" xfId="14811"/>
    <cellStyle name="Обычный 2 3 2 9 2 3 4 3" xfId="14812"/>
    <cellStyle name="Обычный 2 3 2 9 2 3 4 3 2" xfId="14813"/>
    <cellStyle name="Обычный 2 3 2 9 2 3 4 4" xfId="14814"/>
    <cellStyle name="Обычный 2 3 2 9 2 3 4 4 2" xfId="14815"/>
    <cellStyle name="Обычный 2 3 2 9 2 3 4 5" xfId="14816"/>
    <cellStyle name="Обычный 2 3 2 9 2 3 4 5 2" xfId="14817"/>
    <cellStyle name="Обычный 2 3 2 9 2 3 4 6" xfId="14818"/>
    <cellStyle name="Обычный 2 3 2 9 2 3 5" xfId="14819"/>
    <cellStyle name="Обычный 2 3 2 9 2 3 5 2" xfId="14820"/>
    <cellStyle name="Обычный 2 3 2 9 2 3 5 2 2" xfId="14821"/>
    <cellStyle name="Обычный 2 3 2 9 2 3 5 3" xfId="14822"/>
    <cellStyle name="Обычный 2 3 2 9 2 3 5 3 2" xfId="14823"/>
    <cellStyle name="Обычный 2 3 2 9 2 3 5 4" xfId="14824"/>
    <cellStyle name="Обычный 2 3 2 9 2 3 6" xfId="14825"/>
    <cellStyle name="Обычный 2 3 2 9 2 3 6 2" xfId="14826"/>
    <cellStyle name="Обычный 2 3 2 9 2 3 7" xfId="14827"/>
    <cellStyle name="Обычный 2 3 2 9 2 3 7 2" xfId="14828"/>
    <cellStyle name="Обычный 2 3 2 9 2 3 8" xfId="14829"/>
    <cellStyle name="Обычный 2 3 2 9 2 3 8 2" xfId="14830"/>
    <cellStyle name="Обычный 2 3 2 9 2 3 9" xfId="14831"/>
    <cellStyle name="Обычный 2 3 2 9 2 4" xfId="14832"/>
    <cellStyle name="Обычный 2 3 2 9 2 4 2" xfId="14833"/>
    <cellStyle name="Обычный 2 3 2 9 2 4 2 2" xfId="14834"/>
    <cellStyle name="Обычный 2 3 2 9 2 4 2 2 2" xfId="14835"/>
    <cellStyle name="Обычный 2 3 2 9 2 4 2 3" xfId="14836"/>
    <cellStyle name="Обычный 2 3 2 9 2 4 2 3 2" xfId="14837"/>
    <cellStyle name="Обычный 2 3 2 9 2 4 2 4" xfId="14838"/>
    <cellStyle name="Обычный 2 3 2 9 2 4 3" xfId="14839"/>
    <cellStyle name="Обычный 2 3 2 9 2 4 3 2" xfId="14840"/>
    <cellStyle name="Обычный 2 3 2 9 2 4 4" xfId="14841"/>
    <cellStyle name="Обычный 2 3 2 9 2 4 4 2" xfId="14842"/>
    <cellStyle name="Обычный 2 3 2 9 2 4 5" xfId="14843"/>
    <cellStyle name="Обычный 2 3 2 9 2 4 5 2" xfId="14844"/>
    <cellStyle name="Обычный 2 3 2 9 2 4 6" xfId="14845"/>
    <cellStyle name="Обычный 2 3 2 9 2 5" xfId="14846"/>
    <cellStyle name="Обычный 2 3 2 9 2 5 2" xfId="14847"/>
    <cellStyle name="Обычный 2 3 2 9 2 5 2 2" xfId="14848"/>
    <cellStyle name="Обычный 2 3 2 9 2 5 2 2 2" xfId="14849"/>
    <cellStyle name="Обычный 2 3 2 9 2 5 2 3" xfId="14850"/>
    <cellStyle name="Обычный 2 3 2 9 2 5 2 3 2" xfId="14851"/>
    <cellStyle name="Обычный 2 3 2 9 2 5 2 4" xfId="14852"/>
    <cellStyle name="Обычный 2 3 2 9 2 5 3" xfId="14853"/>
    <cellStyle name="Обычный 2 3 2 9 2 5 3 2" xfId="14854"/>
    <cellStyle name="Обычный 2 3 2 9 2 5 4" xfId="14855"/>
    <cellStyle name="Обычный 2 3 2 9 2 5 4 2" xfId="14856"/>
    <cellStyle name="Обычный 2 3 2 9 2 5 5" xfId="14857"/>
    <cellStyle name="Обычный 2 3 2 9 2 5 5 2" xfId="14858"/>
    <cellStyle name="Обычный 2 3 2 9 2 5 6" xfId="14859"/>
    <cellStyle name="Обычный 2 3 2 9 2 6" xfId="14860"/>
    <cellStyle name="Обычный 2 3 2 9 2 6 2" xfId="14861"/>
    <cellStyle name="Обычный 2 3 2 9 2 6 2 2" xfId="14862"/>
    <cellStyle name="Обычный 2 3 2 9 2 6 2 2 2" xfId="14863"/>
    <cellStyle name="Обычный 2 3 2 9 2 6 2 3" xfId="14864"/>
    <cellStyle name="Обычный 2 3 2 9 2 6 2 3 2" xfId="14865"/>
    <cellStyle name="Обычный 2 3 2 9 2 6 2 4" xfId="14866"/>
    <cellStyle name="Обычный 2 3 2 9 2 6 3" xfId="14867"/>
    <cellStyle name="Обычный 2 3 2 9 2 6 3 2" xfId="14868"/>
    <cellStyle name="Обычный 2 3 2 9 2 6 4" xfId="14869"/>
    <cellStyle name="Обычный 2 3 2 9 2 6 4 2" xfId="14870"/>
    <cellStyle name="Обычный 2 3 2 9 2 6 5" xfId="14871"/>
    <cellStyle name="Обычный 2 3 2 9 2 6 5 2" xfId="14872"/>
    <cellStyle name="Обычный 2 3 2 9 2 6 6" xfId="14873"/>
    <cellStyle name="Обычный 2 3 2 9 2 7" xfId="14874"/>
    <cellStyle name="Обычный 2 3 2 9 2 7 2" xfId="14875"/>
    <cellStyle name="Обычный 2 3 2 9 2 7 2 2" xfId="14876"/>
    <cellStyle name="Обычный 2 3 2 9 2 7 2 2 2" xfId="14877"/>
    <cellStyle name="Обычный 2 3 2 9 2 7 2 3" xfId="14878"/>
    <cellStyle name="Обычный 2 3 2 9 2 7 2 3 2" xfId="14879"/>
    <cellStyle name="Обычный 2 3 2 9 2 7 2 4" xfId="14880"/>
    <cellStyle name="Обычный 2 3 2 9 2 7 3" xfId="14881"/>
    <cellStyle name="Обычный 2 3 2 9 2 7 3 2" xfId="14882"/>
    <cellStyle name="Обычный 2 3 2 9 2 7 4" xfId="14883"/>
    <cellStyle name="Обычный 2 3 2 9 2 7 4 2" xfId="14884"/>
    <cellStyle name="Обычный 2 3 2 9 2 7 5" xfId="14885"/>
    <cellStyle name="Обычный 2 3 2 9 2 7 5 2" xfId="14886"/>
    <cellStyle name="Обычный 2 3 2 9 2 7 6" xfId="14887"/>
    <cellStyle name="Обычный 2 3 2 9 2 8" xfId="14888"/>
    <cellStyle name="Обычный 2 3 2 9 2 8 2" xfId="14889"/>
    <cellStyle name="Обычный 2 3 2 9 2 8 2 2" xfId="14890"/>
    <cellStyle name="Обычный 2 3 2 9 2 8 3" xfId="14891"/>
    <cellStyle name="Обычный 2 3 2 9 2 8 3 2" xfId="14892"/>
    <cellStyle name="Обычный 2 3 2 9 2 8 4" xfId="14893"/>
    <cellStyle name="Обычный 2 3 2 9 2 9" xfId="14894"/>
    <cellStyle name="Обычный 2 3 2 9 2 9 2" xfId="14895"/>
    <cellStyle name="Обычный 2 3 2 9 2 9 2 2" xfId="14896"/>
    <cellStyle name="Обычный 2 3 2 9 2 9 3" xfId="14897"/>
    <cellStyle name="Обычный 2 3 2 9 3" xfId="14898"/>
    <cellStyle name="Обычный 2 3 2 9 3 10" xfId="14899"/>
    <cellStyle name="Обычный 2 3 2 9 3 2" xfId="14900"/>
    <cellStyle name="Обычный 2 3 2 9 3 2 2" xfId="14901"/>
    <cellStyle name="Обычный 2 3 2 9 3 2 2 2" xfId="14902"/>
    <cellStyle name="Обычный 2 3 2 9 3 2 2 2 2" xfId="14903"/>
    <cellStyle name="Обычный 2 3 2 9 3 2 2 3" xfId="14904"/>
    <cellStyle name="Обычный 2 3 2 9 3 2 2 3 2" xfId="14905"/>
    <cellStyle name="Обычный 2 3 2 9 3 2 2 4" xfId="14906"/>
    <cellStyle name="Обычный 2 3 2 9 3 2 3" xfId="14907"/>
    <cellStyle name="Обычный 2 3 2 9 3 2 3 2" xfId="14908"/>
    <cellStyle name="Обычный 2 3 2 9 3 2 4" xfId="14909"/>
    <cellStyle name="Обычный 2 3 2 9 3 2 4 2" xfId="14910"/>
    <cellStyle name="Обычный 2 3 2 9 3 2 5" xfId="14911"/>
    <cellStyle name="Обычный 2 3 2 9 3 2 5 2" xfId="14912"/>
    <cellStyle name="Обычный 2 3 2 9 3 2 6" xfId="14913"/>
    <cellStyle name="Обычный 2 3 2 9 3 3" xfId="14914"/>
    <cellStyle name="Обычный 2 3 2 9 3 3 2" xfId="14915"/>
    <cellStyle name="Обычный 2 3 2 9 3 3 2 2" xfId="14916"/>
    <cellStyle name="Обычный 2 3 2 9 3 3 2 2 2" xfId="14917"/>
    <cellStyle name="Обычный 2 3 2 9 3 3 2 3" xfId="14918"/>
    <cellStyle name="Обычный 2 3 2 9 3 3 2 3 2" xfId="14919"/>
    <cellStyle name="Обычный 2 3 2 9 3 3 2 4" xfId="14920"/>
    <cellStyle name="Обычный 2 3 2 9 3 3 3" xfId="14921"/>
    <cellStyle name="Обычный 2 3 2 9 3 3 3 2" xfId="14922"/>
    <cellStyle name="Обычный 2 3 2 9 3 3 4" xfId="14923"/>
    <cellStyle name="Обычный 2 3 2 9 3 3 4 2" xfId="14924"/>
    <cellStyle name="Обычный 2 3 2 9 3 3 5" xfId="14925"/>
    <cellStyle name="Обычный 2 3 2 9 3 3 5 2" xfId="14926"/>
    <cellStyle name="Обычный 2 3 2 9 3 3 6" xfId="14927"/>
    <cellStyle name="Обычный 2 3 2 9 3 4" xfId="14928"/>
    <cellStyle name="Обычный 2 3 2 9 3 4 2" xfId="14929"/>
    <cellStyle name="Обычный 2 3 2 9 3 4 2 2" xfId="14930"/>
    <cellStyle name="Обычный 2 3 2 9 3 4 2 2 2" xfId="14931"/>
    <cellStyle name="Обычный 2 3 2 9 3 4 2 3" xfId="14932"/>
    <cellStyle name="Обычный 2 3 2 9 3 4 2 3 2" xfId="14933"/>
    <cellStyle name="Обычный 2 3 2 9 3 4 2 4" xfId="14934"/>
    <cellStyle name="Обычный 2 3 2 9 3 4 3" xfId="14935"/>
    <cellStyle name="Обычный 2 3 2 9 3 4 3 2" xfId="14936"/>
    <cellStyle name="Обычный 2 3 2 9 3 4 4" xfId="14937"/>
    <cellStyle name="Обычный 2 3 2 9 3 4 4 2" xfId="14938"/>
    <cellStyle name="Обычный 2 3 2 9 3 4 5" xfId="14939"/>
    <cellStyle name="Обычный 2 3 2 9 3 4 5 2" xfId="14940"/>
    <cellStyle name="Обычный 2 3 2 9 3 4 6" xfId="14941"/>
    <cellStyle name="Обычный 2 3 2 9 3 5" xfId="14942"/>
    <cellStyle name="Обычный 2 3 2 9 3 5 2" xfId="14943"/>
    <cellStyle name="Обычный 2 3 2 9 3 5 2 2" xfId="14944"/>
    <cellStyle name="Обычный 2 3 2 9 3 5 2 2 2" xfId="14945"/>
    <cellStyle name="Обычный 2 3 2 9 3 5 2 3" xfId="14946"/>
    <cellStyle name="Обычный 2 3 2 9 3 5 2 3 2" xfId="14947"/>
    <cellStyle name="Обычный 2 3 2 9 3 5 2 4" xfId="14948"/>
    <cellStyle name="Обычный 2 3 2 9 3 5 3" xfId="14949"/>
    <cellStyle name="Обычный 2 3 2 9 3 5 3 2" xfId="14950"/>
    <cellStyle name="Обычный 2 3 2 9 3 5 4" xfId="14951"/>
    <cellStyle name="Обычный 2 3 2 9 3 5 4 2" xfId="14952"/>
    <cellStyle name="Обычный 2 3 2 9 3 5 5" xfId="14953"/>
    <cellStyle name="Обычный 2 3 2 9 3 5 5 2" xfId="14954"/>
    <cellStyle name="Обычный 2 3 2 9 3 5 6" xfId="14955"/>
    <cellStyle name="Обычный 2 3 2 9 3 6" xfId="14956"/>
    <cellStyle name="Обычный 2 3 2 9 3 6 2" xfId="14957"/>
    <cellStyle name="Обычный 2 3 2 9 3 6 2 2" xfId="14958"/>
    <cellStyle name="Обычный 2 3 2 9 3 6 3" xfId="14959"/>
    <cellStyle name="Обычный 2 3 2 9 3 6 3 2" xfId="14960"/>
    <cellStyle name="Обычный 2 3 2 9 3 6 4" xfId="14961"/>
    <cellStyle name="Обычный 2 3 2 9 3 7" xfId="14962"/>
    <cellStyle name="Обычный 2 3 2 9 3 7 2" xfId="14963"/>
    <cellStyle name="Обычный 2 3 2 9 3 8" xfId="14964"/>
    <cellStyle name="Обычный 2 3 2 9 3 8 2" xfId="14965"/>
    <cellStyle name="Обычный 2 3 2 9 3 9" xfId="14966"/>
    <cellStyle name="Обычный 2 3 2 9 3 9 2" xfId="14967"/>
    <cellStyle name="Обычный 2 3 2 9 4" xfId="14968"/>
    <cellStyle name="Обычный 2 3 2 9 4 2" xfId="14969"/>
    <cellStyle name="Обычный 2 3 2 9 4 2 2" xfId="14970"/>
    <cellStyle name="Обычный 2 3 2 9 4 2 2 2" xfId="14971"/>
    <cellStyle name="Обычный 2 3 2 9 4 2 2 2 2" xfId="14972"/>
    <cellStyle name="Обычный 2 3 2 9 4 2 2 3" xfId="14973"/>
    <cellStyle name="Обычный 2 3 2 9 4 2 2 3 2" xfId="14974"/>
    <cellStyle name="Обычный 2 3 2 9 4 2 2 4" xfId="14975"/>
    <cellStyle name="Обычный 2 3 2 9 4 2 3" xfId="14976"/>
    <cellStyle name="Обычный 2 3 2 9 4 2 3 2" xfId="14977"/>
    <cellStyle name="Обычный 2 3 2 9 4 2 4" xfId="14978"/>
    <cellStyle name="Обычный 2 3 2 9 4 2 4 2" xfId="14979"/>
    <cellStyle name="Обычный 2 3 2 9 4 2 5" xfId="14980"/>
    <cellStyle name="Обычный 2 3 2 9 4 2 5 2" xfId="14981"/>
    <cellStyle name="Обычный 2 3 2 9 4 2 6" xfId="14982"/>
    <cellStyle name="Обычный 2 3 2 9 4 3" xfId="14983"/>
    <cellStyle name="Обычный 2 3 2 9 4 3 2" xfId="14984"/>
    <cellStyle name="Обычный 2 3 2 9 4 3 2 2" xfId="14985"/>
    <cellStyle name="Обычный 2 3 2 9 4 3 2 2 2" xfId="14986"/>
    <cellStyle name="Обычный 2 3 2 9 4 3 2 3" xfId="14987"/>
    <cellStyle name="Обычный 2 3 2 9 4 3 2 3 2" xfId="14988"/>
    <cellStyle name="Обычный 2 3 2 9 4 3 2 4" xfId="14989"/>
    <cellStyle name="Обычный 2 3 2 9 4 3 3" xfId="14990"/>
    <cellStyle name="Обычный 2 3 2 9 4 3 3 2" xfId="14991"/>
    <cellStyle name="Обычный 2 3 2 9 4 3 4" xfId="14992"/>
    <cellStyle name="Обычный 2 3 2 9 4 3 4 2" xfId="14993"/>
    <cellStyle name="Обычный 2 3 2 9 4 3 5" xfId="14994"/>
    <cellStyle name="Обычный 2 3 2 9 4 3 5 2" xfId="14995"/>
    <cellStyle name="Обычный 2 3 2 9 4 3 6" xfId="14996"/>
    <cellStyle name="Обычный 2 3 2 9 4 4" xfId="14997"/>
    <cellStyle name="Обычный 2 3 2 9 4 4 2" xfId="14998"/>
    <cellStyle name="Обычный 2 3 2 9 4 4 2 2" xfId="14999"/>
    <cellStyle name="Обычный 2 3 2 9 4 4 2 2 2" xfId="15000"/>
    <cellStyle name="Обычный 2 3 2 9 4 4 2 3" xfId="15001"/>
    <cellStyle name="Обычный 2 3 2 9 4 4 2 3 2" xfId="15002"/>
    <cellStyle name="Обычный 2 3 2 9 4 4 2 4" xfId="15003"/>
    <cellStyle name="Обычный 2 3 2 9 4 4 3" xfId="15004"/>
    <cellStyle name="Обычный 2 3 2 9 4 4 3 2" xfId="15005"/>
    <cellStyle name="Обычный 2 3 2 9 4 4 4" xfId="15006"/>
    <cellStyle name="Обычный 2 3 2 9 4 4 4 2" xfId="15007"/>
    <cellStyle name="Обычный 2 3 2 9 4 4 5" xfId="15008"/>
    <cellStyle name="Обычный 2 3 2 9 4 4 5 2" xfId="15009"/>
    <cellStyle name="Обычный 2 3 2 9 4 4 6" xfId="15010"/>
    <cellStyle name="Обычный 2 3 2 9 4 5" xfId="15011"/>
    <cellStyle name="Обычный 2 3 2 9 4 5 2" xfId="15012"/>
    <cellStyle name="Обычный 2 3 2 9 4 5 2 2" xfId="15013"/>
    <cellStyle name="Обычный 2 3 2 9 4 5 3" xfId="15014"/>
    <cellStyle name="Обычный 2 3 2 9 4 5 3 2" xfId="15015"/>
    <cellStyle name="Обычный 2 3 2 9 4 5 4" xfId="15016"/>
    <cellStyle name="Обычный 2 3 2 9 4 6" xfId="15017"/>
    <cellStyle name="Обычный 2 3 2 9 4 6 2" xfId="15018"/>
    <cellStyle name="Обычный 2 3 2 9 4 7" xfId="15019"/>
    <cellStyle name="Обычный 2 3 2 9 4 7 2" xfId="15020"/>
    <cellStyle name="Обычный 2 3 2 9 4 8" xfId="15021"/>
    <cellStyle name="Обычный 2 3 2 9 4 8 2" xfId="15022"/>
    <cellStyle name="Обычный 2 3 2 9 4 9" xfId="15023"/>
    <cellStyle name="Обычный 2 3 2 9 5" xfId="15024"/>
    <cellStyle name="Обычный 2 3 2 9 5 2" xfId="15025"/>
    <cellStyle name="Обычный 2 3 2 9 5 2 2" xfId="15026"/>
    <cellStyle name="Обычный 2 3 2 9 5 2 2 2" xfId="15027"/>
    <cellStyle name="Обычный 2 3 2 9 5 2 3" xfId="15028"/>
    <cellStyle name="Обычный 2 3 2 9 5 2 3 2" xfId="15029"/>
    <cellStyle name="Обычный 2 3 2 9 5 2 4" xfId="15030"/>
    <cellStyle name="Обычный 2 3 2 9 5 3" xfId="15031"/>
    <cellStyle name="Обычный 2 3 2 9 5 3 2" xfId="15032"/>
    <cellStyle name="Обычный 2 3 2 9 5 4" xfId="15033"/>
    <cellStyle name="Обычный 2 3 2 9 5 4 2" xfId="15034"/>
    <cellStyle name="Обычный 2 3 2 9 5 5" xfId="15035"/>
    <cellStyle name="Обычный 2 3 2 9 5 5 2" xfId="15036"/>
    <cellStyle name="Обычный 2 3 2 9 5 6" xfId="15037"/>
    <cellStyle name="Обычный 2 3 2 9 6" xfId="15038"/>
    <cellStyle name="Обычный 2 3 2 9 6 2" xfId="15039"/>
    <cellStyle name="Обычный 2 3 2 9 6 2 2" xfId="15040"/>
    <cellStyle name="Обычный 2 3 2 9 6 2 2 2" xfId="15041"/>
    <cellStyle name="Обычный 2 3 2 9 6 2 3" xfId="15042"/>
    <cellStyle name="Обычный 2 3 2 9 6 2 3 2" xfId="15043"/>
    <cellStyle name="Обычный 2 3 2 9 6 2 4" xfId="15044"/>
    <cellStyle name="Обычный 2 3 2 9 6 3" xfId="15045"/>
    <cellStyle name="Обычный 2 3 2 9 6 3 2" xfId="15046"/>
    <cellStyle name="Обычный 2 3 2 9 6 4" xfId="15047"/>
    <cellStyle name="Обычный 2 3 2 9 6 4 2" xfId="15048"/>
    <cellStyle name="Обычный 2 3 2 9 6 5" xfId="15049"/>
    <cellStyle name="Обычный 2 3 2 9 6 5 2" xfId="15050"/>
    <cellStyle name="Обычный 2 3 2 9 6 6" xfId="15051"/>
    <cellStyle name="Обычный 2 3 2 9 7" xfId="15052"/>
    <cellStyle name="Обычный 2 3 2 9 7 2" xfId="15053"/>
    <cellStyle name="Обычный 2 3 2 9 7 2 2" xfId="15054"/>
    <cellStyle name="Обычный 2 3 2 9 7 2 2 2" xfId="15055"/>
    <cellStyle name="Обычный 2 3 2 9 7 2 3" xfId="15056"/>
    <cellStyle name="Обычный 2 3 2 9 7 2 3 2" xfId="15057"/>
    <cellStyle name="Обычный 2 3 2 9 7 2 4" xfId="15058"/>
    <cellStyle name="Обычный 2 3 2 9 7 3" xfId="15059"/>
    <cellStyle name="Обычный 2 3 2 9 7 3 2" xfId="15060"/>
    <cellStyle name="Обычный 2 3 2 9 7 4" xfId="15061"/>
    <cellStyle name="Обычный 2 3 2 9 7 4 2" xfId="15062"/>
    <cellStyle name="Обычный 2 3 2 9 7 5" xfId="15063"/>
    <cellStyle name="Обычный 2 3 2 9 7 5 2" xfId="15064"/>
    <cellStyle name="Обычный 2 3 2 9 7 6" xfId="15065"/>
    <cellStyle name="Обычный 2 3 2 9 8" xfId="15066"/>
    <cellStyle name="Обычный 2 3 2 9 8 2" xfId="15067"/>
    <cellStyle name="Обычный 2 3 2 9 8 2 2" xfId="15068"/>
    <cellStyle name="Обычный 2 3 2 9 8 2 2 2" xfId="15069"/>
    <cellStyle name="Обычный 2 3 2 9 8 2 3" xfId="15070"/>
    <cellStyle name="Обычный 2 3 2 9 8 2 3 2" xfId="15071"/>
    <cellStyle name="Обычный 2 3 2 9 8 2 4" xfId="15072"/>
    <cellStyle name="Обычный 2 3 2 9 8 3" xfId="15073"/>
    <cellStyle name="Обычный 2 3 2 9 8 3 2" xfId="15074"/>
    <cellStyle name="Обычный 2 3 2 9 8 4" xfId="15075"/>
    <cellStyle name="Обычный 2 3 2 9 8 4 2" xfId="15076"/>
    <cellStyle name="Обычный 2 3 2 9 8 5" xfId="15077"/>
    <cellStyle name="Обычный 2 3 2 9 8 5 2" xfId="15078"/>
    <cellStyle name="Обычный 2 3 2 9 8 6" xfId="15079"/>
    <cellStyle name="Обычный 2 3 2 9 9" xfId="15080"/>
    <cellStyle name="Обычный 2 3 2 9 9 2" xfId="15081"/>
    <cellStyle name="Обычный 2 3 2 9 9 2 2" xfId="15082"/>
    <cellStyle name="Обычный 2 3 2 9 9 3" xfId="15083"/>
    <cellStyle name="Обычный 2 3 2 9 9 3 2" xfId="15084"/>
    <cellStyle name="Обычный 2 3 2 9 9 4" xfId="15085"/>
    <cellStyle name="Обычный 2 3 20" xfId="15086"/>
    <cellStyle name="Обычный 2 3 20 10" xfId="15087"/>
    <cellStyle name="Обычный 2 3 20 2" xfId="15088"/>
    <cellStyle name="Обычный 2 3 20 2 2" xfId="15089"/>
    <cellStyle name="Обычный 2 3 20 2 2 2" xfId="15090"/>
    <cellStyle name="Обычный 2 3 20 2 2 2 2" xfId="15091"/>
    <cellStyle name="Обычный 2 3 20 2 2 3" xfId="15092"/>
    <cellStyle name="Обычный 2 3 20 2 2 3 2" xfId="15093"/>
    <cellStyle name="Обычный 2 3 20 2 2 4" xfId="15094"/>
    <cellStyle name="Обычный 2 3 20 2 3" xfId="15095"/>
    <cellStyle name="Обычный 2 3 20 2 3 2" xfId="15096"/>
    <cellStyle name="Обычный 2 3 20 2 4" xfId="15097"/>
    <cellStyle name="Обычный 2 3 20 2 4 2" xfId="15098"/>
    <cellStyle name="Обычный 2 3 20 2 5" xfId="15099"/>
    <cellStyle name="Обычный 2 3 20 2 5 2" xfId="15100"/>
    <cellStyle name="Обычный 2 3 20 2 6" xfId="15101"/>
    <cellStyle name="Обычный 2 3 20 3" xfId="15102"/>
    <cellStyle name="Обычный 2 3 20 3 2" xfId="15103"/>
    <cellStyle name="Обычный 2 3 20 3 2 2" xfId="15104"/>
    <cellStyle name="Обычный 2 3 20 3 2 2 2" xfId="15105"/>
    <cellStyle name="Обычный 2 3 20 3 2 3" xfId="15106"/>
    <cellStyle name="Обычный 2 3 20 3 2 3 2" xfId="15107"/>
    <cellStyle name="Обычный 2 3 20 3 2 4" xfId="15108"/>
    <cellStyle name="Обычный 2 3 20 3 3" xfId="15109"/>
    <cellStyle name="Обычный 2 3 20 3 3 2" xfId="15110"/>
    <cellStyle name="Обычный 2 3 20 3 4" xfId="15111"/>
    <cellStyle name="Обычный 2 3 20 3 4 2" xfId="15112"/>
    <cellStyle name="Обычный 2 3 20 3 5" xfId="15113"/>
    <cellStyle name="Обычный 2 3 20 3 5 2" xfId="15114"/>
    <cellStyle name="Обычный 2 3 20 3 6" xfId="15115"/>
    <cellStyle name="Обычный 2 3 20 4" xfId="15116"/>
    <cellStyle name="Обычный 2 3 20 4 2" xfId="15117"/>
    <cellStyle name="Обычный 2 3 20 4 2 2" xfId="15118"/>
    <cellStyle name="Обычный 2 3 20 4 2 2 2" xfId="15119"/>
    <cellStyle name="Обычный 2 3 20 4 2 3" xfId="15120"/>
    <cellStyle name="Обычный 2 3 20 4 2 3 2" xfId="15121"/>
    <cellStyle name="Обычный 2 3 20 4 2 4" xfId="15122"/>
    <cellStyle name="Обычный 2 3 20 4 3" xfId="15123"/>
    <cellStyle name="Обычный 2 3 20 4 3 2" xfId="15124"/>
    <cellStyle name="Обычный 2 3 20 4 4" xfId="15125"/>
    <cellStyle name="Обычный 2 3 20 4 4 2" xfId="15126"/>
    <cellStyle name="Обычный 2 3 20 4 5" xfId="15127"/>
    <cellStyle name="Обычный 2 3 20 4 5 2" xfId="15128"/>
    <cellStyle name="Обычный 2 3 20 4 6" xfId="15129"/>
    <cellStyle name="Обычный 2 3 20 5" xfId="15130"/>
    <cellStyle name="Обычный 2 3 20 5 2" xfId="15131"/>
    <cellStyle name="Обычный 2 3 20 5 2 2" xfId="15132"/>
    <cellStyle name="Обычный 2 3 20 5 2 2 2" xfId="15133"/>
    <cellStyle name="Обычный 2 3 20 5 2 3" xfId="15134"/>
    <cellStyle name="Обычный 2 3 20 5 2 3 2" xfId="15135"/>
    <cellStyle name="Обычный 2 3 20 5 2 4" xfId="15136"/>
    <cellStyle name="Обычный 2 3 20 5 3" xfId="15137"/>
    <cellStyle name="Обычный 2 3 20 5 3 2" xfId="15138"/>
    <cellStyle name="Обычный 2 3 20 5 4" xfId="15139"/>
    <cellStyle name="Обычный 2 3 20 5 4 2" xfId="15140"/>
    <cellStyle name="Обычный 2 3 20 5 5" xfId="15141"/>
    <cellStyle name="Обычный 2 3 20 5 5 2" xfId="15142"/>
    <cellStyle name="Обычный 2 3 20 5 6" xfId="15143"/>
    <cellStyle name="Обычный 2 3 20 6" xfId="15144"/>
    <cellStyle name="Обычный 2 3 20 6 2" xfId="15145"/>
    <cellStyle name="Обычный 2 3 20 6 2 2" xfId="15146"/>
    <cellStyle name="Обычный 2 3 20 6 3" xfId="15147"/>
    <cellStyle name="Обычный 2 3 20 6 3 2" xfId="15148"/>
    <cellStyle name="Обычный 2 3 20 6 4" xfId="15149"/>
    <cellStyle name="Обычный 2 3 20 7" xfId="15150"/>
    <cellStyle name="Обычный 2 3 20 7 2" xfId="15151"/>
    <cellStyle name="Обычный 2 3 20 8" xfId="15152"/>
    <cellStyle name="Обычный 2 3 20 8 2" xfId="15153"/>
    <cellStyle name="Обычный 2 3 20 9" xfId="15154"/>
    <cellStyle name="Обычный 2 3 20 9 2" xfId="15155"/>
    <cellStyle name="Обычный 2 3 21" xfId="15156"/>
    <cellStyle name="Обычный 2 3 21 2" xfId="15157"/>
    <cellStyle name="Обычный 2 3 21 2 2" xfId="15158"/>
    <cellStyle name="Обычный 2 3 21 2 2 2" xfId="15159"/>
    <cellStyle name="Обычный 2 3 21 2 2 2 2" xfId="15160"/>
    <cellStyle name="Обычный 2 3 21 2 2 3" xfId="15161"/>
    <cellStyle name="Обычный 2 3 21 2 2 3 2" xfId="15162"/>
    <cellStyle name="Обычный 2 3 21 2 2 4" xfId="15163"/>
    <cellStyle name="Обычный 2 3 21 2 3" xfId="15164"/>
    <cellStyle name="Обычный 2 3 21 2 3 2" xfId="15165"/>
    <cellStyle name="Обычный 2 3 21 2 4" xfId="15166"/>
    <cellStyle name="Обычный 2 3 21 2 4 2" xfId="15167"/>
    <cellStyle name="Обычный 2 3 21 2 5" xfId="15168"/>
    <cellStyle name="Обычный 2 3 21 2 5 2" xfId="15169"/>
    <cellStyle name="Обычный 2 3 21 2 6" xfId="15170"/>
    <cellStyle name="Обычный 2 3 21 3" xfId="15171"/>
    <cellStyle name="Обычный 2 3 21 3 2" xfId="15172"/>
    <cellStyle name="Обычный 2 3 21 3 2 2" xfId="15173"/>
    <cellStyle name="Обычный 2 3 21 3 2 2 2" xfId="15174"/>
    <cellStyle name="Обычный 2 3 21 3 2 3" xfId="15175"/>
    <cellStyle name="Обычный 2 3 21 3 2 3 2" xfId="15176"/>
    <cellStyle name="Обычный 2 3 21 3 2 4" xfId="15177"/>
    <cellStyle name="Обычный 2 3 21 3 3" xfId="15178"/>
    <cellStyle name="Обычный 2 3 21 3 3 2" xfId="15179"/>
    <cellStyle name="Обычный 2 3 21 3 4" xfId="15180"/>
    <cellStyle name="Обычный 2 3 21 3 4 2" xfId="15181"/>
    <cellStyle name="Обычный 2 3 21 3 5" xfId="15182"/>
    <cellStyle name="Обычный 2 3 21 3 5 2" xfId="15183"/>
    <cellStyle name="Обычный 2 3 21 3 6" xfId="15184"/>
    <cellStyle name="Обычный 2 3 21 4" xfId="15185"/>
    <cellStyle name="Обычный 2 3 21 4 2" xfId="15186"/>
    <cellStyle name="Обычный 2 3 21 4 2 2" xfId="15187"/>
    <cellStyle name="Обычный 2 3 21 4 2 2 2" xfId="15188"/>
    <cellStyle name="Обычный 2 3 21 4 2 3" xfId="15189"/>
    <cellStyle name="Обычный 2 3 21 4 2 3 2" xfId="15190"/>
    <cellStyle name="Обычный 2 3 21 4 2 4" xfId="15191"/>
    <cellStyle name="Обычный 2 3 21 4 3" xfId="15192"/>
    <cellStyle name="Обычный 2 3 21 4 3 2" xfId="15193"/>
    <cellStyle name="Обычный 2 3 21 4 4" xfId="15194"/>
    <cellStyle name="Обычный 2 3 21 4 4 2" xfId="15195"/>
    <cellStyle name="Обычный 2 3 21 4 5" xfId="15196"/>
    <cellStyle name="Обычный 2 3 21 4 5 2" xfId="15197"/>
    <cellStyle name="Обычный 2 3 21 4 6" xfId="15198"/>
    <cellStyle name="Обычный 2 3 21 5" xfId="15199"/>
    <cellStyle name="Обычный 2 3 21 5 2" xfId="15200"/>
    <cellStyle name="Обычный 2 3 21 5 2 2" xfId="15201"/>
    <cellStyle name="Обычный 2 3 21 5 3" xfId="15202"/>
    <cellStyle name="Обычный 2 3 21 5 3 2" xfId="15203"/>
    <cellStyle name="Обычный 2 3 21 5 4" xfId="15204"/>
    <cellStyle name="Обычный 2 3 21 6" xfId="15205"/>
    <cellStyle name="Обычный 2 3 21 6 2" xfId="15206"/>
    <cellStyle name="Обычный 2 3 21 7" xfId="15207"/>
    <cellStyle name="Обычный 2 3 21 7 2" xfId="15208"/>
    <cellStyle name="Обычный 2 3 21 8" xfId="15209"/>
    <cellStyle name="Обычный 2 3 21 8 2" xfId="15210"/>
    <cellStyle name="Обычный 2 3 21 9" xfId="15211"/>
    <cellStyle name="Обычный 2 3 22" xfId="15212"/>
    <cellStyle name="Обычный 2 3 22 2" xfId="15213"/>
    <cellStyle name="Обычный 2 3 22 2 2" xfId="15214"/>
    <cellStyle name="Обычный 2 3 22 2 2 2" xfId="15215"/>
    <cellStyle name="Обычный 2 3 22 2 3" xfId="15216"/>
    <cellStyle name="Обычный 2 3 22 2 3 2" xfId="15217"/>
    <cellStyle name="Обычный 2 3 22 2 4" xfId="15218"/>
    <cellStyle name="Обычный 2 3 22 3" xfId="15219"/>
    <cellStyle name="Обычный 2 3 22 3 2" xfId="15220"/>
    <cellStyle name="Обычный 2 3 22 4" xfId="15221"/>
    <cellStyle name="Обычный 2 3 22 4 2" xfId="15222"/>
    <cellStyle name="Обычный 2 3 22 5" xfId="15223"/>
    <cellStyle name="Обычный 2 3 22 5 2" xfId="15224"/>
    <cellStyle name="Обычный 2 3 22 6" xfId="15225"/>
    <cellStyle name="Обычный 2 3 23" xfId="15226"/>
    <cellStyle name="Обычный 2 3 23 2" xfId="15227"/>
    <cellStyle name="Обычный 2 3 23 2 2" xfId="15228"/>
    <cellStyle name="Обычный 2 3 23 2 2 2" xfId="15229"/>
    <cellStyle name="Обычный 2 3 23 2 3" xfId="15230"/>
    <cellStyle name="Обычный 2 3 23 2 3 2" xfId="15231"/>
    <cellStyle name="Обычный 2 3 23 2 4" xfId="15232"/>
    <cellStyle name="Обычный 2 3 23 3" xfId="15233"/>
    <cellStyle name="Обычный 2 3 23 3 2" xfId="15234"/>
    <cellStyle name="Обычный 2 3 23 4" xfId="15235"/>
    <cellStyle name="Обычный 2 3 23 4 2" xfId="15236"/>
    <cellStyle name="Обычный 2 3 23 5" xfId="15237"/>
    <cellStyle name="Обычный 2 3 23 5 2" xfId="15238"/>
    <cellStyle name="Обычный 2 3 23 6" xfId="15239"/>
    <cellStyle name="Обычный 2 3 24" xfId="15240"/>
    <cellStyle name="Обычный 2 3 24 2" xfId="15241"/>
    <cellStyle name="Обычный 2 3 24 2 2" xfId="15242"/>
    <cellStyle name="Обычный 2 3 24 2 2 2" xfId="15243"/>
    <cellStyle name="Обычный 2 3 24 2 3" xfId="15244"/>
    <cellStyle name="Обычный 2 3 24 2 3 2" xfId="15245"/>
    <cellStyle name="Обычный 2 3 24 2 4" xfId="15246"/>
    <cellStyle name="Обычный 2 3 24 3" xfId="15247"/>
    <cellStyle name="Обычный 2 3 24 3 2" xfId="15248"/>
    <cellStyle name="Обычный 2 3 24 4" xfId="15249"/>
    <cellStyle name="Обычный 2 3 24 4 2" xfId="15250"/>
    <cellStyle name="Обычный 2 3 24 5" xfId="15251"/>
    <cellStyle name="Обычный 2 3 24 5 2" xfId="15252"/>
    <cellStyle name="Обычный 2 3 24 6" xfId="15253"/>
    <cellStyle name="Обычный 2 3 25" xfId="15254"/>
    <cellStyle name="Обычный 2 3 25 2" xfId="15255"/>
    <cellStyle name="Обычный 2 3 25 2 2" xfId="15256"/>
    <cellStyle name="Обычный 2 3 25 2 2 2" xfId="15257"/>
    <cellStyle name="Обычный 2 3 25 2 3" xfId="15258"/>
    <cellStyle name="Обычный 2 3 25 2 3 2" xfId="15259"/>
    <cellStyle name="Обычный 2 3 25 2 4" xfId="15260"/>
    <cellStyle name="Обычный 2 3 25 3" xfId="15261"/>
    <cellStyle name="Обычный 2 3 25 3 2" xfId="15262"/>
    <cellStyle name="Обычный 2 3 25 4" xfId="15263"/>
    <cellStyle name="Обычный 2 3 25 4 2" xfId="15264"/>
    <cellStyle name="Обычный 2 3 25 5" xfId="15265"/>
    <cellStyle name="Обычный 2 3 25 5 2" xfId="15266"/>
    <cellStyle name="Обычный 2 3 25 6" xfId="15267"/>
    <cellStyle name="Обычный 2 3 26" xfId="15268"/>
    <cellStyle name="Обычный 2 3 26 2" xfId="15269"/>
    <cellStyle name="Обычный 2 3 26 2 2" xfId="15270"/>
    <cellStyle name="Обычный 2 3 26 3" xfId="15271"/>
    <cellStyle name="Обычный 2 3 26 3 2" xfId="15272"/>
    <cellStyle name="Обычный 2 3 26 4" xfId="15273"/>
    <cellStyle name="Обычный 2 3 27" xfId="15274"/>
    <cellStyle name="Обычный 2 3 27 2" xfId="15275"/>
    <cellStyle name="Обычный 2 3 27 2 2" xfId="15276"/>
    <cellStyle name="Обычный 2 3 27 3" xfId="15277"/>
    <cellStyle name="Обычный 2 3 28" xfId="15278"/>
    <cellStyle name="Обычный 2 3 28 2" xfId="15279"/>
    <cellStyle name="Обычный 2 3 29" xfId="15280"/>
    <cellStyle name="Обычный 2 3 29 2" xfId="15281"/>
    <cellStyle name="Обычный 2 3 3" xfId="15282"/>
    <cellStyle name="Обычный 2 3 3 10" xfId="15283"/>
    <cellStyle name="Обычный 2 3 3 10 2" xfId="15284"/>
    <cellStyle name="Обычный 2 3 3 10 2 2" xfId="15285"/>
    <cellStyle name="Обычный 2 3 3 10 3" xfId="15286"/>
    <cellStyle name="Обычный 2 3 3 11" xfId="15287"/>
    <cellStyle name="Обычный 2 3 3 11 2" xfId="15288"/>
    <cellStyle name="Обычный 2 3 3 12" xfId="15289"/>
    <cellStyle name="Обычный 2 3 3 12 2" xfId="15290"/>
    <cellStyle name="Обычный 2 3 3 13" xfId="15291"/>
    <cellStyle name="Обычный 2 3 3 14" xfId="15292"/>
    <cellStyle name="Обычный 2 3 3 2" xfId="15293"/>
    <cellStyle name="Обычный 2 3 3 2 10" xfId="15294"/>
    <cellStyle name="Обычный 2 3 3 2 10 2" xfId="15295"/>
    <cellStyle name="Обычный 2 3 3 2 11" xfId="15296"/>
    <cellStyle name="Обычный 2 3 3 2 11 2" xfId="15297"/>
    <cellStyle name="Обычный 2 3 3 2 12" xfId="15298"/>
    <cellStyle name="Обычный 2 3 3 2 13" xfId="15299"/>
    <cellStyle name="Обычный 2 3 3 2 2" xfId="15300"/>
    <cellStyle name="Обычный 2 3 3 2 2 10" xfId="15301"/>
    <cellStyle name="Обычный 2 3 3 2 2 2" xfId="15302"/>
    <cellStyle name="Обычный 2 3 3 2 2 2 2" xfId="15303"/>
    <cellStyle name="Обычный 2 3 3 2 2 2 2 2" xfId="15304"/>
    <cellStyle name="Обычный 2 3 3 2 2 2 2 2 2" xfId="15305"/>
    <cellStyle name="Обычный 2 3 3 2 2 2 2 3" xfId="15306"/>
    <cellStyle name="Обычный 2 3 3 2 2 2 2 3 2" xfId="15307"/>
    <cellStyle name="Обычный 2 3 3 2 2 2 2 4" xfId="15308"/>
    <cellStyle name="Обычный 2 3 3 2 2 2 3" xfId="15309"/>
    <cellStyle name="Обычный 2 3 3 2 2 2 3 2" xfId="15310"/>
    <cellStyle name="Обычный 2 3 3 2 2 2 4" xfId="15311"/>
    <cellStyle name="Обычный 2 3 3 2 2 2 4 2" xfId="15312"/>
    <cellStyle name="Обычный 2 3 3 2 2 2 5" xfId="15313"/>
    <cellStyle name="Обычный 2 3 3 2 2 2 5 2" xfId="15314"/>
    <cellStyle name="Обычный 2 3 3 2 2 2 6" xfId="15315"/>
    <cellStyle name="Обычный 2 3 3 2 2 3" xfId="15316"/>
    <cellStyle name="Обычный 2 3 3 2 2 3 2" xfId="15317"/>
    <cellStyle name="Обычный 2 3 3 2 2 3 2 2" xfId="15318"/>
    <cellStyle name="Обычный 2 3 3 2 2 3 2 2 2" xfId="15319"/>
    <cellStyle name="Обычный 2 3 3 2 2 3 2 3" xfId="15320"/>
    <cellStyle name="Обычный 2 3 3 2 2 3 2 3 2" xfId="15321"/>
    <cellStyle name="Обычный 2 3 3 2 2 3 2 4" xfId="15322"/>
    <cellStyle name="Обычный 2 3 3 2 2 3 3" xfId="15323"/>
    <cellStyle name="Обычный 2 3 3 2 2 3 3 2" xfId="15324"/>
    <cellStyle name="Обычный 2 3 3 2 2 3 4" xfId="15325"/>
    <cellStyle name="Обычный 2 3 3 2 2 3 4 2" xfId="15326"/>
    <cellStyle name="Обычный 2 3 3 2 2 3 5" xfId="15327"/>
    <cellStyle name="Обычный 2 3 3 2 2 3 5 2" xfId="15328"/>
    <cellStyle name="Обычный 2 3 3 2 2 3 6" xfId="15329"/>
    <cellStyle name="Обычный 2 3 3 2 2 4" xfId="15330"/>
    <cellStyle name="Обычный 2 3 3 2 2 4 2" xfId="15331"/>
    <cellStyle name="Обычный 2 3 3 2 2 4 2 2" xfId="15332"/>
    <cellStyle name="Обычный 2 3 3 2 2 4 2 2 2" xfId="15333"/>
    <cellStyle name="Обычный 2 3 3 2 2 4 2 3" xfId="15334"/>
    <cellStyle name="Обычный 2 3 3 2 2 4 2 3 2" xfId="15335"/>
    <cellStyle name="Обычный 2 3 3 2 2 4 2 4" xfId="15336"/>
    <cellStyle name="Обычный 2 3 3 2 2 4 3" xfId="15337"/>
    <cellStyle name="Обычный 2 3 3 2 2 4 3 2" xfId="15338"/>
    <cellStyle name="Обычный 2 3 3 2 2 4 4" xfId="15339"/>
    <cellStyle name="Обычный 2 3 3 2 2 4 4 2" xfId="15340"/>
    <cellStyle name="Обычный 2 3 3 2 2 4 5" xfId="15341"/>
    <cellStyle name="Обычный 2 3 3 2 2 4 5 2" xfId="15342"/>
    <cellStyle name="Обычный 2 3 3 2 2 4 6" xfId="15343"/>
    <cellStyle name="Обычный 2 3 3 2 2 5" xfId="15344"/>
    <cellStyle name="Обычный 2 3 3 2 2 5 2" xfId="15345"/>
    <cellStyle name="Обычный 2 3 3 2 2 5 2 2" xfId="15346"/>
    <cellStyle name="Обычный 2 3 3 2 2 5 2 2 2" xfId="15347"/>
    <cellStyle name="Обычный 2 3 3 2 2 5 2 3" xfId="15348"/>
    <cellStyle name="Обычный 2 3 3 2 2 5 2 3 2" xfId="15349"/>
    <cellStyle name="Обычный 2 3 3 2 2 5 2 4" xfId="15350"/>
    <cellStyle name="Обычный 2 3 3 2 2 5 3" xfId="15351"/>
    <cellStyle name="Обычный 2 3 3 2 2 5 3 2" xfId="15352"/>
    <cellStyle name="Обычный 2 3 3 2 2 5 4" xfId="15353"/>
    <cellStyle name="Обычный 2 3 3 2 2 5 4 2" xfId="15354"/>
    <cellStyle name="Обычный 2 3 3 2 2 5 5" xfId="15355"/>
    <cellStyle name="Обычный 2 3 3 2 2 5 5 2" xfId="15356"/>
    <cellStyle name="Обычный 2 3 3 2 2 5 6" xfId="15357"/>
    <cellStyle name="Обычный 2 3 3 2 2 6" xfId="15358"/>
    <cellStyle name="Обычный 2 3 3 2 2 6 2" xfId="15359"/>
    <cellStyle name="Обычный 2 3 3 2 2 6 2 2" xfId="15360"/>
    <cellStyle name="Обычный 2 3 3 2 2 6 3" xfId="15361"/>
    <cellStyle name="Обычный 2 3 3 2 2 6 3 2" xfId="15362"/>
    <cellStyle name="Обычный 2 3 3 2 2 6 4" xfId="15363"/>
    <cellStyle name="Обычный 2 3 3 2 2 7" xfId="15364"/>
    <cellStyle name="Обычный 2 3 3 2 2 7 2" xfId="15365"/>
    <cellStyle name="Обычный 2 3 3 2 2 8" xfId="15366"/>
    <cellStyle name="Обычный 2 3 3 2 2 8 2" xfId="15367"/>
    <cellStyle name="Обычный 2 3 3 2 2 9" xfId="15368"/>
    <cellStyle name="Обычный 2 3 3 2 2 9 2" xfId="15369"/>
    <cellStyle name="Обычный 2 3 3 2 3" xfId="15370"/>
    <cellStyle name="Обычный 2 3 3 2 3 2" xfId="15371"/>
    <cellStyle name="Обычный 2 3 3 2 3 2 2" xfId="15372"/>
    <cellStyle name="Обычный 2 3 3 2 3 2 2 2" xfId="15373"/>
    <cellStyle name="Обычный 2 3 3 2 3 2 2 2 2" xfId="15374"/>
    <cellStyle name="Обычный 2 3 3 2 3 2 2 3" xfId="15375"/>
    <cellStyle name="Обычный 2 3 3 2 3 2 2 3 2" xfId="15376"/>
    <cellStyle name="Обычный 2 3 3 2 3 2 2 4" xfId="15377"/>
    <cellStyle name="Обычный 2 3 3 2 3 2 3" xfId="15378"/>
    <cellStyle name="Обычный 2 3 3 2 3 2 3 2" xfId="15379"/>
    <cellStyle name="Обычный 2 3 3 2 3 2 4" xfId="15380"/>
    <cellStyle name="Обычный 2 3 3 2 3 2 4 2" xfId="15381"/>
    <cellStyle name="Обычный 2 3 3 2 3 2 5" xfId="15382"/>
    <cellStyle name="Обычный 2 3 3 2 3 2 5 2" xfId="15383"/>
    <cellStyle name="Обычный 2 3 3 2 3 2 6" xfId="15384"/>
    <cellStyle name="Обычный 2 3 3 2 3 3" xfId="15385"/>
    <cellStyle name="Обычный 2 3 3 2 3 3 2" xfId="15386"/>
    <cellStyle name="Обычный 2 3 3 2 3 3 2 2" xfId="15387"/>
    <cellStyle name="Обычный 2 3 3 2 3 3 2 2 2" xfId="15388"/>
    <cellStyle name="Обычный 2 3 3 2 3 3 2 3" xfId="15389"/>
    <cellStyle name="Обычный 2 3 3 2 3 3 2 3 2" xfId="15390"/>
    <cellStyle name="Обычный 2 3 3 2 3 3 2 4" xfId="15391"/>
    <cellStyle name="Обычный 2 3 3 2 3 3 3" xfId="15392"/>
    <cellStyle name="Обычный 2 3 3 2 3 3 3 2" xfId="15393"/>
    <cellStyle name="Обычный 2 3 3 2 3 3 4" xfId="15394"/>
    <cellStyle name="Обычный 2 3 3 2 3 3 4 2" xfId="15395"/>
    <cellStyle name="Обычный 2 3 3 2 3 3 5" xfId="15396"/>
    <cellStyle name="Обычный 2 3 3 2 3 3 5 2" xfId="15397"/>
    <cellStyle name="Обычный 2 3 3 2 3 3 6" xfId="15398"/>
    <cellStyle name="Обычный 2 3 3 2 3 4" xfId="15399"/>
    <cellStyle name="Обычный 2 3 3 2 3 4 2" xfId="15400"/>
    <cellStyle name="Обычный 2 3 3 2 3 4 2 2" xfId="15401"/>
    <cellStyle name="Обычный 2 3 3 2 3 4 2 2 2" xfId="15402"/>
    <cellStyle name="Обычный 2 3 3 2 3 4 2 3" xfId="15403"/>
    <cellStyle name="Обычный 2 3 3 2 3 4 2 3 2" xfId="15404"/>
    <cellStyle name="Обычный 2 3 3 2 3 4 2 4" xfId="15405"/>
    <cellStyle name="Обычный 2 3 3 2 3 4 3" xfId="15406"/>
    <cellStyle name="Обычный 2 3 3 2 3 4 3 2" xfId="15407"/>
    <cellStyle name="Обычный 2 3 3 2 3 4 4" xfId="15408"/>
    <cellStyle name="Обычный 2 3 3 2 3 4 4 2" xfId="15409"/>
    <cellStyle name="Обычный 2 3 3 2 3 4 5" xfId="15410"/>
    <cellStyle name="Обычный 2 3 3 2 3 4 5 2" xfId="15411"/>
    <cellStyle name="Обычный 2 3 3 2 3 4 6" xfId="15412"/>
    <cellStyle name="Обычный 2 3 3 2 3 5" xfId="15413"/>
    <cellStyle name="Обычный 2 3 3 2 3 5 2" xfId="15414"/>
    <cellStyle name="Обычный 2 3 3 2 3 5 2 2" xfId="15415"/>
    <cellStyle name="Обычный 2 3 3 2 3 5 3" xfId="15416"/>
    <cellStyle name="Обычный 2 3 3 2 3 5 3 2" xfId="15417"/>
    <cellStyle name="Обычный 2 3 3 2 3 5 4" xfId="15418"/>
    <cellStyle name="Обычный 2 3 3 2 3 6" xfId="15419"/>
    <cellStyle name="Обычный 2 3 3 2 3 6 2" xfId="15420"/>
    <cellStyle name="Обычный 2 3 3 2 3 7" xfId="15421"/>
    <cellStyle name="Обычный 2 3 3 2 3 7 2" xfId="15422"/>
    <cellStyle name="Обычный 2 3 3 2 3 8" xfId="15423"/>
    <cellStyle name="Обычный 2 3 3 2 3 8 2" xfId="15424"/>
    <cellStyle name="Обычный 2 3 3 2 3 9" xfId="15425"/>
    <cellStyle name="Обычный 2 3 3 2 4" xfId="15426"/>
    <cellStyle name="Обычный 2 3 3 2 4 2" xfId="15427"/>
    <cellStyle name="Обычный 2 3 3 2 4 2 2" xfId="15428"/>
    <cellStyle name="Обычный 2 3 3 2 4 2 2 2" xfId="15429"/>
    <cellStyle name="Обычный 2 3 3 2 4 2 3" xfId="15430"/>
    <cellStyle name="Обычный 2 3 3 2 4 2 3 2" xfId="15431"/>
    <cellStyle name="Обычный 2 3 3 2 4 2 4" xfId="15432"/>
    <cellStyle name="Обычный 2 3 3 2 4 3" xfId="15433"/>
    <cellStyle name="Обычный 2 3 3 2 4 3 2" xfId="15434"/>
    <cellStyle name="Обычный 2 3 3 2 4 4" xfId="15435"/>
    <cellStyle name="Обычный 2 3 3 2 4 4 2" xfId="15436"/>
    <cellStyle name="Обычный 2 3 3 2 4 5" xfId="15437"/>
    <cellStyle name="Обычный 2 3 3 2 4 5 2" xfId="15438"/>
    <cellStyle name="Обычный 2 3 3 2 4 6" xfId="15439"/>
    <cellStyle name="Обычный 2 3 3 2 5" xfId="15440"/>
    <cellStyle name="Обычный 2 3 3 2 5 2" xfId="15441"/>
    <cellStyle name="Обычный 2 3 3 2 5 2 2" xfId="15442"/>
    <cellStyle name="Обычный 2 3 3 2 5 2 2 2" xfId="15443"/>
    <cellStyle name="Обычный 2 3 3 2 5 2 3" xfId="15444"/>
    <cellStyle name="Обычный 2 3 3 2 5 2 3 2" xfId="15445"/>
    <cellStyle name="Обычный 2 3 3 2 5 2 4" xfId="15446"/>
    <cellStyle name="Обычный 2 3 3 2 5 3" xfId="15447"/>
    <cellStyle name="Обычный 2 3 3 2 5 3 2" xfId="15448"/>
    <cellStyle name="Обычный 2 3 3 2 5 4" xfId="15449"/>
    <cellStyle name="Обычный 2 3 3 2 5 4 2" xfId="15450"/>
    <cellStyle name="Обычный 2 3 3 2 5 5" xfId="15451"/>
    <cellStyle name="Обычный 2 3 3 2 5 5 2" xfId="15452"/>
    <cellStyle name="Обычный 2 3 3 2 5 6" xfId="15453"/>
    <cellStyle name="Обычный 2 3 3 2 6" xfId="15454"/>
    <cellStyle name="Обычный 2 3 3 2 6 2" xfId="15455"/>
    <cellStyle name="Обычный 2 3 3 2 6 2 2" xfId="15456"/>
    <cellStyle name="Обычный 2 3 3 2 6 2 2 2" xfId="15457"/>
    <cellStyle name="Обычный 2 3 3 2 6 2 3" xfId="15458"/>
    <cellStyle name="Обычный 2 3 3 2 6 2 3 2" xfId="15459"/>
    <cellStyle name="Обычный 2 3 3 2 6 2 4" xfId="15460"/>
    <cellStyle name="Обычный 2 3 3 2 6 3" xfId="15461"/>
    <cellStyle name="Обычный 2 3 3 2 6 3 2" xfId="15462"/>
    <cellStyle name="Обычный 2 3 3 2 6 4" xfId="15463"/>
    <cellStyle name="Обычный 2 3 3 2 6 4 2" xfId="15464"/>
    <cellStyle name="Обычный 2 3 3 2 6 5" xfId="15465"/>
    <cellStyle name="Обычный 2 3 3 2 6 5 2" xfId="15466"/>
    <cellStyle name="Обычный 2 3 3 2 6 6" xfId="15467"/>
    <cellStyle name="Обычный 2 3 3 2 7" xfId="15468"/>
    <cellStyle name="Обычный 2 3 3 2 7 2" xfId="15469"/>
    <cellStyle name="Обычный 2 3 3 2 7 2 2" xfId="15470"/>
    <cellStyle name="Обычный 2 3 3 2 7 2 2 2" xfId="15471"/>
    <cellStyle name="Обычный 2 3 3 2 7 2 3" xfId="15472"/>
    <cellStyle name="Обычный 2 3 3 2 7 2 3 2" xfId="15473"/>
    <cellStyle name="Обычный 2 3 3 2 7 2 4" xfId="15474"/>
    <cellStyle name="Обычный 2 3 3 2 7 3" xfId="15475"/>
    <cellStyle name="Обычный 2 3 3 2 7 3 2" xfId="15476"/>
    <cellStyle name="Обычный 2 3 3 2 7 4" xfId="15477"/>
    <cellStyle name="Обычный 2 3 3 2 7 4 2" xfId="15478"/>
    <cellStyle name="Обычный 2 3 3 2 7 5" xfId="15479"/>
    <cellStyle name="Обычный 2 3 3 2 7 5 2" xfId="15480"/>
    <cellStyle name="Обычный 2 3 3 2 7 6" xfId="15481"/>
    <cellStyle name="Обычный 2 3 3 2 8" xfId="15482"/>
    <cellStyle name="Обычный 2 3 3 2 8 2" xfId="15483"/>
    <cellStyle name="Обычный 2 3 3 2 8 2 2" xfId="15484"/>
    <cellStyle name="Обычный 2 3 3 2 8 3" xfId="15485"/>
    <cellStyle name="Обычный 2 3 3 2 8 3 2" xfId="15486"/>
    <cellStyle name="Обычный 2 3 3 2 8 4" xfId="15487"/>
    <cellStyle name="Обычный 2 3 3 2 9" xfId="15488"/>
    <cellStyle name="Обычный 2 3 3 2 9 2" xfId="15489"/>
    <cellStyle name="Обычный 2 3 3 2 9 2 2" xfId="15490"/>
    <cellStyle name="Обычный 2 3 3 2 9 3" xfId="15491"/>
    <cellStyle name="Обычный 2 3 3 3" xfId="15492"/>
    <cellStyle name="Обычный 2 3 3 3 10" xfId="15493"/>
    <cellStyle name="Обычный 2 3 3 3 2" xfId="15494"/>
    <cellStyle name="Обычный 2 3 3 3 2 2" xfId="15495"/>
    <cellStyle name="Обычный 2 3 3 3 2 2 2" xfId="15496"/>
    <cellStyle name="Обычный 2 3 3 3 2 2 2 2" xfId="15497"/>
    <cellStyle name="Обычный 2 3 3 3 2 2 3" xfId="15498"/>
    <cellStyle name="Обычный 2 3 3 3 2 2 3 2" xfId="15499"/>
    <cellStyle name="Обычный 2 3 3 3 2 2 4" xfId="15500"/>
    <cellStyle name="Обычный 2 3 3 3 2 3" xfId="15501"/>
    <cellStyle name="Обычный 2 3 3 3 2 3 2" xfId="15502"/>
    <cellStyle name="Обычный 2 3 3 3 2 4" xfId="15503"/>
    <cellStyle name="Обычный 2 3 3 3 2 4 2" xfId="15504"/>
    <cellStyle name="Обычный 2 3 3 3 2 5" xfId="15505"/>
    <cellStyle name="Обычный 2 3 3 3 2 5 2" xfId="15506"/>
    <cellStyle name="Обычный 2 3 3 3 2 6" xfId="15507"/>
    <cellStyle name="Обычный 2 3 3 3 3" xfId="15508"/>
    <cellStyle name="Обычный 2 3 3 3 3 2" xfId="15509"/>
    <cellStyle name="Обычный 2 3 3 3 3 2 2" xfId="15510"/>
    <cellStyle name="Обычный 2 3 3 3 3 2 2 2" xfId="15511"/>
    <cellStyle name="Обычный 2 3 3 3 3 2 3" xfId="15512"/>
    <cellStyle name="Обычный 2 3 3 3 3 2 3 2" xfId="15513"/>
    <cellStyle name="Обычный 2 3 3 3 3 2 4" xfId="15514"/>
    <cellStyle name="Обычный 2 3 3 3 3 3" xfId="15515"/>
    <cellStyle name="Обычный 2 3 3 3 3 3 2" xfId="15516"/>
    <cellStyle name="Обычный 2 3 3 3 3 4" xfId="15517"/>
    <cellStyle name="Обычный 2 3 3 3 3 4 2" xfId="15518"/>
    <cellStyle name="Обычный 2 3 3 3 3 5" xfId="15519"/>
    <cellStyle name="Обычный 2 3 3 3 3 5 2" xfId="15520"/>
    <cellStyle name="Обычный 2 3 3 3 3 6" xfId="15521"/>
    <cellStyle name="Обычный 2 3 3 3 4" xfId="15522"/>
    <cellStyle name="Обычный 2 3 3 3 4 2" xfId="15523"/>
    <cellStyle name="Обычный 2 3 3 3 4 2 2" xfId="15524"/>
    <cellStyle name="Обычный 2 3 3 3 4 2 2 2" xfId="15525"/>
    <cellStyle name="Обычный 2 3 3 3 4 2 3" xfId="15526"/>
    <cellStyle name="Обычный 2 3 3 3 4 2 3 2" xfId="15527"/>
    <cellStyle name="Обычный 2 3 3 3 4 2 4" xfId="15528"/>
    <cellStyle name="Обычный 2 3 3 3 4 3" xfId="15529"/>
    <cellStyle name="Обычный 2 3 3 3 4 3 2" xfId="15530"/>
    <cellStyle name="Обычный 2 3 3 3 4 4" xfId="15531"/>
    <cellStyle name="Обычный 2 3 3 3 4 4 2" xfId="15532"/>
    <cellStyle name="Обычный 2 3 3 3 4 5" xfId="15533"/>
    <cellStyle name="Обычный 2 3 3 3 4 5 2" xfId="15534"/>
    <cellStyle name="Обычный 2 3 3 3 4 6" xfId="15535"/>
    <cellStyle name="Обычный 2 3 3 3 5" xfId="15536"/>
    <cellStyle name="Обычный 2 3 3 3 5 2" xfId="15537"/>
    <cellStyle name="Обычный 2 3 3 3 5 2 2" xfId="15538"/>
    <cellStyle name="Обычный 2 3 3 3 5 2 2 2" xfId="15539"/>
    <cellStyle name="Обычный 2 3 3 3 5 2 3" xfId="15540"/>
    <cellStyle name="Обычный 2 3 3 3 5 2 3 2" xfId="15541"/>
    <cellStyle name="Обычный 2 3 3 3 5 2 4" xfId="15542"/>
    <cellStyle name="Обычный 2 3 3 3 5 3" xfId="15543"/>
    <cellStyle name="Обычный 2 3 3 3 5 3 2" xfId="15544"/>
    <cellStyle name="Обычный 2 3 3 3 5 4" xfId="15545"/>
    <cellStyle name="Обычный 2 3 3 3 5 4 2" xfId="15546"/>
    <cellStyle name="Обычный 2 3 3 3 5 5" xfId="15547"/>
    <cellStyle name="Обычный 2 3 3 3 5 5 2" xfId="15548"/>
    <cellStyle name="Обычный 2 3 3 3 5 6" xfId="15549"/>
    <cellStyle name="Обычный 2 3 3 3 6" xfId="15550"/>
    <cellStyle name="Обычный 2 3 3 3 6 2" xfId="15551"/>
    <cellStyle name="Обычный 2 3 3 3 6 2 2" xfId="15552"/>
    <cellStyle name="Обычный 2 3 3 3 6 3" xfId="15553"/>
    <cellStyle name="Обычный 2 3 3 3 6 3 2" xfId="15554"/>
    <cellStyle name="Обычный 2 3 3 3 6 4" xfId="15555"/>
    <cellStyle name="Обычный 2 3 3 3 7" xfId="15556"/>
    <cellStyle name="Обычный 2 3 3 3 7 2" xfId="15557"/>
    <cellStyle name="Обычный 2 3 3 3 8" xfId="15558"/>
    <cellStyle name="Обычный 2 3 3 3 8 2" xfId="15559"/>
    <cellStyle name="Обычный 2 3 3 3 9" xfId="15560"/>
    <cellStyle name="Обычный 2 3 3 3 9 2" xfId="15561"/>
    <cellStyle name="Обычный 2 3 3 4" xfId="15562"/>
    <cellStyle name="Обычный 2 3 3 4 2" xfId="15563"/>
    <cellStyle name="Обычный 2 3 3 4 2 2" xfId="15564"/>
    <cellStyle name="Обычный 2 3 3 4 2 2 2" xfId="15565"/>
    <cellStyle name="Обычный 2 3 3 4 2 2 2 2" xfId="15566"/>
    <cellStyle name="Обычный 2 3 3 4 2 2 3" xfId="15567"/>
    <cellStyle name="Обычный 2 3 3 4 2 2 3 2" xfId="15568"/>
    <cellStyle name="Обычный 2 3 3 4 2 2 4" xfId="15569"/>
    <cellStyle name="Обычный 2 3 3 4 2 3" xfId="15570"/>
    <cellStyle name="Обычный 2 3 3 4 2 3 2" xfId="15571"/>
    <cellStyle name="Обычный 2 3 3 4 2 4" xfId="15572"/>
    <cellStyle name="Обычный 2 3 3 4 2 4 2" xfId="15573"/>
    <cellStyle name="Обычный 2 3 3 4 2 5" xfId="15574"/>
    <cellStyle name="Обычный 2 3 3 4 2 5 2" xfId="15575"/>
    <cellStyle name="Обычный 2 3 3 4 2 6" xfId="15576"/>
    <cellStyle name="Обычный 2 3 3 4 3" xfId="15577"/>
    <cellStyle name="Обычный 2 3 3 4 3 2" xfId="15578"/>
    <cellStyle name="Обычный 2 3 3 4 3 2 2" xfId="15579"/>
    <cellStyle name="Обычный 2 3 3 4 3 2 2 2" xfId="15580"/>
    <cellStyle name="Обычный 2 3 3 4 3 2 3" xfId="15581"/>
    <cellStyle name="Обычный 2 3 3 4 3 2 3 2" xfId="15582"/>
    <cellStyle name="Обычный 2 3 3 4 3 2 4" xfId="15583"/>
    <cellStyle name="Обычный 2 3 3 4 3 3" xfId="15584"/>
    <cellStyle name="Обычный 2 3 3 4 3 3 2" xfId="15585"/>
    <cellStyle name="Обычный 2 3 3 4 3 4" xfId="15586"/>
    <cellStyle name="Обычный 2 3 3 4 3 4 2" xfId="15587"/>
    <cellStyle name="Обычный 2 3 3 4 3 5" xfId="15588"/>
    <cellStyle name="Обычный 2 3 3 4 3 5 2" xfId="15589"/>
    <cellStyle name="Обычный 2 3 3 4 3 6" xfId="15590"/>
    <cellStyle name="Обычный 2 3 3 4 4" xfId="15591"/>
    <cellStyle name="Обычный 2 3 3 4 4 2" xfId="15592"/>
    <cellStyle name="Обычный 2 3 3 4 4 2 2" xfId="15593"/>
    <cellStyle name="Обычный 2 3 3 4 4 2 2 2" xfId="15594"/>
    <cellStyle name="Обычный 2 3 3 4 4 2 3" xfId="15595"/>
    <cellStyle name="Обычный 2 3 3 4 4 2 3 2" xfId="15596"/>
    <cellStyle name="Обычный 2 3 3 4 4 2 4" xfId="15597"/>
    <cellStyle name="Обычный 2 3 3 4 4 3" xfId="15598"/>
    <cellStyle name="Обычный 2 3 3 4 4 3 2" xfId="15599"/>
    <cellStyle name="Обычный 2 3 3 4 4 4" xfId="15600"/>
    <cellStyle name="Обычный 2 3 3 4 4 4 2" xfId="15601"/>
    <cellStyle name="Обычный 2 3 3 4 4 5" xfId="15602"/>
    <cellStyle name="Обычный 2 3 3 4 4 5 2" xfId="15603"/>
    <cellStyle name="Обычный 2 3 3 4 4 6" xfId="15604"/>
    <cellStyle name="Обычный 2 3 3 4 5" xfId="15605"/>
    <cellStyle name="Обычный 2 3 3 4 5 2" xfId="15606"/>
    <cellStyle name="Обычный 2 3 3 4 5 2 2" xfId="15607"/>
    <cellStyle name="Обычный 2 3 3 4 5 3" xfId="15608"/>
    <cellStyle name="Обычный 2 3 3 4 5 3 2" xfId="15609"/>
    <cellStyle name="Обычный 2 3 3 4 5 4" xfId="15610"/>
    <cellStyle name="Обычный 2 3 3 4 6" xfId="15611"/>
    <cellStyle name="Обычный 2 3 3 4 6 2" xfId="15612"/>
    <cellStyle name="Обычный 2 3 3 4 7" xfId="15613"/>
    <cellStyle name="Обычный 2 3 3 4 7 2" xfId="15614"/>
    <cellStyle name="Обычный 2 3 3 4 8" xfId="15615"/>
    <cellStyle name="Обычный 2 3 3 4 8 2" xfId="15616"/>
    <cellStyle name="Обычный 2 3 3 4 9" xfId="15617"/>
    <cellStyle name="Обычный 2 3 3 5" xfId="15618"/>
    <cellStyle name="Обычный 2 3 3 5 2" xfId="15619"/>
    <cellStyle name="Обычный 2 3 3 5 2 2" xfId="15620"/>
    <cellStyle name="Обычный 2 3 3 5 2 2 2" xfId="15621"/>
    <cellStyle name="Обычный 2 3 3 5 2 3" xfId="15622"/>
    <cellStyle name="Обычный 2 3 3 5 2 3 2" xfId="15623"/>
    <cellStyle name="Обычный 2 3 3 5 2 4" xfId="15624"/>
    <cellStyle name="Обычный 2 3 3 5 3" xfId="15625"/>
    <cellStyle name="Обычный 2 3 3 5 3 2" xfId="15626"/>
    <cellStyle name="Обычный 2 3 3 5 4" xfId="15627"/>
    <cellStyle name="Обычный 2 3 3 5 4 2" xfId="15628"/>
    <cellStyle name="Обычный 2 3 3 5 5" xfId="15629"/>
    <cellStyle name="Обычный 2 3 3 5 5 2" xfId="15630"/>
    <cellStyle name="Обычный 2 3 3 5 6" xfId="15631"/>
    <cellStyle name="Обычный 2 3 3 6" xfId="15632"/>
    <cellStyle name="Обычный 2 3 3 6 2" xfId="15633"/>
    <cellStyle name="Обычный 2 3 3 6 2 2" xfId="15634"/>
    <cellStyle name="Обычный 2 3 3 6 2 2 2" xfId="15635"/>
    <cellStyle name="Обычный 2 3 3 6 2 3" xfId="15636"/>
    <cellStyle name="Обычный 2 3 3 6 2 3 2" xfId="15637"/>
    <cellStyle name="Обычный 2 3 3 6 2 4" xfId="15638"/>
    <cellStyle name="Обычный 2 3 3 6 3" xfId="15639"/>
    <cellStyle name="Обычный 2 3 3 6 3 2" xfId="15640"/>
    <cellStyle name="Обычный 2 3 3 6 4" xfId="15641"/>
    <cellStyle name="Обычный 2 3 3 6 4 2" xfId="15642"/>
    <cellStyle name="Обычный 2 3 3 6 5" xfId="15643"/>
    <cellStyle name="Обычный 2 3 3 6 5 2" xfId="15644"/>
    <cellStyle name="Обычный 2 3 3 6 6" xfId="15645"/>
    <cellStyle name="Обычный 2 3 3 7" xfId="15646"/>
    <cellStyle name="Обычный 2 3 3 7 2" xfId="15647"/>
    <cellStyle name="Обычный 2 3 3 7 2 2" xfId="15648"/>
    <cellStyle name="Обычный 2 3 3 7 2 2 2" xfId="15649"/>
    <cellStyle name="Обычный 2 3 3 7 2 3" xfId="15650"/>
    <cellStyle name="Обычный 2 3 3 7 2 3 2" xfId="15651"/>
    <cellStyle name="Обычный 2 3 3 7 2 4" xfId="15652"/>
    <cellStyle name="Обычный 2 3 3 7 3" xfId="15653"/>
    <cellStyle name="Обычный 2 3 3 7 3 2" xfId="15654"/>
    <cellStyle name="Обычный 2 3 3 7 4" xfId="15655"/>
    <cellStyle name="Обычный 2 3 3 7 4 2" xfId="15656"/>
    <cellStyle name="Обычный 2 3 3 7 5" xfId="15657"/>
    <cellStyle name="Обычный 2 3 3 7 5 2" xfId="15658"/>
    <cellStyle name="Обычный 2 3 3 7 6" xfId="15659"/>
    <cellStyle name="Обычный 2 3 3 8" xfId="15660"/>
    <cellStyle name="Обычный 2 3 3 8 2" xfId="15661"/>
    <cellStyle name="Обычный 2 3 3 8 2 2" xfId="15662"/>
    <cellStyle name="Обычный 2 3 3 8 2 2 2" xfId="15663"/>
    <cellStyle name="Обычный 2 3 3 8 2 3" xfId="15664"/>
    <cellStyle name="Обычный 2 3 3 8 2 3 2" xfId="15665"/>
    <cellStyle name="Обычный 2 3 3 8 2 4" xfId="15666"/>
    <cellStyle name="Обычный 2 3 3 8 3" xfId="15667"/>
    <cellStyle name="Обычный 2 3 3 8 3 2" xfId="15668"/>
    <cellStyle name="Обычный 2 3 3 8 4" xfId="15669"/>
    <cellStyle name="Обычный 2 3 3 8 4 2" xfId="15670"/>
    <cellStyle name="Обычный 2 3 3 8 5" xfId="15671"/>
    <cellStyle name="Обычный 2 3 3 8 5 2" xfId="15672"/>
    <cellStyle name="Обычный 2 3 3 8 6" xfId="15673"/>
    <cellStyle name="Обычный 2 3 3 9" xfId="15674"/>
    <cellStyle name="Обычный 2 3 3 9 2" xfId="15675"/>
    <cellStyle name="Обычный 2 3 3 9 2 2" xfId="15676"/>
    <cellStyle name="Обычный 2 3 3 9 3" xfId="15677"/>
    <cellStyle name="Обычный 2 3 3 9 3 2" xfId="15678"/>
    <cellStyle name="Обычный 2 3 3 9 4" xfId="15679"/>
    <cellStyle name="Обычный 2 3 30" xfId="15680"/>
    <cellStyle name="Обычный 2 3 31" xfId="15681"/>
    <cellStyle name="Обычный 2 3 4" xfId="15682"/>
    <cellStyle name="Обычный 2 3 4 10" xfId="15683"/>
    <cellStyle name="Обычный 2 3 4 10 2" xfId="15684"/>
    <cellStyle name="Обычный 2 3 4 10 2 2" xfId="15685"/>
    <cellStyle name="Обычный 2 3 4 10 3" xfId="15686"/>
    <cellStyle name="Обычный 2 3 4 11" xfId="15687"/>
    <cellStyle name="Обычный 2 3 4 11 2" xfId="15688"/>
    <cellStyle name="Обычный 2 3 4 12" xfId="15689"/>
    <cellStyle name="Обычный 2 3 4 12 2" xfId="15690"/>
    <cellStyle name="Обычный 2 3 4 13" xfId="15691"/>
    <cellStyle name="Обычный 2 3 4 14" xfId="15692"/>
    <cellStyle name="Обычный 2 3 4 2" xfId="15693"/>
    <cellStyle name="Обычный 2 3 4 2 10" xfId="15694"/>
    <cellStyle name="Обычный 2 3 4 2 10 2" xfId="15695"/>
    <cellStyle name="Обычный 2 3 4 2 11" xfId="15696"/>
    <cellStyle name="Обычный 2 3 4 2 11 2" xfId="15697"/>
    <cellStyle name="Обычный 2 3 4 2 12" xfId="15698"/>
    <cellStyle name="Обычный 2 3 4 2 13" xfId="15699"/>
    <cellStyle name="Обычный 2 3 4 2 2" xfId="15700"/>
    <cellStyle name="Обычный 2 3 4 2 2 10" xfId="15701"/>
    <cellStyle name="Обычный 2 3 4 2 2 2" xfId="15702"/>
    <cellStyle name="Обычный 2 3 4 2 2 2 2" xfId="15703"/>
    <cellStyle name="Обычный 2 3 4 2 2 2 2 2" xfId="15704"/>
    <cellStyle name="Обычный 2 3 4 2 2 2 2 2 2" xfId="15705"/>
    <cellStyle name="Обычный 2 3 4 2 2 2 2 3" xfId="15706"/>
    <cellStyle name="Обычный 2 3 4 2 2 2 2 3 2" xfId="15707"/>
    <cellStyle name="Обычный 2 3 4 2 2 2 2 4" xfId="15708"/>
    <cellStyle name="Обычный 2 3 4 2 2 2 3" xfId="15709"/>
    <cellStyle name="Обычный 2 3 4 2 2 2 3 2" xfId="15710"/>
    <cellStyle name="Обычный 2 3 4 2 2 2 4" xfId="15711"/>
    <cellStyle name="Обычный 2 3 4 2 2 2 4 2" xfId="15712"/>
    <cellStyle name="Обычный 2 3 4 2 2 2 5" xfId="15713"/>
    <cellStyle name="Обычный 2 3 4 2 2 2 5 2" xfId="15714"/>
    <cellStyle name="Обычный 2 3 4 2 2 2 6" xfId="15715"/>
    <cellStyle name="Обычный 2 3 4 2 2 3" xfId="15716"/>
    <cellStyle name="Обычный 2 3 4 2 2 3 2" xfId="15717"/>
    <cellStyle name="Обычный 2 3 4 2 2 3 2 2" xfId="15718"/>
    <cellStyle name="Обычный 2 3 4 2 2 3 2 2 2" xfId="15719"/>
    <cellStyle name="Обычный 2 3 4 2 2 3 2 3" xfId="15720"/>
    <cellStyle name="Обычный 2 3 4 2 2 3 2 3 2" xfId="15721"/>
    <cellStyle name="Обычный 2 3 4 2 2 3 2 4" xfId="15722"/>
    <cellStyle name="Обычный 2 3 4 2 2 3 3" xfId="15723"/>
    <cellStyle name="Обычный 2 3 4 2 2 3 3 2" xfId="15724"/>
    <cellStyle name="Обычный 2 3 4 2 2 3 4" xfId="15725"/>
    <cellStyle name="Обычный 2 3 4 2 2 3 4 2" xfId="15726"/>
    <cellStyle name="Обычный 2 3 4 2 2 3 5" xfId="15727"/>
    <cellStyle name="Обычный 2 3 4 2 2 3 5 2" xfId="15728"/>
    <cellStyle name="Обычный 2 3 4 2 2 3 6" xfId="15729"/>
    <cellStyle name="Обычный 2 3 4 2 2 4" xfId="15730"/>
    <cellStyle name="Обычный 2 3 4 2 2 4 2" xfId="15731"/>
    <cellStyle name="Обычный 2 3 4 2 2 4 2 2" xfId="15732"/>
    <cellStyle name="Обычный 2 3 4 2 2 4 2 2 2" xfId="15733"/>
    <cellStyle name="Обычный 2 3 4 2 2 4 2 3" xfId="15734"/>
    <cellStyle name="Обычный 2 3 4 2 2 4 2 3 2" xfId="15735"/>
    <cellStyle name="Обычный 2 3 4 2 2 4 2 4" xfId="15736"/>
    <cellStyle name="Обычный 2 3 4 2 2 4 3" xfId="15737"/>
    <cellStyle name="Обычный 2 3 4 2 2 4 3 2" xfId="15738"/>
    <cellStyle name="Обычный 2 3 4 2 2 4 4" xfId="15739"/>
    <cellStyle name="Обычный 2 3 4 2 2 4 4 2" xfId="15740"/>
    <cellStyle name="Обычный 2 3 4 2 2 4 5" xfId="15741"/>
    <cellStyle name="Обычный 2 3 4 2 2 4 5 2" xfId="15742"/>
    <cellStyle name="Обычный 2 3 4 2 2 4 6" xfId="15743"/>
    <cellStyle name="Обычный 2 3 4 2 2 5" xfId="15744"/>
    <cellStyle name="Обычный 2 3 4 2 2 5 2" xfId="15745"/>
    <cellStyle name="Обычный 2 3 4 2 2 5 2 2" xfId="15746"/>
    <cellStyle name="Обычный 2 3 4 2 2 5 2 2 2" xfId="15747"/>
    <cellStyle name="Обычный 2 3 4 2 2 5 2 3" xfId="15748"/>
    <cellStyle name="Обычный 2 3 4 2 2 5 2 3 2" xfId="15749"/>
    <cellStyle name="Обычный 2 3 4 2 2 5 2 4" xfId="15750"/>
    <cellStyle name="Обычный 2 3 4 2 2 5 3" xfId="15751"/>
    <cellStyle name="Обычный 2 3 4 2 2 5 3 2" xfId="15752"/>
    <cellStyle name="Обычный 2 3 4 2 2 5 4" xfId="15753"/>
    <cellStyle name="Обычный 2 3 4 2 2 5 4 2" xfId="15754"/>
    <cellStyle name="Обычный 2 3 4 2 2 5 5" xfId="15755"/>
    <cellStyle name="Обычный 2 3 4 2 2 5 5 2" xfId="15756"/>
    <cellStyle name="Обычный 2 3 4 2 2 5 6" xfId="15757"/>
    <cellStyle name="Обычный 2 3 4 2 2 6" xfId="15758"/>
    <cellStyle name="Обычный 2 3 4 2 2 6 2" xfId="15759"/>
    <cellStyle name="Обычный 2 3 4 2 2 6 2 2" xfId="15760"/>
    <cellStyle name="Обычный 2 3 4 2 2 6 3" xfId="15761"/>
    <cellStyle name="Обычный 2 3 4 2 2 6 3 2" xfId="15762"/>
    <cellStyle name="Обычный 2 3 4 2 2 6 4" xfId="15763"/>
    <cellStyle name="Обычный 2 3 4 2 2 7" xfId="15764"/>
    <cellStyle name="Обычный 2 3 4 2 2 7 2" xfId="15765"/>
    <cellStyle name="Обычный 2 3 4 2 2 8" xfId="15766"/>
    <cellStyle name="Обычный 2 3 4 2 2 8 2" xfId="15767"/>
    <cellStyle name="Обычный 2 3 4 2 2 9" xfId="15768"/>
    <cellStyle name="Обычный 2 3 4 2 2 9 2" xfId="15769"/>
    <cellStyle name="Обычный 2 3 4 2 3" xfId="15770"/>
    <cellStyle name="Обычный 2 3 4 2 3 2" xfId="15771"/>
    <cellStyle name="Обычный 2 3 4 2 3 2 2" xfId="15772"/>
    <cellStyle name="Обычный 2 3 4 2 3 2 2 2" xfId="15773"/>
    <cellStyle name="Обычный 2 3 4 2 3 2 2 2 2" xfId="15774"/>
    <cellStyle name="Обычный 2 3 4 2 3 2 2 3" xfId="15775"/>
    <cellStyle name="Обычный 2 3 4 2 3 2 2 3 2" xfId="15776"/>
    <cellStyle name="Обычный 2 3 4 2 3 2 2 4" xfId="15777"/>
    <cellStyle name="Обычный 2 3 4 2 3 2 3" xfId="15778"/>
    <cellStyle name="Обычный 2 3 4 2 3 2 3 2" xfId="15779"/>
    <cellStyle name="Обычный 2 3 4 2 3 2 4" xfId="15780"/>
    <cellStyle name="Обычный 2 3 4 2 3 2 4 2" xfId="15781"/>
    <cellStyle name="Обычный 2 3 4 2 3 2 5" xfId="15782"/>
    <cellStyle name="Обычный 2 3 4 2 3 2 5 2" xfId="15783"/>
    <cellStyle name="Обычный 2 3 4 2 3 2 6" xfId="15784"/>
    <cellStyle name="Обычный 2 3 4 2 3 3" xfId="15785"/>
    <cellStyle name="Обычный 2 3 4 2 3 3 2" xfId="15786"/>
    <cellStyle name="Обычный 2 3 4 2 3 3 2 2" xfId="15787"/>
    <cellStyle name="Обычный 2 3 4 2 3 3 2 2 2" xfId="15788"/>
    <cellStyle name="Обычный 2 3 4 2 3 3 2 3" xfId="15789"/>
    <cellStyle name="Обычный 2 3 4 2 3 3 2 3 2" xfId="15790"/>
    <cellStyle name="Обычный 2 3 4 2 3 3 2 4" xfId="15791"/>
    <cellStyle name="Обычный 2 3 4 2 3 3 3" xfId="15792"/>
    <cellStyle name="Обычный 2 3 4 2 3 3 3 2" xfId="15793"/>
    <cellStyle name="Обычный 2 3 4 2 3 3 4" xfId="15794"/>
    <cellStyle name="Обычный 2 3 4 2 3 3 4 2" xfId="15795"/>
    <cellStyle name="Обычный 2 3 4 2 3 3 5" xfId="15796"/>
    <cellStyle name="Обычный 2 3 4 2 3 3 5 2" xfId="15797"/>
    <cellStyle name="Обычный 2 3 4 2 3 3 6" xfId="15798"/>
    <cellStyle name="Обычный 2 3 4 2 3 4" xfId="15799"/>
    <cellStyle name="Обычный 2 3 4 2 3 4 2" xfId="15800"/>
    <cellStyle name="Обычный 2 3 4 2 3 4 2 2" xfId="15801"/>
    <cellStyle name="Обычный 2 3 4 2 3 4 2 2 2" xfId="15802"/>
    <cellStyle name="Обычный 2 3 4 2 3 4 2 3" xfId="15803"/>
    <cellStyle name="Обычный 2 3 4 2 3 4 2 3 2" xfId="15804"/>
    <cellStyle name="Обычный 2 3 4 2 3 4 2 4" xfId="15805"/>
    <cellStyle name="Обычный 2 3 4 2 3 4 3" xfId="15806"/>
    <cellStyle name="Обычный 2 3 4 2 3 4 3 2" xfId="15807"/>
    <cellStyle name="Обычный 2 3 4 2 3 4 4" xfId="15808"/>
    <cellStyle name="Обычный 2 3 4 2 3 4 4 2" xfId="15809"/>
    <cellStyle name="Обычный 2 3 4 2 3 4 5" xfId="15810"/>
    <cellStyle name="Обычный 2 3 4 2 3 4 5 2" xfId="15811"/>
    <cellStyle name="Обычный 2 3 4 2 3 4 6" xfId="15812"/>
    <cellStyle name="Обычный 2 3 4 2 3 5" xfId="15813"/>
    <cellStyle name="Обычный 2 3 4 2 3 5 2" xfId="15814"/>
    <cellStyle name="Обычный 2 3 4 2 3 5 2 2" xfId="15815"/>
    <cellStyle name="Обычный 2 3 4 2 3 5 3" xfId="15816"/>
    <cellStyle name="Обычный 2 3 4 2 3 5 3 2" xfId="15817"/>
    <cellStyle name="Обычный 2 3 4 2 3 5 4" xfId="15818"/>
    <cellStyle name="Обычный 2 3 4 2 3 6" xfId="15819"/>
    <cellStyle name="Обычный 2 3 4 2 3 6 2" xfId="15820"/>
    <cellStyle name="Обычный 2 3 4 2 3 7" xfId="15821"/>
    <cellStyle name="Обычный 2 3 4 2 3 7 2" xfId="15822"/>
    <cellStyle name="Обычный 2 3 4 2 3 8" xfId="15823"/>
    <cellStyle name="Обычный 2 3 4 2 3 8 2" xfId="15824"/>
    <cellStyle name="Обычный 2 3 4 2 3 9" xfId="15825"/>
    <cellStyle name="Обычный 2 3 4 2 4" xfId="15826"/>
    <cellStyle name="Обычный 2 3 4 2 4 2" xfId="15827"/>
    <cellStyle name="Обычный 2 3 4 2 4 2 2" xfId="15828"/>
    <cellStyle name="Обычный 2 3 4 2 4 2 2 2" xfId="15829"/>
    <cellStyle name="Обычный 2 3 4 2 4 2 3" xfId="15830"/>
    <cellStyle name="Обычный 2 3 4 2 4 2 3 2" xfId="15831"/>
    <cellStyle name="Обычный 2 3 4 2 4 2 4" xfId="15832"/>
    <cellStyle name="Обычный 2 3 4 2 4 3" xfId="15833"/>
    <cellStyle name="Обычный 2 3 4 2 4 3 2" xfId="15834"/>
    <cellStyle name="Обычный 2 3 4 2 4 4" xfId="15835"/>
    <cellStyle name="Обычный 2 3 4 2 4 4 2" xfId="15836"/>
    <cellStyle name="Обычный 2 3 4 2 4 5" xfId="15837"/>
    <cellStyle name="Обычный 2 3 4 2 4 5 2" xfId="15838"/>
    <cellStyle name="Обычный 2 3 4 2 4 6" xfId="15839"/>
    <cellStyle name="Обычный 2 3 4 2 5" xfId="15840"/>
    <cellStyle name="Обычный 2 3 4 2 5 2" xfId="15841"/>
    <cellStyle name="Обычный 2 3 4 2 5 2 2" xfId="15842"/>
    <cellStyle name="Обычный 2 3 4 2 5 2 2 2" xfId="15843"/>
    <cellStyle name="Обычный 2 3 4 2 5 2 3" xfId="15844"/>
    <cellStyle name="Обычный 2 3 4 2 5 2 3 2" xfId="15845"/>
    <cellStyle name="Обычный 2 3 4 2 5 2 4" xfId="15846"/>
    <cellStyle name="Обычный 2 3 4 2 5 3" xfId="15847"/>
    <cellStyle name="Обычный 2 3 4 2 5 3 2" xfId="15848"/>
    <cellStyle name="Обычный 2 3 4 2 5 4" xfId="15849"/>
    <cellStyle name="Обычный 2 3 4 2 5 4 2" xfId="15850"/>
    <cellStyle name="Обычный 2 3 4 2 5 5" xfId="15851"/>
    <cellStyle name="Обычный 2 3 4 2 5 5 2" xfId="15852"/>
    <cellStyle name="Обычный 2 3 4 2 5 6" xfId="15853"/>
    <cellStyle name="Обычный 2 3 4 2 6" xfId="15854"/>
    <cellStyle name="Обычный 2 3 4 2 6 2" xfId="15855"/>
    <cellStyle name="Обычный 2 3 4 2 6 2 2" xfId="15856"/>
    <cellStyle name="Обычный 2 3 4 2 6 2 2 2" xfId="15857"/>
    <cellStyle name="Обычный 2 3 4 2 6 2 3" xfId="15858"/>
    <cellStyle name="Обычный 2 3 4 2 6 2 3 2" xfId="15859"/>
    <cellStyle name="Обычный 2 3 4 2 6 2 4" xfId="15860"/>
    <cellStyle name="Обычный 2 3 4 2 6 3" xfId="15861"/>
    <cellStyle name="Обычный 2 3 4 2 6 3 2" xfId="15862"/>
    <cellStyle name="Обычный 2 3 4 2 6 4" xfId="15863"/>
    <cellStyle name="Обычный 2 3 4 2 6 4 2" xfId="15864"/>
    <cellStyle name="Обычный 2 3 4 2 6 5" xfId="15865"/>
    <cellStyle name="Обычный 2 3 4 2 6 5 2" xfId="15866"/>
    <cellStyle name="Обычный 2 3 4 2 6 6" xfId="15867"/>
    <cellStyle name="Обычный 2 3 4 2 7" xfId="15868"/>
    <cellStyle name="Обычный 2 3 4 2 7 2" xfId="15869"/>
    <cellStyle name="Обычный 2 3 4 2 7 2 2" xfId="15870"/>
    <cellStyle name="Обычный 2 3 4 2 7 2 2 2" xfId="15871"/>
    <cellStyle name="Обычный 2 3 4 2 7 2 3" xfId="15872"/>
    <cellStyle name="Обычный 2 3 4 2 7 2 3 2" xfId="15873"/>
    <cellStyle name="Обычный 2 3 4 2 7 2 4" xfId="15874"/>
    <cellStyle name="Обычный 2 3 4 2 7 3" xfId="15875"/>
    <cellStyle name="Обычный 2 3 4 2 7 3 2" xfId="15876"/>
    <cellStyle name="Обычный 2 3 4 2 7 4" xfId="15877"/>
    <cellStyle name="Обычный 2 3 4 2 7 4 2" xfId="15878"/>
    <cellStyle name="Обычный 2 3 4 2 7 5" xfId="15879"/>
    <cellStyle name="Обычный 2 3 4 2 7 5 2" xfId="15880"/>
    <cellStyle name="Обычный 2 3 4 2 7 6" xfId="15881"/>
    <cellStyle name="Обычный 2 3 4 2 8" xfId="15882"/>
    <cellStyle name="Обычный 2 3 4 2 8 2" xfId="15883"/>
    <cellStyle name="Обычный 2 3 4 2 8 2 2" xfId="15884"/>
    <cellStyle name="Обычный 2 3 4 2 8 3" xfId="15885"/>
    <cellStyle name="Обычный 2 3 4 2 8 3 2" xfId="15886"/>
    <cellStyle name="Обычный 2 3 4 2 8 4" xfId="15887"/>
    <cellStyle name="Обычный 2 3 4 2 9" xfId="15888"/>
    <cellStyle name="Обычный 2 3 4 2 9 2" xfId="15889"/>
    <cellStyle name="Обычный 2 3 4 2 9 2 2" xfId="15890"/>
    <cellStyle name="Обычный 2 3 4 2 9 3" xfId="15891"/>
    <cellStyle name="Обычный 2 3 4 3" xfId="15892"/>
    <cellStyle name="Обычный 2 3 4 3 10" xfId="15893"/>
    <cellStyle name="Обычный 2 3 4 3 2" xfId="15894"/>
    <cellStyle name="Обычный 2 3 4 3 2 2" xfId="15895"/>
    <cellStyle name="Обычный 2 3 4 3 2 2 2" xfId="15896"/>
    <cellStyle name="Обычный 2 3 4 3 2 2 2 2" xfId="15897"/>
    <cellStyle name="Обычный 2 3 4 3 2 2 3" xfId="15898"/>
    <cellStyle name="Обычный 2 3 4 3 2 2 3 2" xfId="15899"/>
    <cellStyle name="Обычный 2 3 4 3 2 2 4" xfId="15900"/>
    <cellStyle name="Обычный 2 3 4 3 2 3" xfId="15901"/>
    <cellStyle name="Обычный 2 3 4 3 2 3 2" xfId="15902"/>
    <cellStyle name="Обычный 2 3 4 3 2 4" xfId="15903"/>
    <cellStyle name="Обычный 2 3 4 3 2 4 2" xfId="15904"/>
    <cellStyle name="Обычный 2 3 4 3 2 5" xfId="15905"/>
    <cellStyle name="Обычный 2 3 4 3 2 5 2" xfId="15906"/>
    <cellStyle name="Обычный 2 3 4 3 2 6" xfId="15907"/>
    <cellStyle name="Обычный 2 3 4 3 3" xfId="15908"/>
    <cellStyle name="Обычный 2 3 4 3 3 2" xfId="15909"/>
    <cellStyle name="Обычный 2 3 4 3 3 2 2" xfId="15910"/>
    <cellStyle name="Обычный 2 3 4 3 3 2 2 2" xfId="15911"/>
    <cellStyle name="Обычный 2 3 4 3 3 2 3" xfId="15912"/>
    <cellStyle name="Обычный 2 3 4 3 3 2 3 2" xfId="15913"/>
    <cellStyle name="Обычный 2 3 4 3 3 2 4" xfId="15914"/>
    <cellStyle name="Обычный 2 3 4 3 3 3" xfId="15915"/>
    <cellStyle name="Обычный 2 3 4 3 3 3 2" xfId="15916"/>
    <cellStyle name="Обычный 2 3 4 3 3 4" xfId="15917"/>
    <cellStyle name="Обычный 2 3 4 3 3 4 2" xfId="15918"/>
    <cellStyle name="Обычный 2 3 4 3 3 5" xfId="15919"/>
    <cellStyle name="Обычный 2 3 4 3 3 5 2" xfId="15920"/>
    <cellStyle name="Обычный 2 3 4 3 3 6" xfId="15921"/>
    <cellStyle name="Обычный 2 3 4 3 4" xfId="15922"/>
    <cellStyle name="Обычный 2 3 4 3 4 2" xfId="15923"/>
    <cellStyle name="Обычный 2 3 4 3 4 2 2" xfId="15924"/>
    <cellStyle name="Обычный 2 3 4 3 4 2 2 2" xfId="15925"/>
    <cellStyle name="Обычный 2 3 4 3 4 2 3" xfId="15926"/>
    <cellStyle name="Обычный 2 3 4 3 4 2 3 2" xfId="15927"/>
    <cellStyle name="Обычный 2 3 4 3 4 2 4" xfId="15928"/>
    <cellStyle name="Обычный 2 3 4 3 4 3" xfId="15929"/>
    <cellStyle name="Обычный 2 3 4 3 4 3 2" xfId="15930"/>
    <cellStyle name="Обычный 2 3 4 3 4 4" xfId="15931"/>
    <cellStyle name="Обычный 2 3 4 3 4 4 2" xfId="15932"/>
    <cellStyle name="Обычный 2 3 4 3 4 5" xfId="15933"/>
    <cellStyle name="Обычный 2 3 4 3 4 5 2" xfId="15934"/>
    <cellStyle name="Обычный 2 3 4 3 4 6" xfId="15935"/>
    <cellStyle name="Обычный 2 3 4 3 5" xfId="15936"/>
    <cellStyle name="Обычный 2 3 4 3 5 2" xfId="15937"/>
    <cellStyle name="Обычный 2 3 4 3 5 2 2" xfId="15938"/>
    <cellStyle name="Обычный 2 3 4 3 5 2 2 2" xfId="15939"/>
    <cellStyle name="Обычный 2 3 4 3 5 2 3" xfId="15940"/>
    <cellStyle name="Обычный 2 3 4 3 5 2 3 2" xfId="15941"/>
    <cellStyle name="Обычный 2 3 4 3 5 2 4" xfId="15942"/>
    <cellStyle name="Обычный 2 3 4 3 5 3" xfId="15943"/>
    <cellStyle name="Обычный 2 3 4 3 5 3 2" xfId="15944"/>
    <cellStyle name="Обычный 2 3 4 3 5 4" xfId="15945"/>
    <cellStyle name="Обычный 2 3 4 3 5 4 2" xfId="15946"/>
    <cellStyle name="Обычный 2 3 4 3 5 5" xfId="15947"/>
    <cellStyle name="Обычный 2 3 4 3 5 5 2" xfId="15948"/>
    <cellStyle name="Обычный 2 3 4 3 5 6" xfId="15949"/>
    <cellStyle name="Обычный 2 3 4 3 6" xfId="15950"/>
    <cellStyle name="Обычный 2 3 4 3 6 2" xfId="15951"/>
    <cellStyle name="Обычный 2 3 4 3 6 2 2" xfId="15952"/>
    <cellStyle name="Обычный 2 3 4 3 6 3" xfId="15953"/>
    <cellStyle name="Обычный 2 3 4 3 6 3 2" xfId="15954"/>
    <cellStyle name="Обычный 2 3 4 3 6 4" xfId="15955"/>
    <cellStyle name="Обычный 2 3 4 3 7" xfId="15956"/>
    <cellStyle name="Обычный 2 3 4 3 7 2" xfId="15957"/>
    <cellStyle name="Обычный 2 3 4 3 8" xfId="15958"/>
    <cellStyle name="Обычный 2 3 4 3 8 2" xfId="15959"/>
    <cellStyle name="Обычный 2 3 4 3 9" xfId="15960"/>
    <cellStyle name="Обычный 2 3 4 3 9 2" xfId="15961"/>
    <cellStyle name="Обычный 2 3 4 4" xfId="15962"/>
    <cellStyle name="Обычный 2 3 4 4 2" xfId="15963"/>
    <cellStyle name="Обычный 2 3 4 4 2 2" xfId="15964"/>
    <cellStyle name="Обычный 2 3 4 4 2 2 2" xfId="15965"/>
    <cellStyle name="Обычный 2 3 4 4 2 2 2 2" xfId="15966"/>
    <cellStyle name="Обычный 2 3 4 4 2 2 3" xfId="15967"/>
    <cellStyle name="Обычный 2 3 4 4 2 2 3 2" xfId="15968"/>
    <cellStyle name="Обычный 2 3 4 4 2 2 4" xfId="15969"/>
    <cellStyle name="Обычный 2 3 4 4 2 3" xfId="15970"/>
    <cellStyle name="Обычный 2 3 4 4 2 3 2" xfId="15971"/>
    <cellStyle name="Обычный 2 3 4 4 2 4" xfId="15972"/>
    <cellStyle name="Обычный 2 3 4 4 2 4 2" xfId="15973"/>
    <cellStyle name="Обычный 2 3 4 4 2 5" xfId="15974"/>
    <cellStyle name="Обычный 2 3 4 4 2 5 2" xfId="15975"/>
    <cellStyle name="Обычный 2 3 4 4 2 6" xfId="15976"/>
    <cellStyle name="Обычный 2 3 4 4 3" xfId="15977"/>
    <cellStyle name="Обычный 2 3 4 4 3 2" xfId="15978"/>
    <cellStyle name="Обычный 2 3 4 4 3 2 2" xfId="15979"/>
    <cellStyle name="Обычный 2 3 4 4 3 2 2 2" xfId="15980"/>
    <cellStyle name="Обычный 2 3 4 4 3 2 3" xfId="15981"/>
    <cellStyle name="Обычный 2 3 4 4 3 2 3 2" xfId="15982"/>
    <cellStyle name="Обычный 2 3 4 4 3 2 4" xfId="15983"/>
    <cellStyle name="Обычный 2 3 4 4 3 3" xfId="15984"/>
    <cellStyle name="Обычный 2 3 4 4 3 3 2" xfId="15985"/>
    <cellStyle name="Обычный 2 3 4 4 3 4" xfId="15986"/>
    <cellStyle name="Обычный 2 3 4 4 3 4 2" xfId="15987"/>
    <cellStyle name="Обычный 2 3 4 4 3 5" xfId="15988"/>
    <cellStyle name="Обычный 2 3 4 4 3 5 2" xfId="15989"/>
    <cellStyle name="Обычный 2 3 4 4 3 6" xfId="15990"/>
    <cellStyle name="Обычный 2 3 4 4 4" xfId="15991"/>
    <cellStyle name="Обычный 2 3 4 4 4 2" xfId="15992"/>
    <cellStyle name="Обычный 2 3 4 4 4 2 2" xfId="15993"/>
    <cellStyle name="Обычный 2 3 4 4 4 2 2 2" xfId="15994"/>
    <cellStyle name="Обычный 2 3 4 4 4 2 3" xfId="15995"/>
    <cellStyle name="Обычный 2 3 4 4 4 2 3 2" xfId="15996"/>
    <cellStyle name="Обычный 2 3 4 4 4 2 4" xfId="15997"/>
    <cellStyle name="Обычный 2 3 4 4 4 3" xfId="15998"/>
    <cellStyle name="Обычный 2 3 4 4 4 3 2" xfId="15999"/>
    <cellStyle name="Обычный 2 3 4 4 4 4" xfId="16000"/>
    <cellStyle name="Обычный 2 3 4 4 4 4 2" xfId="16001"/>
    <cellStyle name="Обычный 2 3 4 4 4 5" xfId="16002"/>
    <cellStyle name="Обычный 2 3 4 4 4 5 2" xfId="16003"/>
    <cellStyle name="Обычный 2 3 4 4 4 6" xfId="16004"/>
    <cellStyle name="Обычный 2 3 4 4 5" xfId="16005"/>
    <cellStyle name="Обычный 2 3 4 4 5 2" xfId="16006"/>
    <cellStyle name="Обычный 2 3 4 4 5 2 2" xfId="16007"/>
    <cellStyle name="Обычный 2 3 4 4 5 3" xfId="16008"/>
    <cellStyle name="Обычный 2 3 4 4 5 3 2" xfId="16009"/>
    <cellStyle name="Обычный 2 3 4 4 5 4" xfId="16010"/>
    <cellStyle name="Обычный 2 3 4 4 6" xfId="16011"/>
    <cellStyle name="Обычный 2 3 4 4 6 2" xfId="16012"/>
    <cellStyle name="Обычный 2 3 4 4 7" xfId="16013"/>
    <cellStyle name="Обычный 2 3 4 4 7 2" xfId="16014"/>
    <cellStyle name="Обычный 2 3 4 4 8" xfId="16015"/>
    <cellStyle name="Обычный 2 3 4 4 8 2" xfId="16016"/>
    <cellStyle name="Обычный 2 3 4 4 9" xfId="16017"/>
    <cellStyle name="Обычный 2 3 4 5" xfId="16018"/>
    <cellStyle name="Обычный 2 3 4 5 2" xfId="16019"/>
    <cellStyle name="Обычный 2 3 4 5 2 2" xfId="16020"/>
    <cellStyle name="Обычный 2 3 4 5 2 2 2" xfId="16021"/>
    <cellStyle name="Обычный 2 3 4 5 2 3" xfId="16022"/>
    <cellStyle name="Обычный 2 3 4 5 2 3 2" xfId="16023"/>
    <cellStyle name="Обычный 2 3 4 5 2 4" xfId="16024"/>
    <cellStyle name="Обычный 2 3 4 5 3" xfId="16025"/>
    <cellStyle name="Обычный 2 3 4 5 3 2" xfId="16026"/>
    <cellStyle name="Обычный 2 3 4 5 4" xfId="16027"/>
    <cellStyle name="Обычный 2 3 4 5 4 2" xfId="16028"/>
    <cellStyle name="Обычный 2 3 4 5 5" xfId="16029"/>
    <cellStyle name="Обычный 2 3 4 5 5 2" xfId="16030"/>
    <cellStyle name="Обычный 2 3 4 5 6" xfId="16031"/>
    <cellStyle name="Обычный 2 3 4 6" xfId="16032"/>
    <cellStyle name="Обычный 2 3 4 6 2" xfId="16033"/>
    <cellStyle name="Обычный 2 3 4 6 2 2" xfId="16034"/>
    <cellStyle name="Обычный 2 3 4 6 2 2 2" xfId="16035"/>
    <cellStyle name="Обычный 2 3 4 6 2 3" xfId="16036"/>
    <cellStyle name="Обычный 2 3 4 6 2 3 2" xfId="16037"/>
    <cellStyle name="Обычный 2 3 4 6 2 4" xfId="16038"/>
    <cellStyle name="Обычный 2 3 4 6 3" xfId="16039"/>
    <cellStyle name="Обычный 2 3 4 6 3 2" xfId="16040"/>
    <cellStyle name="Обычный 2 3 4 6 4" xfId="16041"/>
    <cellStyle name="Обычный 2 3 4 6 4 2" xfId="16042"/>
    <cellStyle name="Обычный 2 3 4 6 5" xfId="16043"/>
    <cellStyle name="Обычный 2 3 4 6 5 2" xfId="16044"/>
    <cellStyle name="Обычный 2 3 4 6 6" xfId="16045"/>
    <cellStyle name="Обычный 2 3 4 7" xfId="16046"/>
    <cellStyle name="Обычный 2 3 4 7 2" xfId="16047"/>
    <cellStyle name="Обычный 2 3 4 7 2 2" xfId="16048"/>
    <cellStyle name="Обычный 2 3 4 7 2 2 2" xfId="16049"/>
    <cellStyle name="Обычный 2 3 4 7 2 3" xfId="16050"/>
    <cellStyle name="Обычный 2 3 4 7 2 3 2" xfId="16051"/>
    <cellStyle name="Обычный 2 3 4 7 2 4" xfId="16052"/>
    <cellStyle name="Обычный 2 3 4 7 3" xfId="16053"/>
    <cellStyle name="Обычный 2 3 4 7 3 2" xfId="16054"/>
    <cellStyle name="Обычный 2 3 4 7 4" xfId="16055"/>
    <cellStyle name="Обычный 2 3 4 7 4 2" xfId="16056"/>
    <cellStyle name="Обычный 2 3 4 7 5" xfId="16057"/>
    <cellStyle name="Обычный 2 3 4 7 5 2" xfId="16058"/>
    <cellStyle name="Обычный 2 3 4 7 6" xfId="16059"/>
    <cellStyle name="Обычный 2 3 4 8" xfId="16060"/>
    <cellStyle name="Обычный 2 3 4 8 2" xfId="16061"/>
    <cellStyle name="Обычный 2 3 4 8 2 2" xfId="16062"/>
    <cellStyle name="Обычный 2 3 4 8 2 2 2" xfId="16063"/>
    <cellStyle name="Обычный 2 3 4 8 2 3" xfId="16064"/>
    <cellStyle name="Обычный 2 3 4 8 2 3 2" xfId="16065"/>
    <cellStyle name="Обычный 2 3 4 8 2 4" xfId="16066"/>
    <cellStyle name="Обычный 2 3 4 8 3" xfId="16067"/>
    <cellStyle name="Обычный 2 3 4 8 3 2" xfId="16068"/>
    <cellStyle name="Обычный 2 3 4 8 4" xfId="16069"/>
    <cellStyle name="Обычный 2 3 4 8 4 2" xfId="16070"/>
    <cellStyle name="Обычный 2 3 4 8 5" xfId="16071"/>
    <cellStyle name="Обычный 2 3 4 8 5 2" xfId="16072"/>
    <cellStyle name="Обычный 2 3 4 8 6" xfId="16073"/>
    <cellStyle name="Обычный 2 3 4 9" xfId="16074"/>
    <cellStyle name="Обычный 2 3 4 9 2" xfId="16075"/>
    <cellStyle name="Обычный 2 3 4 9 2 2" xfId="16076"/>
    <cellStyle name="Обычный 2 3 4 9 3" xfId="16077"/>
    <cellStyle name="Обычный 2 3 4 9 3 2" xfId="16078"/>
    <cellStyle name="Обычный 2 3 4 9 4" xfId="16079"/>
    <cellStyle name="Обычный 2 3 5" xfId="16080"/>
    <cellStyle name="Обычный 2 3 5 10" xfId="16081"/>
    <cellStyle name="Обычный 2 3 5 10 2" xfId="16082"/>
    <cellStyle name="Обычный 2 3 5 10 2 2" xfId="16083"/>
    <cellStyle name="Обычный 2 3 5 10 3" xfId="16084"/>
    <cellStyle name="Обычный 2 3 5 11" xfId="16085"/>
    <cellStyle name="Обычный 2 3 5 11 2" xfId="16086"/>
    <cellStyle name="Обычный 2 3 5 12" xfId="16087"/>
    <cellStyle name="Обычный 2 3 5 12 2" xfId="16088"/>
    <cellStyle name="Обычный 2 3 5 13" xfId="16089"/>
    <cellStyle name="Обычный 2 3 5 14" xfId="16090"/>
    <cellStyle name="Обычный 2 3 5 2" xfId="16091"/>
    <cellStyle name="Обычный 2 3 5 2 10" xfId="16092"/>
    <cellStyle name="Обычный 2 3 5 2 10 2" xfId="16093"/>
    <cellStyle name="Обычный 2 3 5 2 11" xfId="16094"/>
    <cellStyle name="Обычный 2 3 5 2 11 2" xfId="16095"/>
    <cellStyle name="Обычный 2 3 5 2 12" xfId="16096"/>
    <cellStyle name="Обычный 2 3 5 2 13" xfId="16097"/>
    <cellStyle name="Обычный 2 3 5 2 2" xfId="16098"/>
    <cellStyle name="Обычный 2 3 5 2 2 10" xfId="16099"/>
    <cellStyle name="Обычный 2 3 5 2 2 2" xfId="16100"/>
    <cellStyle name="Обычный 2 3 5 2 2 2 2" xfId="16101"/>
    <cellStyle name="Обычный 2 3 5 2 2 2 2 2" xfId="16102"/>
    <cellStyle name="Обычный 2 3 5 2 2 2 2 2 2" xfId="16103"/>
    <cellStyle name="Обычный 2 3 5 2 2 2 2 3" xfId="16104"/>
    <cellStyle name="Обычный 2 3 5 2 2 2 2 3 2" xfId="16105"/>
    <cellStyle name="Обычный 2 3 5 2 2 2 2 4" xfId="16106"/>
    <cellStyle name="Обычный 2 3 5 2 2 2 3" xfId="16107"/>
    <cellStyle name="Обычный 2 3 5 2 2 2 3 2" xfId="16108"/>
    <cellStyle name="Обычный 2 3 5 2 2 2 4" xfId="16109"/>
    <cellStyle name="Обычный 2 3 5 2 2 2 4 2" xfId="16110"/>
    <cellStyle name="Обычный 2 3 5 2 2 2 5" xfId="16111"/>
    <cellStyle name="Обычный 2 3 5 2 2 2 5 2" xfId="16112"/>
    <cellStyle name="Обычный 2 3 5 2 2 2 6" xfId="16113"/>
    <cellStyle name="Обычный 2 3 5 2 2 3" xfId="16114"/>
    <cellStyle name="Обычный 2 3 5 2 2 3 2" xfId="16115"/>
    <cellStyle name="Обычный 2 3 5 2 2 3 2 2" xfId="16116"/>
    <cellStyle name="Обычный 2 3 5 2 2 3 2 2 2" xfId="16117"/>
    <cellStyle name="Обычный 2 3 5 2 2 3 2 3" xfId="16118"/>
    <cellStyle name="Обычный 2 3 5 2 2 3 2 3 2" xfId="16119"/>
    <cellStyle name="Обычный 2 3 5 2 2 3 2 4" xfId="16120"/>
    <cellStyle name="Обычный 2 3 5 2 2 3 3" xfId="16121"/>
    <cellStyle name="Обычный 2 3 5 2 2 3 3 2" xfId="16122"/>
    <cellStyle name="Обычный 2 3 5 2 2 3 4" xfId="16123"/>
    <cellStyle name="Обычный 2 3 5 2 2 3 4 2" xfId="16124"/>
    <cellStyle name="Обычный 2 3 5 2 2 3 5" xfId="16125"/>
    <cellStyle name="Обычный 2 3 5 2 2 3 5 2" xfId="16126"/>
    <cellStyle name="Обычный 2 3 5 2 2 3 6" xfId="16127"/>
    <cellStyle name="Обычный 2 3 5 2 2 4" xfId="16128"/>
    <cellStyle name="Обычный 2 3 5 2 2 4 2" xfId="16129"/>
    <cellStyle name="Обычный 2 3 5 2 2 4 2 2" xfId="16130"/>
    <cellStyle name="Обычный 2 3 5 2 2 4 2 2 2" xfId="16131"/>
    <cellStyle name="Обычный 2 3 5 2 2 4 2 3" xfId="16132"/>
    <cellStyle name="Обычный 2 3 5 2 2 4 2 3 2" xfId="16133"/>
    <cellStyle name="Обычный 2 3 5 2 2 4 2 4" xfId="16134"/>
    <cellStyle name="Обычный 2 3 5 2 2 4 3" xfId="16135"/>
    <cellStyle name="Обычный 2 3 5 2 2 4 3 2" xfId="16136"/>
    <cellStyle name="Обычный 2 3 5 2 2 4 4" xfId="16137"/>
    <cellStyle name="Обычный 2 3 5 2 2 4 4 2" xfId="16138"/>
    <cellStyle name="Обычный 2 3 5 2 2 4 5" xfId="16139"/>
    <cellStyle name="Обычный 2 3 5 2 2 4 5 2" xfId="16140"/>
    <cellStyle name="Обычный 2 3 5 2 2 4 6" xfId="16141"/>
    <cellStyle name="Обычный 2 3 5 2 2 5" xfId="16142"/>
    <cellStyle name="Обычный 2 3 5 2 2 5 2" xfId="16143"/>
    <cellStyle name="Обычный 2 3 5 2 2 5 2 2" xfId="16144"/>
    <cellStyle name="Обычный 2 3 5 2 2 5 2 2 2" xfId="16145"/>
    <cellStyle name="Обычный 2 3 5 2 2 5 2 3" xfId="16146"/>
    <cellStyle name="Обычный 2 3 5 2 2 5 2 3 2" xfId="16147"/>
    <cellStyle name="Обычный 2 3 5 2 2 5 2 4" xfId="16148"/>
    <cellStyle name="Обычный 2 3 5 2 2 5 3" xfId="16149"/>
    <cellStyle name="Обычный 2 3 5 2 2 5 3 2" xfId="16150"/>
    <cellStyle name="Обычный 2 3 5 2 2 5 4" xfId="16151"/>
    <cellStyle name="Обычный 2 3 5 2 2 5 4 2" xfId="16152"/>
    <cellStyle name="Обычный 2 3 5 2 2 5 5" xfId="16153"/>
    <cellStyle name="Обычный 2 3 5 2 2 5 5 2" xfId="16154"/>
    <cellStyle name="Обычный 2 3 5 2 2 5 6" xfId="16155"/>
    <cellStyle name="Обычный 2 3 5 2 2 6" xfId="16156"/>
    <cellStyle name="Обычный 2 3 5 2 2 6 2" xfId="16157"/>
    <cellStyle name="Обычный 2 3 5 2 2 6 2 2" xfId="16158"/>
    <cellStyle name="Обычный 2 3 5 2 2 6 3" xfId="16159"/>
    <cellStyle name="Обычный 2 3 5 2 2 6 3 2" xfId="16160"/>
    <cellStyle name="Обычный 2 3 5 2 2 6 4" xfId="16161"/>
    <cellStyle name="Обычный 2 3 5 2 2 7" xfId="16162"/>
    <cellStyle name="Обычный 2 3 5 2 2 7 2" xfId="16163"/>
    <cellStyle name="Обычный 2 3 5 2 2 8" xfId="16164"/>
    <cellStyle name="Обычный 2 3 5 2 2 8 2" xfId="16165"/>
    <cellStyle name="Обычный 2 3 5 2 2 9" xfId="16166"/>
    <cellStyle name="Обычный 2 3 5 2 2 9 2" xfId="16167"/>
    <cellStyle name="Обычный 2 3 5 2 3" xfId="16168"/>
    <cellStyle name="Обычный 2 3 5 2 3 2" xfId="16169"/>
    <cellStyle name="Обычный 2 3 5 2 3 2 2" xfId="16170"/>
    <cellStyle name="Обычный 2 3 5 2 3 2 2 2" xfId="16171"/>
    <cellStyle name="Обычный 2 3 5 2 3 2 2 2 2" xfId="16172"/>
    <cellStyle name="Обычный 2 3 5 2 3 2 2 3" xfId="16173"/>
    <cellStyle name="Обычный 2 3 5 2 3 2 2 3 2" xfId="16174"/>
    <cellStyle name="Обычный 2 3 5 2 3 2 2 4" xfId="16175"/>
    <cellStyle name="Обычный 2 3 5 2 3 2 3" xfId="16176"/>
    <cellStyle name="Обычный 2 3 5 2 3 2 3 2" xfId="16177"/>
    <cellStyle name="Обычный 2 3 5 2 3 2 4" xfId="16178"/>
    <cellStyle name="Обычный 2 3 5 2 3 2 4 2" xfId="16179"/>
    <cellStyle name="Обычный 2 3 5 2 3 2 5" xfId="16180"/>
    <cellStyle name="Обычный 2 3 5 2 3 2 5 2" xfId="16181"/>
    <cellStyle name="Обычный 2 3 5 2 3 2 6" xfId="16182"/>
    <cellStyle name="Обычный 2 3 5 2 3 3" xfId="16183"/>
    <cellStyle name="Обычный 2 3 5 2 3 3 2" xfId="16184"/>
    <cellStyle name="Обычный 2 3 5 2 3 3 2 2" xfId="16185"/>
    <cellStyle name="Обычный 2 3 5 2 3 3 2 2 2" xfId="16186"/>
    <cellStyle name="Обычный 2 3 5 2 3 3 2 3" xfId="16187"/>
    <cellStyle name="Обычный 2 3 5 2 3 3 2 3 2" xfId="16188"/>
    <cellStyle name="Обычный 2 3 5 2 3 3 2 4" xfId="16189"/>
    <cellStyle name="Обычный 2 3 5 2 3 3 3" xfId="16190"/>
    <cellStyle name="Обычный 2 3 5 2 3 3 3 2" xfId="16191"/>
    <cellStyle name="Обычный 2 3 5 2 3 3 4" xfId="16192"/>
    <cellStyle name="Обычный 2 3 5 2 3 3 4 2" xfId="16193"/>
    <cellStyle name="Обычный 2 3 5 2 3 3 5" xfId="16194"/>
    <cellStyle name="Обычный 2 3 5 2 3 3 5 2" xfId="16195"/>
    <cellStyle name="Обычный 2 3 5 2 3 3 6" xfId="16196"/>
    <cellStyle name="Обычный 2 3 5 2 3 4" xfId="16197"/>
    <cellStyle name="Обычный 2 3 5 2 3 4 2" xfId="16198"/>
    <cellStyle name="Обычный 2 3 5 2 3 4 2 2" xfId="16199"/>
    <cellStyle name="Обычный 2 3 5 2 3 4 2 2 2" xfId="16200"/>
    <cellStyle name="Обычный 2 3 5 2 3 4 2 3" xfId="16201"/>
    <cellStyle name="Обычный 2 3 5 2 3 4 2 3 2" xfId="16202"/>
    <cellStyle name="Обычный 2 3 5 2 3 4 2 4" xfId="16203"/>
    <cellStyle name="Обычный 2 3 5 2 3 4 3" xfId="16204"/>
    <cellStyle name="Обычный 2 3 5 2 3 4 3 2" xfId="16205"/>
    <cellStyle name="Обычный 2 3 5 2 3 4 4" xfId="16206"/>
    <cellStyle name="Обычный 2 3 5 2 3 4 4 2" xfId="16207"/>
    <cellStyle name="Обычный 2 3 5 2 3 4 5" xfId="16208"/>
    <cellStyle name="Обычный 2 3 5 2 3 4 5 2" xfId="16209"/>
    <cellStyle name="Обычный 2 3 5 2 3 4 6" xfId="16210"/>
    <cellStyle name="Обычный 2 3 5 2 3 5" xfId="16211"/>
    <cellStyle name="Обычный 2 3 5 2 3 5 2" xfId="16212"/>
    <cellStyle name="Обычный 2 3 5 2 3 5 2 2" xfId="16213"/>
    <cellStyle name="Обычный 2 3 5 2 3 5 3" xfId="16214"/>
    <cellStyle name="Обычный 2 3 5 2 3 5 3 2" xfId="16215"/>
    <cellStyle name="Обычный 2 3 5 2 3 5 4" xfId="16216"/>
    <cellStyle name="Обычный 2 3 5 2 3 6" xfId="16217"/>
    <cellStyle name="Обычный 2 3 5 2 3 6 2" xfId="16218"/>
    <cellStyle name="Обычный 2 3 5 2 3 7" xfId="16219"/>
    <cellStyle name="Обычный 2 3 5 2 3 7 2" xfId="16220"/>
    <cellStyle name="Обычный 2 3 5 2 3 8" xfId="16221"/>
    <cellStyle name="Обычный 2 3 5 2 3 8 2" xfId="16222"/>
    <cellStyle name="Обычный 2 3 5 2 3 9" xfId="16223"/>
    <cellStyle name="Обычный 2 3 5 2 4" xfId="16224"/>
    <cellStyle name="Обычный 2 3 5 2 4 2" xfId="16225"/>
    <cellStyle name="Обычный 2 3 5 2 4 2 2" xfId="16226"/>
    <cellStyle name="Обычный 2 3 5 2 4 2 2 2" xfId="16227"/>
    <cellStyle name="Обычный 2 3 5 2 4 2 3" xfId="16228"/>
    <cellStyle name="Обычный 2 3 5 2 4 2 3 2" xfId="16229"/>
    <cellStyle name="Обычный 2 3 5 2 4 2 4" xfId="16230"/>
    <cellStyle name="Обычный 2 3 5 2 4 3" xfId="16231"/>
    <cellStyle name="Обычный 2 3 5 2 4 3 2" xfId="16232"/>
    <cellStyle name="Обычный 2 3 5 2 4 4" xfId="16233"/>
    <cellStyle name="Обычный 2 3 5 2 4 4 2" xfId="16234"/>
    <cellStyle name="Обычный 2 3 5 2 4 5" xfId="16235"/>
    <cellStyle name="Обычный 2 3 5 2 4 5 2" xfId="16236"/>
    <cellStyle name="Обычный 2 3 5 2 4 6" xfId="16237"/>
    <cellStyle name="Обычный 2 3 5 2 5" xfId="16238"/>
    <cellStyle name="Обычный 2 3 5 2 5 2" xfId="16239"/>
    <cellStyle name="Обычный 2 3 5 2 5 2 2" xfId="16240"/>
    <cellStyle name="Обычный 2 3 5 2 5 2 2 2" xfId="16241"/>
    <cellStyle name="Обычный 2 3 5 2 5 2 3" xfId="16242"/>
    <cellStyle name="Обычный 2 3 5 2 5 2 3 2" xfId="16243"/>
    <cellStyle name="Обычный 2 3 5 2 5 2 4" xfId="16244"/>
    <cellStyle name="Обычный 2 3 5 2 5 3" xfId="16245"/>
    <cellStyle name="Обычный 2 3 5 2 5 3 2" xfId="16246"/>
    <cellStyle name="Обычный 2 3 5 2 5 4" xfId="16247"/>
    <cellStyle name="Обычный 2 3 5 2 5 4 2" xfId="16248"/>
    <cellStyle name="Обычный 2 3 5 2 5 5" xfId="16249"/>
    <cellStyle name="Обычный 2 3 5 2 5 5 2" xfId="16250"/>
    <cellStyle name="Обычный 2 3 5 2 5 6" xfId="16251"/>
    <cellStyle name="Обычный 2 3 5 2 6" xfId="16252"/>
    <cellStyle name="Обычный 2 3 5 2 6 2" xfId="16253"/>
    <cellStyle name="Обычный 2 3 5 2 6 2 2" xfId="16254"/>
    <cellStyle name="Обычный 2 3 5 2 6 2 2 2" xfId="16255"/>
    <cellStyle name="Обычный 2 3 5 2 6 2 3" xfId="16256"/>
    <cellStyle name="Обычный 2 3 5 2 6 2 3 2" xfId="16257"/>
    <cellStyle name="Обычный 2 3 5 2 6 2 4" xfId="16258"/>
    <cellStyle name="Обычный 2 3 5 2 6 3" xfId="16259"/>
    <cellStyle name="Обычный 2 3 5 2 6 3 2" xfId="16260"/>
    <cellStyle name="Обычный 2 3 5 2 6 4" xfId="16261"/>
    <cellStyle name="Обычный 2 3 5 2 6 4 2" xfId="16262"/>
    <cellStyle name="Обычный 2 3 5 2 6 5" xfId="16263"/>
    <cellStyle name="Обычный 2 3 5 2 6 5 2" xfId="16264"/>
    <cellStyle name="Обычный 2 3 5 2 6 6" xfId="16265"/>
    <cellStyle name="Обычный 2 3 5 2 7" xfId="16266"/>
    <cellStyle name="Обычный 2 3 5 2 7 2" xfId="16267"/>
    <cellStyle name="Обычный 2 3 5 2 7 2 2" xfId="16268"/>
    <cellStyle name="Обычный 2 3 5 2 7 2 2 2" xfId="16269"/>
    <cellStyle name="Обычный 2 3 5 2 7 2 3" xfId="16270"/>
    <cellStyle name="Обычный 2 3 5 2 7 2 3 2" xfId="16271"/>
    <cellStyle name="Обычный 2 3 5 2 7 2 4" xfId="16272"/>
    <cellStyle name="Обычный 2 3 5 2 7 3" xfId="16273"/>
    <cellStyle name="Обычный 2 3 5 2 7 3 2" xfId="16274"/>
    <cellStyle name="Обычный 2 3 5 2 7 4" xfId="16275"/>
    <cellStyle name="Обычный 2 3 5 2 7 4 2" xfId="16276"/>
    <cellStyle name="Обычный 2 3 5 2 7 5" xfId="16277"/>
    <cellStyle name="Обычный 2 3 5 2 7 5 2" xfId="16278"/>
    <cellStyle name="Обычный 2 3 5 2 7 6" xfId="16279"/>
    <cellStyle name="Обычный 2 3 5 2 8" xfId="16280"/>
    <cellStyle name="Обычный 2 3 5 2 8 2" xfId="16281"/>
    <cellStyle name="Обычный 2 3 5 2 8 2 2" xfId="16282"/>
    <cellStyle name="Обычный 2 3 5 2 8 3" xfId="16283"/>
    <cellStyle name="Обычный 2 3 5 2 8 3 2" xfId="16284"/>
    <cellStyle name="Обычный 2 3 5 2 8 4" xfId="16285"/>
    <cellStyle name="Обычный 2 3 5 2 9" xfId="16286"/>
    <cellStyle name="Обычный 2 3 5 2 9 2" xfId="16287"/>
    <cellStyle name="Обычный 2 3 5 2 9 2 2" xfId="16288"/>
    <cellStyle name="Обычный 2 3 5 2 9 3" xfId="16289"/>
    <cellStyle name="Обычный 2 3 5 3" xfId="16290"/>
    <cellStyle name="Обычный 2 3 5 3 10" xfId="16291"/>
    <cellStyle name="Обычный 2 3 5 3 2" xfId="16292"/>
    <cellStyle name="Обычный 2 3 5 3 2 2" xfId="16293"/>
    <cellStyle name="Обычный 2 3 5 3 2 2 2" xfId="16294"/>
    <cellStyle name="Обычный 2 3 5 3 2 2 2 2" xfId="16295"/>
    <cellStyle name="Обычный 2 3 5 3 2 2 3" xfId="16296"/>
    <cellStyle name="Обычный 2 3 5 3 2 2 3 2" xfId="16297"/>
    <cellStyle name="Обычный 2 3 5 3 2 2 4" xfId="16298"/>
    <cellStyle name="Обычный 2 3 5 3 2 3" xfId="16299"/>
    <cellStyle name="Обычный 2 3 5 3 2 3 2" xfId="16300"/>
    <cellStyle name="Обычный 2 3 5 3 2 4" xfId="16301"/>
    <cellStyle name="Обычный 2 3 5 3 2 4 2" xfId="16302"/>
    <cellStyle name="Обычный 2 3 5 3 2 5" xfId="16303"/>
    <cellStyle name="Обычный 2 3 5 3 2 5 2" xfId="16304"/>
    <cellStyle name="Обычный 2 3 5 3 2 6" xfId="16305"/>
    <cellStyle name="Обычный 2 3 5 3 3" xfId="16306"/>
    <cellStyle name="Обычный 2 3 5 3 3 2" xfId="16307"/>
    <cellStyle name="Обычный 2 3 5 3 3 2 2" xfId="16308"/>
    <cellStyle name="Обычный 2 3 5 3 3 2 2 2" xfId="16309"/>
    <cellStyle name="Обычный 2 3 5 3 3 2 3" xfId="16310"/>
    <cellStyle name="Обычный 2 3 5 3 3 2 3 2" xfId="16311"/>
    <cellStyle name="Обычный 2 3 5 3 3 2 4" xfId="16312"/>
    <cellStyle name="Обычный 2 3 5 3 3 3" xfId="16313"/>
    <cellStyle name="Обычный 2 3 5 3 3 3 2" xfId="16314"/>
    <cellStyle name="Обычный 2 3 5 3 3 4" xfId="16315"/>
    <cellStyle name="Обычный 2 3 5 3 3 4 2" xfId="16316"/>
    <cellStyle name="Обычный 2 3 5 3 3 5" xfId="16317"/>
    <cellStyle name="Обычный 2 3 5 3 3 5 2" xfId="16318"/>
    <cellStyle name="Обычный 2 3 5 3 3 6" xfId="16319"/>
    <cellStyle name="Обычный 2 3 5 3 4" xfId="16320"/>
    <cellStyle name="Обычный 2 3 5 3 4 2" xfId="16321"/>
    <cellStyle name="Обычный 2 3 5 3 4 2 2" xfId="16322"/>
    <cellStyle name="Обычный 2 3 5 3 4 2 2 2" xfId="16323"/>
    <cellStyle name="Обычный 2 3 5 3 4 2 3" xfId="16324"/>
    <cellStyle name="Обычный 2 3 5 3 4 2 3 2" xfId="16325"/>
    <cellStyle name="Обычный 2 3 5 3 4 2 4" xfId="16326"/>
    <cellStyle name="Обычный 2 3 5 3 4 3" xfId="16327"/>
    <cellStyle name="Обычный 2 3 5 3 4 3 2" xfId="16328"/>
    <cellStyle name="Обычный 2 3 5 3 4 4" xfId="16329"/>
    <cellStyle name="Обычный 2 3 5 3 4 4 2" xfId="16330"/>
    <cellStyle name="Обычный 2 3 5 3 4 5" xfId="16331"/>
    <cellStyle name="Обычный 2 3 5 3 4 5 2" xfId="16332"/>
    <cellStyle name="Обычный 2 3 5 3 4 6" xfId="16333"/>
    <cellStyle name="Обычный 2 3 5 3 5" xfId="16334"/>
    <cellStyle name="Обычный 2 3 5 3 5 2" xfId="16335"/>
    <cellStyle name="Обычный 2 3 5 3 5 2 2" xfId="16336"/>
    <cellStyle name="Обычный 2 3 5 3 5 2 2 2" xfId="16337"/>
    <cellStyle name="Обычный 2 3 5 3 5 2 3" xfId="16338"/>
    <cellStyle name="Обычный 2 3 5 3 5 2 3 2" xfId="16339"/>
    <cellStyle name="Обычный 2 3 5 3 5 2 4" xfId="16340"/>
    <cellStyle name="Обычный 2 3 5 3 5 3" xfId="16341"/>
    <cellStyle name="Обычный 2 3 5 3 5 3 2" xfId="16342"/>
    <cellStyle name="Обычный 2 3 5 3 5 4" xfId="16343"/>
    <cellStyle name="Обычный 2 3 5 3 5 4 2" xfId="16344"/>
    <cellStyle name="Обычный 2 3 5 3 5 5" xfId="16345"/>
    <cellStyle name="Обычный 2 3 5 3 5 5 2" xfId="16346"/>
    <cellStyle name="Обычный 2 3 5 3 5 6" xfId="16347"/>
    <cellStyle name="Обычный 2 3 5 3 6" xfId="16348"/>
    <cellStyle name="Обычный 2 3 5 3 6 2" xfId="16349"/>
    <cellStyle name="Обычный 2 3 5 3 6 2 2" xfId="16350"/>
    <cellStyle name="Обычный 2 3 5 3 6 3" xfId="16351"/>
    <cellStyle name="Обычный 2 3 5 3 6 3 2" xfId="16352"/>
    <cellStyle name="Обычный 2 3 5 3 6 4" xfId="16353"/>
    <cellStyle name="Обычный 2 3 5 3 7" xfId="16354"/>
    <cellStyle name="Обычный 2 3 5 3 7 2" xfId="16355"/>
    <cellStyle name="Обычный 2 3 5 3 8" xfId="16356"/>
    <cellStyle name="Обычный 2 3 5 3 8 2" xfId="16357"/>
    <cellStyle name="Обычный 2 3 5 3 9" xfId="16358"/>
    <cellStyle name="Обычный 2 3 5 3 9 2" xfId="16359"/>
    <cellStyle name="Обычный 2 3 5 4" xfId="16360"/>
    <cellStyle name="Обычный 2 3 5 4 2" xfId="16361"/>
    <cellStyle name="Обычный 2 3 5 4 2 2" xfId="16362"/>
    <cellStyle name="Обычный 2 3 5 4 2 2 2" xfId="16363"/>
    <cellStyle name="Обычный 2 3 5 4 2 2 2 2" xfId="16364"/>
    <cellStyle name="Обычный 2 3 5 4 2 2 3" xfId="16365"/>
    <cellStyle name="Обычный 2 3 5 4 2 2 3 2" xfId="16366"/>
    <cellStyle name="Обычный 2 3 5 4 2 2 4" xfId="16367"/>
    <cellStyle name="Обычный 2 3 5 4 2 3" xfId="16368"/>
    <cellStyle name="Обычный 2 3 5 4 2 3 2" xfId="16369"/>
    <cellStyle name="Обычный 2 3 5 4 2 4" xfId="16370"/>
    <cellStyle name="Обычный 2 3 5 4 2 4 2" xfId="16371"/>
    <cellStyle name="Обычный 2 3 5 4 2 5" xfId="16372"/>
    <cellStyle name="Обычный 2 3 5 4 2 5 2" xfId="16373"/>
    <cellStyle name="Обычный 2 3 5 4 2 6" xfId="16374"/>
    <cellStyle name="Обычный 2 3 5 4 3" xfId="16375"/>
    <cellStyle name="Обычный 2 3 5 4 3 2" xfId="16376"/>
    <cellStyle name="Обычный 2 3 5 4 3 2 2" xfId="16377"/>
    <cellStyle name="Обычный 2 3 5 4 3 2 2 2" xfId="16378"/>
    <cellStyle name="Обычный 2 3 5 4 3 2 3" xfId="16379"/>
    <cellStyle name="Обычный 2 3 5 4 3 2 3 2" xfId="16380"/>
    <cellStyle name="Обычный 2 3 5 4 3 2 4" xfId="16381"/>
    <cellStyle name="Обычный 2 3 5 4 3 3" xfId="16382"/>
    <cellStyle name="Обычный 2 3 5 4 3 3 2" xfId="16383"/>
    <cellStyle name="Обычный 2 3 5 4 3 4" xfId="16384"/>
    <cellStyle name="Обычный 2 3 5 4 3 4 2" xfId="16385"/>
    <cellStyle name="Обычный 2 3 5 4 3 5" xfId="16386"/>
    <cellStyle name="Обычный 2 3 5 4 3 5 2" xfId="16387"/>
    <cellStyle name="Обычный 2 3 5 4 3 6" xfId="16388"/>
    <cellStyle name="Обычный 2 3 5 4 4" xfId="16389"/>
    <cellStyle name="Обычный 2 3 5 4 4 2" xfId="16390"/>
    <cellStyle name="Обычный 2 3 5 4 4 2 2" xfId="16391"/>
    <cellStyle name="Обычный 2 3 5 4 4 2 2 2" xfId="16392"/>
    <cellStyle name="Обычный 2 3 5 4 4 2 3" xfId="16393"/>
    <cellStyle name="Обычный 2 3 5 4 4 2 3 2" xfId="16394"/>
    <cellStyle name="Обычный 2 3 5 4 4 2 4" xfId="16395"/>
    <cellStyle name="Обычный 2 3 5 4 4 3" xfId="16396"/>
    <cellStyle name="Обычный 2 3 5 4 4 3 2" xfId="16397"/>
    <cellStyle name="Обычный 2 3 5 4 4 4" xfId="16398"/>
    <cellStyle name="Обычный 2 3 5 4 4 4 2" xfId="16399"/>
    <cellStyle name="Обычный 2 3 5 4 4 5" xfId="16400"/>
    <cellStyle name="Обычный 2 3 5 4 4 5 2" xfId="16401"/>
    <cellStyle name="Обычный 2 3 5 4 4 6" xfId="16402"/>
    <cellStyle name="Обычный 2 3 5 4 5" xfId="16403"/>
    <cellStyle name="Обычный 2 3 5 4 5 2" xfId="16404"/>
    <cellStyle name="Обычный 2 3 5 4 5 2 2" xfId="16405"/>
    <cellStyle name="Обычный 2 3 5 4 5 3" xfId="16406"/>
    <cellStyle name="Обычный 2 3 5 4 5 3 2" xfId="16407"/>
    <cellStyle name="Обычный 2 3 5 4 5 4" xfId="16408"/>
    <cellStyle name="Обычный 2 3 5 4 6" xfId="16409"/>
    <cellStyle name="Обычный 2 3 5 4 6 2" xfId="16410"/>
    <cellStyle name="Обычный 2 3 5 4 7" xfId="16411"/>
    <cellStyle name="Обычный 2 3 5 4 7 2" xfId="16412"/>
    <cellStyle name="Обычный 2 3 5 4 8" xfId="16413"/>
    <cellStyle name="Обычный 2 3 5 4 8 2" xfId="16414"/>
    <cellStyle name="Обычный 2 3 5 4 9" xfId="16415"/>
    <cellStyle name="Обычный 2 3 5 5" xfId="16416"/>
    <cellStyle name="Обычный 2 3 5 5 2" xfId="16417"/>
    <cellStyle name="Обычный 2 3 5 5 2 2" xfId="16418"/>
    <cellStyle name="Обычный 2 3 5 5 2 2 2" xfId="16419"/>
    <cellStyle name="Обычный 2 3 5 5 2 3" xfId="16420"/>
    <cellStyle name="Обычный 2 3 5 5 2 3 2" xfId="16421"/>
    <cellStyle name="Обычный 2 3 5 5 2 4" xfId="16422"/>
    <cellStyle name="Обычный 2 3 5 5 3" xfId="16423"/>
    <cellStyle name="Обычный 2 3 5 5 3 2" xfId="16424"/>
    <cellStyle name="Обычный 2 3 5 5 4" xfId="16425"/>
    <cellStyle name="Обычный 2 3 5 5 4 2" xfId="16426"/>
    <cellStyle name="Обычный 2 3 5 5 5" xfId="16427"/>
    <cellStyle name="Обычный 2 3 5 5 5 2" xfId="16428"/>
    <cellStyle name="Обычный 2 3 5 5 6" xfId="16429"/>
    <cellStyle name="Обычный 2 3 5 6" xfId="16430"/>
    <cellStyle name="Обычный 2 3 5 6 2" xfId="16431"/>
    <cellStyle name="Обычный 2 3 5 6 2 2" xfId="16432"/>
    <cellStyle name="Обычный 2 3 5 6 2 2 2" xfId="16433"/>
    <cellStyle name="Обычный 2 3 5 6 2 3" xfId="16434"/>
    <cellStyle name="Обычный 2 3 5 6 2 3 2" xfId="16435"/>
    <cellStyle name="Обычный 2 3 5 6 2 4" xfId="16436"/>
    <cellStyle name="Обычный 2 3 5 6 3" xfId="16437"/>
    <cellStyle name="Обычный 2 3 5 6 3 2" xfId="16438"/>
    <cellStyle name="Обычный 2 3 5 6 4" xfId="16439"/>
    <cellStyle name="Обычный 2 3 5 6 4 2" xfId="16440"/>
    <cellStyle name="Обычный 2 3 5 6 5" xfId="16441"/>
    <cellStyle name="Обычный 2 3 5 6 5 2" xfId="16442"/>
    <cellStyle name="Обычный 2 3 5 6 6" xfId="16443"/>
    <cellStyle name="Обычный 2 3 5 7" xfId="16444"/>
    <cellStyle name="Обычный 2 3 5 7 2" xfId="16445"/>
    <cellStyle name="Обычный 2 3 5 7 2 2" xfId="16446"/>
    <cellStyle name="Обычный 2 3 5 7 2 2 2" xfId="16447"/>
    <cellStyle name="Обычный 2 3 5 7 2 3" xfId="16448"/>
    <cellStyle name="Обычный 2 3 5 7 2 3 2" xfId="16449"/>
    <cellStyle name="Обычный 2 3 5 7 2 4" xfId="16450"/>
    <cellStyle name="Обычный 2 3 5 7 3" xfId="16451"/>
    <cellStyle name="Обычный 2 3 5 7 3 2" xfId="16452"/>
    <cellStyle name="Обычный 2 3 5 7 4" xfId="16453"/>
    <cellStyle name="Обычный 2 3 5 7 4 2" xfId="16454"/>
    <cellStyle name="Обычный 2 3 5 7 5" xfId="16455"/>
    <cellStyle name="Обычный 2 3 5 7 5 2" xfId="16456"/>
    <cellStyle name="Обычный 2 3 5 7 6" xfId="16457"/>
    <cellStyle name="Обычный 2 3 5 8" xfId="16458"/>
    <cellStyle name="Обычный 2 3 5 8 2" xfId="16459"/>
    <cellStyle name="Обычный 2 3 5 8 2 2" xfId="16460"/>
    <cellStyle name="Обычный 2 3 5 8 2 2 2" xfId="16461"/>
    <cellStyle name="Обычный 2 3 5 8 2 3" xfId="16462"/>
    <cellStyle name="Обычный 2 3 5 8 2 3 2" xfId="16463"/>
    <cellStyle name="Обычный 2 3 5 8 2 4" xfId="16464"/>
    <cellStyle name="Обычный 2 3 5 8 3" xfId="16465"/>
    <cellStyle name="Обычный 2 3 5 8 3 2" xfId="16466"/>
    <cellStyle name="Обычный 2 3 5 8 4" xfId="16467"/>
    <cellStyle name="Обычный 2 3 5 8 4 2" xfId="16468"/>
    <cellStyle name="Обычный 2 3 5 8 5" xfId="16469"/>
    <cellStyle name="Обычный 2 3 5 8 5 2" xfId="16470"/>
    <cellStyle name="Обычный 2 3 5 8 6" xfId="16471"/>
    <cellStyle name="Обычный 2 3 5 9" xfId="16472"/>
    <cellStyle name="Обычный 2 3 5 9 2" xfId="16473"/>
    <cellStyle name="Обычный 2 3 5 9 2 2" xfId="16474"/>
    <cellStyle name="Обычный 2 3 5 9 3" xfId="16475"/>
    <cellStyle name="Обычный 2 3 5 9 3 2" xfId="16476"/>
    <cellStyle name="Обычный 2 3 5 9 4" xfId="16477"/>
    <cellStyle name="Обычный 2 3 6" xfId="16478"/>
    <cellStyle name="Обычный 2 3 6 10" xfId="16479"/>
    <cellStyle name="Обычный 2 3 6 10 2" xfId="16480"/>
    <cellStyle name="Обычный 2 3 6 10 2 2" xfId="16481"/>
    <cellStyle name="Обычный 2 3 6 10 3" xfId="16482"/>
    <cellStyle name="Обычный 2 3 6 11" xfId="16483"/>
    <cellStyle name="Обычный 2 3 6 11 2" xfId="16484"/>
    <cellStyle name="Обычный 2 3 6 12" xfId="16485"/>
    <cellStyle name="Обычный 2 3 6 12 2" xfId="16486"/>
    <cellStyle name="Обычный 2 3 6 13" xfId="16487"/>
    <cellStyle name="Обычный 2 3 6 14" xfId="16488"/>
    <cellStyle name="Обычный 2 3 6 2" xfId="16489"/>
    <cellStyle name="Обычный 2 3 6 2 10" xfId="16490"/>
    <cellStyle name="Обычный 2 3 6 2 10 2" xfId="16491"/>
    <cellStyle name="Обычный 2 3 6 2 11" xfId="16492"/>
    <cellStyle name="Обычный 2 3 6 2 11 2" xfId="16493"/>
    <cellStyle name="Обычный 2 3 6 2 12" xfId="16494"/>
    <cellStyle name="Обычный 2 3 6 2 13" xfId="16495"/>
    <cellStyle name="Обычный 2 3 6 2 2" xfId="16496"/>
    <cellStyle name="Обычный 2 3 6 2 2 10" xfId="16497"/>
    <cellStyle name="Обычный 2 3 6 2 2 2" xfId="16498"/>
    <cellStyle name="Обычный 2 3 6 2 2 2 2" xfId="16499"/>
    <cellStyle name="Обычный 2 3 6 2 2 2 2 2" xfId="16500"/>
    <cellStyle name="Обычный 2 3 6 2 2 2 2 2 2" xfId="16501"/>
    <cellStyle name="Обычный 2 3 6 2 2 2 2 3" xfId="16502"/>
    <cellStyle name="Обычный 2 3 6 2 2 2 2 3 2" xfId="16503"/>
    <cellStyle name="Обычный 2 3 6 2 2 2 2 4" xfId="16504"/>
    <cellStyle name="Обычный 2 3 6 2 2 2 3" xfId="16505"/>
    <cellStyle name="Обычный 2 3 6 2 2 2 3 2" xfId="16506"/>
    <cellStyle name="Обычный 2 3 6 2 2 2 4" xfId="16507"/>
    <cellStyle name="Обычный 2 3 6 2 2 2 4 2" xfId="16508"/>
    <cellStyle name="Обычный 2 3 6 2 2 2 5" xfId="16509"/>
    <cellStyle name="Обычный 2 3 6 2 2 2 5 2" xfId="16510"/>
    <cellStyle name="Обычный 2 3 6 2 2 2 6" xfId="16511"/>
    <cellStyle name="Обычный 2 3 6 2 2 3" xfId="16512"/>
    <cellStyle name="Обычный 2 3 6 2 2 3 2" xfId="16513"/>
    <cellStyle name="Обычный 2 3 6 2 2 3 2 2" xfId="16514"/>
    <cellStyle name="Обычный 2 3 6 2 2 3 2 2 2" xfId="16515"/>
    <cellStyle name="Обычный 2 3 6 2 2 3 2 3" xfId="16516"/>
    <cellStyle name="Обычный 2 3 6 2 2 3 2 3 2" xfId="16517"/>
    <cellStyle name="Обычный 2 3 6 2 2 3 2 4" xfId="16518"/>
    <cellStyle name="Обычный 2 3 6 2 2 3 3" xfId="16519"/>
    <cellStyle name="Обычный 2 3 6 2 2 3 3 2" xfId="16520"/>
    <cellStyle name="Обычный 2 3 6 2 2 3 4" xfId="16521"/>
    <cellStyle name="Обычный 2 3 6 2 2 3 4 2" xfId="16522"/>
    <cellStyle name="Обычный 2 3 6 2 2 3 5" xfId="16523"/>
    <cellStyle name="Обычный 2 3 6 2 2 3 5 2" xfId="16524"/>
    <cellStyle name="Обычный 2 3 6 2 2 3 6" xfId="16525"/>
    <cellStyle name="Обычный 2 3 6 2 2 4" xfId="16526"/>
    <cellStyle name="Обычный 2 3 6 2 2 4 2" xfId="16527"/>
    <cellStyle name="Обычный 2 3 6 2 2 4 2 2" xfId="16528"/>
    <cellStyle name="Обычный 2 3 6 2 2 4 2 2 2" xfId="16529"/>
    <cellStyle name="Обычный 2 3 6 2 2 4 2 3" xfId="16530"/>
    <cellStyle name="Обычный 2 3 6 2 2 4 2 3 2" xfId="16531"/>
    <cellStyle name="Обычный 2 3 6 2 2 4 2 4" xfId="16532"/>
    <cellStyle name="Обычный 2 3 6 2 2 4 3" xfId="16533"/>
    <cellStyle name="Обычный 2 3 6 2 2 4 3 2" xfId="16534"/>
    <cellStyle name="Обычный 2 3 6 2 2 4 4" xfId="16535"/>
    <cellStyle name="Обычный 2 3 6 2 2 4 4 2" xfId="16536"/>
    <cellStyle name="Обычный 2 3 6 2 2 4 5" xfId="16537"/>
    <cellStyle name="Обычный 2 3 6 2 2 4 5 2" xfId="16538"/>
    <cellStyle name="Обычный 2 3 6 2 2 4 6" xfId="16539"/>
    <cellStyle name="Обычный 2 3 6 2 2 5" xfId="16540"/>
    <cellStyle name="Обычный 2 3 6 2 2 5 2" xfId="16541"/>
    <cellStyle name="Обычный 2 3 6 2 2 5 2 2" xfId="16542"/>
    <cellStyle name="Обычный 2 3 6 2 2 5 2 2 2" xfId="16543"/>
    <cellStyle name="Обычный 2 3 6 2 2 5 2 3" xfId="16544"/>
    <cellStyle name="Обычный 2 3 6 2 2 5 2 3 2" xfId="16545"/>
    <cellStyle name="Обычный 2 3 6 2 2 5 2 4" xfId="16546"/>
    <cellStyle name="Обычный 2 3 6 2 2 5 3" xfId="16547"/>
    <cellStyle name="Обычный 2 3 6 2 2 5 3 2" xfId="16548"/>
    <cellStyle name="Обычный 2 3 6 2 2 5 4" xfId="16549"/>
    <cellStyle name="Обычный 2 3 6 2 2 5 4 2" xfId="16550"/>
    <cellStyle name="Обычный 2 3 6 2 2 5 5" xfId="16551"/>
    <cellStyle name="Обычный 2 3 6 2 2 5 5 2" xfId="16552"/>
    <cellStyle name="Обычный 2 3 6 2 2 5 6" xfId="16553"/>
    <cellStyle name="Обычный 2 3 6 2 2 6" xfId="16554"/>
    <cellStyle name="Обычный 2 3 6 2 2 6 2" xfId="16555"/>
    <cellStyle name="Обычный 2 3 6 2 2 6 2 2" xfId="16556"/>
    <cellStyle name="Обычный 2 3 6 2 2 6 3" xfId="16557"/>
    <cellStyle name="Обычный 2 3 6 2 2 6 3 2" xfId="16558"/>
    <cellStyle name="Обычный 2 3 6 2 2 6 4" xfId="16559"/>
    <cellStyle name="Обычный 2 3 6 2 2 7" xfId="16560"/>
    <cellStyle name="Обычный 2 3 6 2 2 7 2" xfId="16561"/>
    <cellStyle name="Обычный 2 3 6 2 2 8" xfId="16562"/>
    <cellStyle name="Обычный 2 3 6 2 2 8 2" xfId="16563"/>
    <cellStyle name="Обычный 2 3 6 2 2 9" xfId="16564"/>
    <cellStyle name="Обычный 2 3 6 2 2 9 2" xfId="16565"/>
    <cellStyle name="Обычный 2 3 6 2 3" xfId="16566"/>
    <cellStyle name="Обычный 2 3 6 2 3 2" xfId="16567"/>
    <cellStyle name="Обычный 2 3 6 2 3 2 2" xfId="16568"/>
    <cellStyle name="Обычный 2 3 6 2 3 2 2 2" xfId="16569"/>
    <cellStyle name="Обычный 2 3 6 2 3 2 2 2 2" xfId="16570"/>
    <cellStyle name="Обычный 2 3 6 2 3 2 2 3" xfId="16571"/>
    <cellStyle name="Обычный 2 3 6 2 3 2 2 3 2" xfId="16572"/>
    <cellStyle name="Обычный 2 3 6 2 3 2 2 4" xfId="16573"/>
    <cellStyle name="Обычный 2 3 6 2 3 2 3" xfId="16574"/>
    <cellStyle name="Обычный 2 3 6 2 3 2 3 2" xfId="16575"/>
    <cellStyle name="Обычный 2 3 6 2 3 2 4" xfId="16576"/>
    <cellStyle name="Обычный 2 3 6 2 3 2 4 2" xfId="16577"/>
    <cellStyle name="Обычный 2 3 6 2 3 2 5" xfId="16578"/>
    <cellStyle name="Обычный 2 3 6 2 3 2 5 2" xfId="16579"/>
    <cellStyle name="Обычный 2 3 6 2 3 2 6" xfId="16580"/>
    <cellStyle name="Обычный 2 3 6 2 3 3" xfId="16581"/>
    <cellStyle name="Обычный 2 3 6 2 3 3 2" xfId="16582"/>
    <cellStyle name="Обычный 2 3 6 2 3 3 2 2" xfId="16583"/>
    <cellStyle name="Обычный 2 3 6 2 3 3 2 2 2" xfId="16584"/>
    <cellStyle name="Обычный 2 3 6 2 3 3 2 3" xfId="16585"/>
    <cellStyle name="Обычный 2 3 6 2 3 3 2 3 2" xfId="16586"/>
    <cellStyle name="Обычный 2 3 6 2 3 3 2 4" xfId="16587"/>
    <cellStyle name="Обычный 2 3 6 2 3 3 3" xfId="16588"/>
    <cellStyle name="Обычный 2 3 6 2 3 3 3 2" xfId="16589"/>
    <cellStyle name="Обычный 2 3 6 2 3 3 4" xfId="16590"/>
    <cellStyle name="Обычный 2 3 6 2 3 3 4 2" xfId="16591"/>
    <cellStyle name="Обычный 2 3 6 2 3 3 5" xfId="16592"/>
    <cellStyle name="Обычный 2 3 6 2 3 3 5 2" xfId="16593"/>
    <cellStyle name="Обычный 2 3 6 2 3 3 6" xfId="16594"/>
    <cellStyle name="Обычный 2 3 6 2 3 4" xfId="16595"/>
    <cellStyle name="Обычный 2 3 6 2 3 4 2" xfId="16596"/>
    <cellStyle name="Обычный 2 3 6 2 3 4 2 2" xfId="16597"/>
    <cellStyle name="Обычный 2 3 6 2 3 4 2 2 2" xfId="16598"/>
    <cellStyle name="Обычный 2 3 6 2 3 4 2 3" xfId="16599"/>
    <cellStyle name="Обычный 2 3 6 2 3 4 2 3 2" xfId="16600"/>
    <cellStyle name="Обычный 2 3 6 2 3 4 2 4" xfId="16601"/>
    <cellStyle name="Обычный 2 3 6 2 3 4 3" xfId="16602"/>
    <cellStyle name="Обычный 2 3 6 2 3 4 3 2" xfId="16603"/>
    <cellStyle name="Обычный 2 3 6 2 3 4 4" xfId="16604"/>
    <cellStyle name="Обычный 2 3 6 2 3 4 4 2" xfId="16605"/>
    <cellStyle name="Обычный 2 3 6 2 3 4 5" xfId="16606"/>
    <cellStyle name="Обычный 2 3 6 2 3 4 5 2" xfId="16607"/>
    <cellStyle name="Обычный 2 3 6 2 3 4 6" xfId="16608"/>
    <cellStyle name="Обычный 2 3 6 2 3 5" xfId="16609"/>
    <cellStyle name="Обычный 2 3 6 2 3 5 2" xfId="16610"/>
    <cellStyle name="Обычный 2 3 6 2 3 5 2 2" xfId="16611"/>
    <cellStyle name="Обычный 2 3 6 2 3 5 3" xfId="16612"/>
    <cellStyle name="Обычный 2 3 6 2 3 5 3 2" xfId="16613"/>
    <cellStyle name="Обычный 2 3 6 2 3 5 4" xfId="16614"/>
    <cellStyle name="Обычный 2 3 6 2 3 6" xfId="16615"/>
    <cellStyle name="Обычный 2 3 6 2 3 6 2" xfId="16616"/>
    <cellStyle name="Обычный 2 3 6 2 3 7" xfId="16617"/>
    <cellStyle name="Обычный 2 3 6 2 3 7 2" xfId="16618"/>
    <cellStyle name="Обычный 2 3 6 2 3 8" xfId="16619"/>
    <cellStyle name="Обычный 2 3 6 2 3 8 2" xfId="16620"/>
    <cellStyle name="Обычный 2 3 6 2 3 9" xfId="16621"/>
    <cellStyle name="Обычный 2 3 6 2 4" xfId="16622"/>
    <cellStyle name="Обычный 2 3 6 2 4 2" xfId="16623"/>
    <cellStyle name="Обычный 2 3 6 2 4 2 2" xfId="16624"/>
    <cellStyle name="Обычный 2 3 6 2 4 2 2 2" xfId="16625"/>
    <cellStyle name="Обычный 2 3 6 2 4 2 3" xfId="16626"/>
    <cellStyle name="Обычный 2 3 6 2 4 2 3 2" xfId="16627"/>
    <cellStyle name="Обычный 2 3 6 2 4 2 4" xfId="16628"/>
    <cellStyle name="Обычный 2 3 6 2 4 3" xfId="16629"/>
    <cellStyle name="Обычный 2 3 6 2 4 3 2" xfId="16630"/>
    <cellStyle name="Обычный 2 3 6 2 4 4" xfId="16631"/>
    <cellStyle name="Обычный 2 3 6 2 4 4 2" xfId="16632"/>
    <cellStyle name="Обычный 2 3 6 2 4 5" xfId="16633"/>
    <cellStyle name="Обычный 2 3 6 2 4 5 2" xfId="16634"/>
    <cellStyle name="Обычный 2 3 6 2 4 6" xfId="16635"/>
    <cellStyle name="Обычный 2 3 6 2 5" xfId="16636"/>
    <cellStyle name="Обычный 2 3 6 2 5 2" xfId="16637"/>
    <cellStyle name="Обычный 2 3 6 2 5 2 2" xfId="16638"/>
    <cellStyle name="Обычный 2 3 6 2 5 2 2 2" xfId="16639"/>
    <cellStyle name="Обычный 2 3 6 2 5 2 3" xfId="16640"/>
    <cellStyle name="Обычный 2 3 6 2 5 2 3 2" xfId="16641"/>
    <cellStyle name="Обычный 2 3 6 2 5 2 4" xfId="16642"/>
    <cellStyle name="Обычный 2 3 6 2 5 3" xfId="16643"/>
    <cellStyle name="Обычный 2 3 6 2 5 3 2" xfId="16644"/>
    <cellStyle name="Обычный 2 3 6 2 5 4" xfId="16645"/>
    <cellStyle name="Обычный 2 3 6 2 5 4 2" xfId="16646"/>
    <cellStyle name="Обычный 2 3 6 2 5 5" xfId="16647"/>
    <cellStyle name="Обычный 2 3 6 2 5 5 2" xfId="16648"/>
    <cellStyle name="Обычный 2 3 6 2 5 6" xfId="16649"/>
    <cellStyle name="Обычный 2 3 6 2 6" xfId="16650"/>
    <cellStyle name="Обычный 2 3 6 2 6 2" xfId="16651"/>
    <cellStyle name="Обычный 2 3 6 2 6 2 2" xfId="16652"/>
    <cellStyle name="Обычный 2 3 6 2 6 2 2 2" xfId="16653"/>
    <cellStyle name="Обычный 2 3 6 2 6 2 3" xfId="16654"/>
    <cellStyle name="Обычный 2 3 6 2 6 2 3 2" xfId="16655"/>
    <cellStyle name="Обычный 2 3 6 2 6 2 4" xfId="16656"/>
    <cellStyle name="Обычный 2 3 6 2 6 3" xfId="16657"/>
    <cellStyle name="Обычный 2 3 6 2 6 3 2" xfId="16658"/>
    <cellStyle name="Обычный 2 3 6 2 6 4" xfId="16659"/>
    <cellStyle name="Обычный 2 3 6 2 6 4 2" xfId="16660"/>
    <cellStyle name="Обычный 2 3 6 2 6 5" xfId="16661"/>
    <cellStyle name="Обычный 2 3 6 2 6 5 2" xfId="16662"/>
    <cellStyle name="Обычный 2 3 6 2 6 6" xfId="16663"/>
    <cellStyle name="Обычный 2 3 6 2 7" xfId="16664"/>
    <cellStyle name="Обычный 2 3 6 2 7 2" xfId="16665"/>
    <cellStyle name="Обычный 2 3 6 2 7 2 2" xfId="16666"/>
    <cellStyle name="Обычный 2 3 6 2 7 2 2 2" xfId="16667"/>
    <cellStyle name="Обычный 2 3 6 2 7 2 3" xfId="16668"/>
    <cellStyle name="Обычный 2 3 6 2 7 2 3 2" xfId="16669"/>
    <cellStyle name="Обычный 2 3 6 2 7 2 4" xfId="16670"/>
    <cellStyle name="Обычный 2 3 6 2 7 3" xfId="16671"/>
    <cellStyle name="Обычный 2 3 6 2 7 3 2" xfId="16672"/>
    <cellStyle name="Обычный 2 3 6 2 7 4" xfId="16673"/>
    <cellStyle name="Обычный 2 3 6 2 7 4 2" xfId="16674"/>
    <cellStyle name="Обычный 2 3 6 2 7 5" xfId="16675"/>
    <cellStyle name="Обычный 2 3 6 2 7 5 2" xfId="16676"/>
    <cellStyle name="Обычный 2 3 6 2 7 6" xfId="16677"/>
    <cellStyle name="Обычный 2 3 6 2 8" xfId="16678"/>
    <cellStyle name="Обычный 2 3 6 2 8 2" xfId="16679"/>
    <cellStyle name="Обычный 2 3 6 2 8 2 2" xfId="16680"/>
    <cellStyle name="Обычный 2 3 6 2 8 3" xfId="16681"/>
    <cellStyle name="Обычный 2 3 6 2 8 3 2" xfId="16682"/>
    <cellStyle name="Обычный 2 3 6 2 8 4" xfId="16683"/>
    <cellStyle name="Обычный 2 3 6 2 9" xfId="16684"/>
    <cellStyle name="Обычный 2 3 6 2 9 2" xfId="16685"/>
    <cellStyle name="Обычный 2 3 6 2 9 2 2" xfId="16686"/>
    <cellStyle name="Обычный 2 3 6 2 9 3" xfId="16687"/>
    <cellStyle name="Обычный 2 3 6 3" xfId="16688"/>
    <cellStyle name="Обычный 2 3 6 3 10" xfId="16689"/>
    <cellStyle name="Обычный 2 3 6 3 2" xfId="16690"/>
    <cellStyle name="Обычный 2 3 6 3 2 2" xfId="16691"/>
    <cellStyle name="Обычный 2 3 6 3 2 2 2" xfId="16692"/>
    <cellStyle name="Обычный 2 3 6 3 2 2 2 2" xfId="16693"/>
    <cellStyle name="Обычный 2 3 6 3 2 2 3" xfId="16694"/>
    <cellStyle name="Обычный 2 3 6 3 2 2 3 2" xfId="16695"/>
    <cellStyle name="Обычный 2 3 6 3 2 2 4" xfId="16696"/>
    <cellStyle name="Обычный 2 3 6 3 2 3" xfId="16697"/>
    <cellStyle name="Обычный 2 3 6 3 2 3 2" xfId="16698"/>
    <cellStyle name="Обычный 2 3 6 3 2 4" xfId="16699"/>
    <cellStyle name="Обычный 2 3 6 3 2 4 2" xfId="16700"/>
    <cellStyle name="Обычный 2 3 6 3 2 5" xfId="16701"/>
    <cellStyle name="Обычный 2 3 6 3 2 5 2" xfId="16702"/>
    <cellStyle name="Обычный 2 3 6 3 2 6" xfId="16703"/>
    <cellStyle name="Обычный 2 3 6 3 3" xfId="16704"/>
    <cellStyle name="Обычный 2 3 6 3 3 2" xfId="16705"/>
    <cellStyle name="Обычный 2 3 6 3 3 2 2" xfId="16706"/>
    <cellStyle name="Обычный 2 3 6 3 3 2 2 2" xfId="16707"/>
    <cellStyle name="Обычный 2 3 6 3 3 2 3" xfId="16708"/>
    <cellStyle name="Обычный 2 3 6 3 3 2 3 2" xfId="16709"/>
    <cellStyle name="Обычный 2 3 6 3 3 2 4" xfId="16710"/>
    <cellStyle name="Обычный 2 3 6 3 3 3" xfId="16711"/>
    <cellStyle name="Обычный 2 3 6 3 3 3 2" xfId="16712"/>
    <cellStyle name="Обычный 2 3 6 3 3 4" xfId="16713"/>
    <cellStyle name="Обычный 2 3 6 3 3 4 2" xfId="16714"/>
    <cellStyle name="Обычный 2 3 6 3 3 5" xfId="16715"/>
    <cellStyle name="Обычный 2 3 6 3 3 5 2" xfId="16716"/>
    <cellStyle name="Обычный 2 3 6 3 3 6" xfId="16717"/>
    <cellStyle name="Обычный 2 3 6 3 4" xfId="16718"/>
    <cellStyle name="Обычный 2 3 6 3 4 2" xfId="16719"/>
    <cellStyle name="Обычный 2 3 6 3 4 2 2" xfId="16720"/>
    <cellStyle name="Обычный 2 3 6 3 4 2 2 2" xfId="16721"/>
    <cellStyle name="Обычный 2 3 6 3 4 2 3" xfId="16722"/>
    <cellStyle name="Обычный 2 3 6 3 4 2 3 2" xfId="16723"/>
    <cellStyle name="Обычный 2 3 6 3 4 2 4" xfId="16724"/>
    <cellStyle name="Обычный 2 3 6 3 4 3" xfId="16725"/>
    <cellStyle name="Обычный 2 3 6 3 4 3 2" xfId="16726"/>
    <cellStyle name="Обычный 2 3 6 3 4 4" xfId="16727"/>
    <cellStyle name="Обычный 2 3 6 3 4 4 2" xfId="16728"/>
    <cellStyle name="Обычный 2 3 6 3 4 5" xfId="16729"/>
    <cellStyle name="Обычный 2 3 6 3 4 5 2" xfId="16730"/>
    <cellStyle name="Обычный 2 3 6 3 4 6" xfId="16731"/>
    <cellStyle name="Обычный 2 3 6 3 5" xfId="16732"/>
    <cellStyle name="Обычный 2 3 6 3 5 2" xfId="16733"/>
    <cellStyle name="Обычный 2 3 6 3 5 2 2" xfId="16734"/>
    <cellStyle name="Обычный 2 3 6 3 5 2 2 2" xfId="16735"/>
    <cellStyle name="Обычный 2 3 6 3 5 2 3" xfId="16736"/>
    <cellStyle name="Обычный 2 3 6 3 5 2 3 2" xfId="16737"/>
    <cellStyle name="Обычный 2 3 6 3 5 2 4" xfId="16738"/>
    <cellStyle name="Обычный 2 3 6 3 5 3" xfId="16739"/>
    <cellStyle name="Обычный 2 3 6 3 5 3 2" xfId="16740"/>
    <cellStyle name="Обычный 2 3 6 3 5 4" xfId="16741"/>
    <cellStyle name="Обычный 2 3 6 3 5 4 2" xfId="16742"/>
    <cellStyle name="Обычный 2 3 6 3 5 5" xfId="16743"/>
    <cellStyle name="Обычный 2 3 6 3 5 5 2" xfId="16744"/>
    <cellStyle name="Обычный 2 3 6 3 5 6" xfId="16745"/>
    <cellStyle name="Обычный 2 3 6 3 6" xfId="16746"/>
    <cellStyle name="Обычный 2 3 6 3 6 2" xfId="16747"/>
    <cellStyle name="Обычный 2 3 6 3 6 2 2" xfId="16748"/>
    <cellStyle name="Обычный 2 3 6 3 6 3" xfId="16749"/>
    <cellStyle name="Обычный 2 3 6 3 6 3 2" xfId="16750"/>
    <cellStyle name="Обычный 2 3 6 3 6 4" xfId="16751"/>
    <cellStyle name="Обычный 2 3 6 3 7" xfId="16752"/>
    <cellStyle name="Обычный 2 3 6 3 7 2" xfId="16753"/>
    <cellStyle name="Обычный 2 3 6 3 8" xfId="16754"/>
    <cellStyle name="Обычный 2 3 6 3 8 2" xfId="16755"/>
    <cellStyle name="Обычный 2 3 6 3 9" xfId="16756"/>
    <cellStyle name="Обычный 2 3 6 3 9 2" xfId="16757"/>
    <cellStyle name="Обычный 2 3 6 4" xfId="16758"/>
    <cellStyle name="Обычный 2 3 6 4 2" xfId="16759"/>
    <cellStyle name="Обычный 2 3 6 4 2 2" xfId="16760"/>
    <cellStyle name="Обычный 2 3 6 4 2 2 2" xfId="16761"/>
    <cellStyle name="Обычный 2 3 6 4 2 2 2 2" xfId="16762"/>
    <cellStyle name="Обычный 2 3 6 4 2 2 3" xfId="16763"/>
    <cellStyle name="Обычный 2 3 6 4 2 2 3 2" xfId="16764"/>
    <cellStyle name="Обычный 2 3 6 4 2 2 4" xfId="16765"/>
    <cellStyle name="Обычный 2 3 6 4 2 3" xfId="16766"/>
    <cellStyle name="Обычный 2 3 6 4 2 3 2" xfId="16767"/>
    <cellStyle name="Обычный 2 3 6 4 2 4" xfId="16768"/>
    <cellStyle name="Обычный 2 3 6 4 2 4 2" xfId="16769"/>
    <cellStyle name="Обычный 2 3 6 4 2 5" xfId="16770"/>
    <cellStyle name="Обычный 2 3 6 4 2 5 2" xfId="16771"/>
    <cellStyle name="Обычный 2 3 6 4 2 6" xfId="16772"/>
    <cellStyle name="Обычный 2 3 6 4 3" xfId="16773"/>
    <cellStyle name="Обычный 2 3 6 4 3 2" xfId="16774"/>
    <cellStyle name="Обычный 2 3 6 4 3 2 2" xfId="16775"/>
    <cellStyle name="Обычный 2 3 6 4 3 2 2 2" xfId="16776"/>
    <cellStyle name="Обычный 2 3 6 4 3 2 3" xfId="16777"/>
    <cellStyle name="Обычный 2 3 6 4 3 2 3 2" xfId="16778"/>
    <cellStyle name="Обычный 2 3 6 4 3 2 4" xfId="16779"/>
    <cellStyle name="Обычный 2 3 6 4 3 3" xfId="16780"/>
    <cellStyle name="Обычный 2 3 6 4 3 3 2" xfId="16781"/>
    <cellStyle name="Обычный 2 3 6 4 3 4" xfId="16782"/>
    <cellStyle name="Обычный 2 3 6 4 3 4 2" xfId="16783"/>
    <cellStyle name="Обычный 2 3 6 4 3 5" xfId="16784"/>
    <cellStyle name="Обычный 2 3 6 4 3 5 2" xfId="16785"/>
    <cellStyle name="Обычный 2 3 6 4 3 6" xfId="16786"/>
    <cellStyle name="Обычный 2 3 6 4 4" xfId="16787"/>
    <cellStyle name="Обычный 2 3 6 4 4 2" xfId="16788"/>
    <cellStyle name="Обычный 2 3 6 4 4 2 2" xfId="16789"/>
    <cellStyle name="Обычный 2 3 6 4 4 2 2 2" xfId="16790"/>
    <cellStyle name="Обычный 2 3 6 4 4 2 3" xfId="16791"/>
    <cellStyle name="Обычный 2 3 6 4 4 2 3 2" xfId="16792"/>
    <cellStyle name="Обычный 2 3 6 4 4 2 4" xfId="16793"/>
    <cellStyle name="Обычный 2 3 6 4 4 3" xfId="16794"/>
    <cellStyle name="Обычный 2 3 6 4 4 3 2" xfId="16795"/>
    <cellStyle name="Обычный 2 3 6 4 4 4" xfId="16796"/>
    <cellStyle name="Обычный 2 3 6 4 4 4 2" xfId="16797"/>
    <cellStyle name="Обычный 2 3 6 4 4 5" xfId="16798"/>
    <cellStyle name="Обычный 2 3 6 4 4 5 2" xfId="16799"/>
    <cellStyle name="Обычный 2 3 6 4 4 6" xfId="16800"/>
    <cellStyle name="Обычный 2 3 6 4 5" xfId="16801"/>
    <cellStyle name="Обычный 2 3 6 4 5 2" xfId="16802"/>
    <cellStyle name="Обычный 2 3 6 4 5 2 2" xfId="16803"/>
    <cellStyle name="Обычный 2 3 6 4 5 3" xfId="16804"/>
    <cellStyle name="Обычный 2 3 6 4 5 3 2" xfId="16805"/>
    <cellStyle name="Обычный 2 3 6 4 5 4" xfId="16806"/>
    <cellStyle name="Обычный 2 3 6 4 6" xfId="16807"/>
    <cellStyle name="Обычный 2 3 6 4 6 2" xfId="16808"/>
    <cellStyle name="Обычный 2 3 6 4 7" xfId="16809"/>
    <cellStyle name="Обычный 2 3 6 4 7 2" xfId="16810"/>
    <cellStyle name="Обычный 2 3 6 4 8" xfId="16811"/>
    <cellStyle name="Обычный 2 3 6 4 8 2" xfId="16812"/>
    <cellStyle name="Обычный 2 3 6 4 9" xfId="16813"/>
    <cellStyle name="Обычный 2 3 6 5" xfId="16814"/>
    <cellStyle name="Обычный 2 3 6 5 2" xfId="16815"/>
    <cellStyle name="Обычный 2 3 6 5 2 2" xfId="16816"/>
    <cellStyle name="Обычный 2 3 6 5 2 2 2" xfId="16817"/>
    <cellStyle name="Обычный 2 3 6 5 2 3" xfId="16818"/>
    <cellStyle name="Обычный 2 3 6 5 2 3 2" xfId="16819"/>
    <cellStyle name="Обычный 2 3 6 5 2 4" xfId="16820"/>
    <cellStyle name="Обычный 2 3 6 5 3" xfId="16821"/>
    <cellStyle name="Обычный 2 3 6 5 3 2" xfId="16822"/>
    <cellStyle name="Обычный 2 3 6 5 4" xfId="16823"/>
    <cellStyle name="Обычный 2 3 6 5 4 2" xfId="16824"/>
    <cellStyle name="Обычный 2 3 6 5 5" xfId="16825"/>
    <cellStyle name="Обычный 2 3 6 5 5 2" xfId="16826"/>
    <cellStyle name="Обычный 2 3 6 5 6" xfId="16827"/>
    <cellStyle name="Обычный 2 3 6 6" xfId="16828"/>
    <cellStyle name="Обычный 2 3 6 6 2" xfId="16829"/>
    <cellStyle name="Обычный 2 3 6 6 2 2" xfId="16830"/>
    <cellStyle name="Обычный 2 3 6 6 2 2 2" xfId="16831"/>
    <cellStyle name="Обычный 2 3 6 6 2 3" xfId="16832"/>
    <cellStyle name="Обычный 2 3 6 6 2 3 2" xfId="16833"/>
    <cellStyle name="Обычный 2 3 6 6 2 4" xfId="16834"/>
    <cellStyle name="Обычный 2 3 6 6 3" xfId="16835"/>
    <cellStyle name="Обычный 2 3 6 6 3 2" xfId="16836"/>
    <cellStyle name="Обычный 2 3 6 6 4" xfId="16837"/>
    <cellStyle name="Обычный 2 3 6 6 4 2" xfId="16838"/>
    <cellStyle name="Обычный 2 3 6 6 5" xfId="16839"/>
    <cellStyle name="Обычный 2 3 6 6 5 2" xfId="16840"/>
    <cellStyle name="Обычный 2 3 6 6 6" xfId="16841"/>
    <cellStyle name="Обычный 2 3 6 7" xfId="16842"/>
    <cellStyle name="Обычный 2 3 6 7 2" xfId="16843"/>
    <cellStyle name="Обычный 2 3 6 7 2 2" xfId="16844"/>
    <cellStyle name="Обычный 2 3 6 7 2 2 2" xfId="16845"/>
    <cellStyle name="Обычный 2 3 6 7 2 3" xfId="16846"/>
    <cellStyle name="Обычный 2 3 6 7 2 3 2" xfId="16847"/>
    <cellStyle name="Обычный 2 3 6 7 2 4" xfId="16848"/>
    <cellStyle name="Обычный 2 3 6 7 3" xfId="16849"/>
    <cellStyle name="Обычный 2 3 6 7 3 2" xfId="16850"/>
    <cellStyle name="Обычный 2 3 6 7 4" xfId="16851"/>
    <cellStyle name="Обычный 2 3 6 7 4 2" xfId="16852"/>
    <cellStyle name="Обычный 2 3 6 7 5" xfId="16853"/>
    <cellStyle name="Обычный 2 3 6 7 5 2" xfId="16854"/>
    <cellStyle name="Обычный 2 3 6 7 6" xfId="16855"/>
    <cellStyle name="Обычный 2 3 6 8" xfId="16856"/>
    <cellStyle name="Обычный 2 3 6 8 2" xfId="16857"/>
    <cellStyle name="Обычный 2 3 6 8 2 2" xfId="16858"/>
    <cellStyle name="Обычный 2 3 6 8 2 2 2" xfId="16859"/>
    <cellStyle name="Обычный 2 3 6 8 2 3" xfId="16860"/>
    <cellStyle name="Обычный 2 3 6 8 2 3 2" xfId="16861"/>
    <cellStyle name="Обычный 2 3 6 8 2 4" xfId="16862"/>
    <cellStyle name="Обычный 2 3 6 8 3" xfId="16863"/>
    <cellStyle name="Обычный 2 3 6 8 3 2" xfId="16864"/>
    <cellStyle name="Обычный 2 3 6 8 4" xfId="16865"/>
    <cellStyle name="Обычный 2 3 6 8 4 2" xfId="16866"/>
    <cellStyle name="Обычный 2 3 6 8 5" xfId="16867"/>
    <cellStyle name="Обычный 2 3 6 8 5 2" xfId="16868"/>
    <cellStyle name="Обычный 2 3 6 8 6" xfId="16869"/>
    <cellStyle name="Обычный 2 3 6 9" xfId="16870"/>
    <cellStyle name="Обычный 2 3 6 9 2" xfId="16871"/>
    <cellStyle name="Обычный 2 3 6 9 2 2" xfId="16872"/>
    <cellStyle name="Обычный 2 3 6 9 3" xfId="16873"/>
    <cellStyle name="Обычный 2 3 6 9 3 2" xfId="16874"/>
    <cellStyle name="Обычный 2 3 6 9 4" xfId="16875"/>
    <cellStyle name="Обычный 2 3 7" xfId="16876"/>
    <cellStyle name="Обычный 2 3 7 10" xfId="16877"/>
    <cellStyle name="Обычный 2 3 7 10 2" xfId="16878"/>
    <cellStyle name="Обычный 2 3 7 10 2 2" xfId="16879"/>
    <cellStyle name="Обычный 2 3 7 10 3" xfId="16880"/>
    <cellStyle name="Обычный 2 3 7 11" xfId="16881"/>
    <cellStyle name="Обычный 2 3 7 11 2" xfId="16882"/>
    <cellStyle name="Обычный 2 3 7 12" xfId="16883"/>
    <cellStyle name="Обычный 2 3 7 12 2" xfId="16884"/>
    <cellStyle name="Обычный 2 3 7 13" xfId="16885"/>
    <cellStyle name="Обычный 2 3 7 14" xfId="16886"/>
    <cellStyle name="Обычный 2 3 7 2" xfId="16887"/>
    <cellStyle name="Обычный 2 3 7 2 10" xfId="16888"/>
    <cellStyle name="Обычный 2 3 7 2 10 2" xfId="16889"/>
    <cellStyle name="Обычный 2 3 7 2 11" xfId="16890"/>
    <cellStyle name="Обычный 2 3 7 2 11 2" xfId="16891"/>
    <cellStyle name="Обычный 2 3 7 2 12" xfId="16892"/>
    <cellStyle name="Обычный 2 3 7 2 13" xfId="16893"/>
    <cellStyle name="Обычный 2 3 7 2 2" xfId="16894"/>
    <cellStyle name="Обычный 2 3 7 2 2 10" xfId="16895"/>
    <cellStyle name="Обычный 2 3 7 2 2 2" xfId="16896"/>
    <cellStyle name="Обычный 2 3 7 2 2 2 2" xfId="16897"/>
    <cellStyle name="Обычный 2 3 7 2 2 2 2 2" xfId="16898"/>
    <cellStyle name="Обычный 2 3 7 2 2 2 2 2 2" xfId="16899"/>
    <cellStyle name="Обычный 2 3 7 2 2 2 2 3" xfId="16900"/>
    <cellStyle name="Обычный 2 3 7 2 2 2 2 3 2" xfId="16901"/>
    <cellStyle name="Обычный 2 3 7 2 2 2 2 4" xfId="16902"/>
    <cellStyle name="Обычный 2 3 7 2 2 2 3" xfId="16903"/>
    <cellStyle name="Обычный 2 3 7 2 2 2 3 2" xfId="16904"/>
    <cellStyle name="Обычный 2 3 7 2 2 2 4" xfId="16905"/>
    <cellStyle name="Обычный 2 3 7 2 2 2 4 2" xfId="16906"/>
    <cellStyle name="Обычный 2 3 7 2 2 2 5" xfId="16907"/>
    <cellStyle name="Обычный 2 3 7 2 2 2 5 2" xfId="16908"/>
    <cellStyle name="Обычный 2 3 7 2 2 2 6" xfId="16909"/>
    <cellStyle name="Обычный 2 3 7 2 2 3" xfId="16910"/>
    <cellStyle name="Обычный 2 3 7 2 2 3 2" xfId="16911"/>
    <cellStyle name="Обычный 2 3 7 2 2 3 2 2" xfId="16912"/>
    <cellStyle name="Обычный 2 3 7 2 2 3 2 2 2" xfId="16913"/>
    <cellStyle name="Обычный 2 3 7 2 2 3 2 3" xfId="16914"/>
    <cellStyle name="Обычный 2 3 7 2 2 3 2 3 2" xfId="16915"/>
    <cellStyle name="Обычный 2 3 7 2 2 3 2 4" xfId="16916"/>
    <cellStyle name="Обычный 2 3 7 2 2 3 3" xfId="16917"/>
    <cellStyle name="Обычный 2 3 7 2 2 3 3 2" xfId="16918"/>
    <cellStyle name="Обычный 2 3 7 2 2 3 4" xfId="16919"/>
    <cellStyle name="Обычный 2 3 7 2 2 3 4 2" xfId="16920"/>
    <cellStyle name="Обычный 2 3 7 2 2 3 5" xfId="16921"/>
    <cellStyle name="Обычный 2 3 7 2 2 3 5 2" xfId="16922"/>
    <cellStyle name="Обычный 2 3 7 2 2 3 6" xfId="16923"/>
    <cellStyle name="Обычный 2 3 7 2 2 4" xfId="16924"/>
    <cellStyle name="Обычный 2 3 7 2 2 4 2" xfId="16925"/>
    <cellStyle name="Обычный 2 3 7 2 2 4 2 2" xfId="16926"/>
    <cellStyle name="Обычный 2 3 7 2 2 4 2 2 2" xfId="16927"/>
    <cellStyle name="Обычный 2 3 7 2 2 4 2 3" xfId="16928"/>
    <cellStyle name="Обычный 2 3 7 2 2 4 2 3 2" xfId="16929"/>
    <cellStyle name="Обычный 2 3 7 2 2 4 2 4" xfId="16930"/>
    <cellStyle name="Обычный 2 3 7 2 2 4 3" xfId="16931"/>
    <cellStyle name="Обычный 2 3 7 2 2 4 3 2" xfId="16932"/>
    <cellStyle name="Обычный 2 3 7 2 2 4 4" xfId="16933"/>
    <cellStyle name="Обычный 2 3 7 2 2 4 4 2" xfId="16934"/>
    <cellStyle name="Обычный 2 3 7 2 2 4 5" xfId="16935"/>
    <cellStyle name="Обычный 2 3 7 2 2 4 5 2" xfId="16936"/>
    <cellStyle name="Обычный 2 3 7 2 2 4 6" xfId="16937"/>
    <cellStyle name="Обычный 2 3 7 2 2 5" xfId="16938"/>
    <cellStyle name="Обычный 2 3 7 2 2 5 2" xfId="16939"/>
    <cellStyle name="Обычный 2 3 7 2 2 5 2 2" xfId="16940"/>
    <cellStyle name="Обычный 2 3 7 2 2 5 2 2 2" xfId="16941"/>
    <cellStyle name="Обычный 2 3 7 2 2 5 2 3" xfId="16942"/>
    <cellStyle name="Обычный 2 3 7 2 2 5 2 3 2" xfId="16943"/>
    <cellStyle name="Обычный 2 3 7 2 2 5 2 4" xfId="16944"/>
    <cellStyle name="Обычный 2 3 7 2 2 5 3" xfId="16945"/>
    <cellStyle name="Обычный 2 3 7 2 2 5 3 2" xfId="16946"/>
    <cellStyle name="Обычный 2 3 7 2 2 5 4" xfId="16947"/>
    <cellStyle name="Обычный 2 3 7 2 2 5 4 2" xfId="16948"/>
    <cellStyle name="Обычный 2 3 7 2 2 5 5" xfId="16949"/>
    <cellStyle name="Обычный 2 3 7 2 2 5 5 2" xfId="16950"/>
    <cellStyle name="Обычный 2 3 7 2 2 5 6" xfId="16951"/>
    <cellStyle name="Обычный 2 3 7 2 2 6" xfId="16952"/>
    <cellStyle name="Обычный 2 3 7 2 2 6 2" xfId="16953"/>
    <cellStyle name="Обычный 2 3 7 2 2 6 2 2" xfId="16954"/>
    <cellStyle name="Обычный 2 3 7 2 2 6 3" xfId="16955"/>
    <cellStyle name="Обычный 2 3 7 2 2 6 3 2" xfId="16956"/>
    <cellStyle name="Обычный 2 3 7 2 2 6 4" xfId="16957"/>
    <cellStyle name="Обычный 2 3 7 2 2 7" xfId="16958"/>
    <cellStyle name="Обычный 2 3 7 2 2 7 2" xfId="16959"/>
    <cellStyle name="Обычный 2 3 7 2 2 8" xfId="16960"/>
    <cellStyle name="Обычный 2 3 7 2 2 8 2" xfId="16961"/>
    <cellStyle name="Обычный 2 3 7 2 2 9" xfId="16962"/>
    <cellStyle name="Обычный 2 3 7 2 2 9 2" xfId="16963"/>
    <cellStyle name="Обычный 2 3 7 2 3" xfId="16964"/>
    <cellStyle name="Обычный 2 3 7 2 3 2" xfId="16965"/>
    <cellStyle name="Обычный 2 3 7 2 3 2 2" xfId="16966"/>
    <cellStyle name="Обычный 2 3 7 2 3 2 2 2" xfId="16967"/>
    <cellStyle name="Обычный 2 3 7 2 3 2 2 2 2" xfId="16968"/>
    <cellStyle name="Обычный 2 3 7 2 3 2 2 3" xfId="16969"/>
    <cellStyle name="Обычный 2 3 7 2 3 2 2 3 2" xfId="16970"/>
    <cellStyle name="Обычный 2 3 7 2 3 2 2 4" xfId="16971"/>
    <cellStyle name="Обычный 2 3 7 2 3 2 3" xfId="16972"/>
    <cellStyle name="Обычный 2 3 7 2 3 2 3 2" xfId="16973"/>
    <cellStyle name="Обычный 2 3 7 2 3 2 4" xfId="16974"/>
    <cellStyle name="Обычный 2 3 7 2 3 2 4 2" xfId="16975"/>
    <cellStyle name="Обычный 2 3 7 2 3 2 5" xfId="16976"/>
    <cellStyle name="Обычный 2 3 7 2 3 2 5 2" xfId="16977"/>
    <cellStyle name="Обычный 2 3 7 2 3 2 6" xfId="16978"/>
    <cellStyle name="Обычный 2 3 7 2 3 3" xfId="16979"/>
    <cellStyle name="Обычный 2 3 7 2 3 3 2" xfId="16980"/>
    <cellStyle name="Обычный 2 3 7 2 3 3 2 2" xfId="16981"/>
    <cellStyle name="Обычный 2 3 7 2 3 3 2 2 2" xfId="16982"/>
    <cellStyle name="Обычный 2 3 7 2 3 3 2 3" xfId="16983"/>
    <cellStyle name="Обычный 2 3 7 2 3 3 2 3 2" xfId="16984"/>
    <cellStyle name="Обычный 2 3 7 2 3 3 2 4" xfId="16985"/>
    <cellStyle name="Обычный 2 3 7 2 3 3 3" xfId="16986"/>
    <cellStyle name="Обычный 2 3 7 2 3 3 3 2" xfId="16987"/>
    <cellStyle name="Обычный 2 3 7 2 3 3 4" xfId="16988"/>
    <cellStyle name="Обычный 2 3 7 2 3 3 4 2" xfId="16989"/>
    <cellStyle name="Обычный 2 3 7 2 3 3 5" xfId="16990"/>
    <cellStyle name="Обычный 2 3 7 2 3 3 5 2" xfId="16991"/>
    <cellStyle name="Обычный 2 3 7 2 3 3 6" xfId="16992"/>
    <cellStyle name="Обычный 2 3 7 2 3 4" xfId="16993"/>
    <cellStyle name="Обычный 2 3 7 2 3 4 2" xfId="16994"/>
    <cellStyle name="Обычный 2 3 7 2 3 4 2 2" xfId="16995"/>
    <cellStyle name="Обычный 2 3 7 2 3 4 2 2 2" xfId="16996"/>
    <cellStyle name="Обычный 2 3 7 2 3 4 2 3" xfId="16997"/>
    <cellStyle name="Обычный 2 3 7 2 3 4 2 3 2" xfId="16998"/>
    <cellStyle name="Обычный 2 3 7 2 3 4 2 4" xfId="16999"/>
    <cellStyle name="Обычный 2 3 7 2 3 4 3" xfId="17000"/>
    <cellStyle name="Обычный 2 3 7 2 3 4 3 2" xfId="17001"/>
    <cellStyle name="Обычный 2 3 7 2 3 4 4" xfId="17002"/>
    <cellStyle name="Обычный 2 3 7 2 3 4 4 2" xfId="17003"/>
    <cellStyle name="Обычный 2 3 7 2 3 4 5" xfId="17004"/>
    <cellStyle name="Обычный 2 3 7 2 3 4 5 2" xfId="17005"/>
    <cellStyle name="Обычный 2 3 7 2 3 4 6" xfId="17006"/>
    <cellStyle name="Обычный 2 3 7 2 3 5" xfId="17007"/>
    <cellStyle name="Обычный 2 3 7 2 3 5 2" xfId="17008"/>
    <cellStyle name="Обычный 2 3 7 2 3 5 2 2" xfId="17009"/>
    <cellStyle name="Обычный 2 3 7 2 3 5 3" xfId="17010"/>
    <cellStyle name="Обычный 2 3 7 2 3 5 3 2" xfId="17011"/>
    <cellStyle name="Обычный 2 3 7 2 3 5 4" xfId="17012"/>
    <cellStyle name="Обычный 2 3 7 2 3 6" xfId="17013"/>
    <cellStyle name="Обычный 2 3 7 2 3 6 2" xfId="17014"/>
    <cellStyle name="Обычный 2 3 7 2 3 7" xfId="17015"/>
    <cellStyle name="Обычный 2 3 7 2 3 7 2" xfId="17016"/>
    <cellStyle name="Обычный 2 3 7 2 3 8" xfId="17017"/>
    <cellStyle name="Обычный 2 3 7 2 3 8 2" xfId="17018"/>
    <cellStyle name="Обычный 2 3 7 2 3 9" xfId="17019"/>
    <cellStyle name="Обычный 2 3 7 2 4" xfId="17020"/>
    <cellStyle name="Обычный 2 3 7 2 4 2" xfId="17021"/>
    <cellStyle name="Обычный 2 3 7 2 4 2 2" xfId="17022"/>
    <cellStyle name="Обычный 2 3 7 2 4 2 2 2" xfId="17023"/>
    <cellStyle name="Обычный 2 3 7 2 4 2 3" xfId="17024"/>
    <cellStyle name="Обычный 2 3 7 2 4 2 3 2" xfId="17025"/>
    <cellStyle name="Обычный 2 3 7 2 4 2 4" xfId="17026"/>
    <cellStyle name="Обычный 2 3 7 2 4 3" xfId="17027"/>
    <cellStyle name="Обычный 2 3 7 2 4 3 2" xfId="17028"/>
    <cellStyle name="Обычный 2 3 7 2 4 4" xfId="17029"/>
    <cellStyle name="Обычный 2 3 7 2 4 4 2" xfId="17030"/>
    <cellStyle name="Обычный 2 3 7 2 4 5" xfId="17031"/>
    <cellStyle name="Обычный 2 3 7 2 4 5 2" xfId="17032"/>
    <cellStyle name="Обычный 2 3 7 2 4 6" xfId="17033"/>
    <cellStyle name="Обычный 2 3 7 2 5" xfId="17034"/>
    <cellStyle name="Обычный 2 3 7 2 5 2" xfId="17035"/>
    <cellStyle name="Обычный 2 3 7 2 5 2 2" xfId="17036"/>
    <cellStyle name="Обычный 2 3 7 2 5 2 2 2" xfId="17037"/>
    <cellStyle name="Обычный 2 3 7 2 5 2 3" xfId="17038"/>
    <cellStyle name="Обычный 2 3 7 2 5 2 3 2" xfId="17039"/>
    <cellStyle name="Обычный 2 3 7 2 5 2 4" xfId="17040"/>
    <cellStyle name="Обычный 2 3 7 2 5 3" xfId="17041"/>
    <cellStyle name="Обычный 2 3 7 2 5 3 2" xfId="17042"/>
    <cellStyle name="Обычный 2 3 7 2 5 4" xfId="17043"/>
    <cellStyle name="Обычный 2 3 7 2 5 4 2" xfId="17044"/>
    <cellStyle name="Обычный 2 3 7 2 5 5" xfId="17045"/>
    <cellStyle name="Обычный 2 3 7 2 5 5 2" xfId="17046"/>
    <cellStyle name="Обычный 2 3 7 2 5 6" xfId="17047"/>
    <cellStyle name="Обычный 2 3 7 2 6" xfId="17048"/>
    <cellStyle name="Обычный 2 3 7 2 6 2" xfId="17049"/>
    <cellStyle name="Обычный 2 3 7 2 6 2 2" xfId="17050"/>
    <cellStyle name="Обычный 2 3 7 2 6 2 2 2" xfId="17051"/>
    <cellStyle name="Обычный 2 3 7 2 6 2 3" xfId="17052"/>
    <cellStyle name="Обычный 2 3 7 2 6 2 3 2" xfId="17053"/>
    <cellStyle name="Обычный 2 3 7 2 6 2 4" xfId="17054"/>
    <cellStyle name="Обычный 2 3 7 2 6 3" xfId="17055"/>
    <cellStyle name="Обычный 2 3 7 2 6 3 2" xfId="17056"/>
    <cellStyle name="Обычный 2 3 7 2 6 4" xfId="17057"/>
    <cellStyle name="Обычный 2 3 7 2 6 4 2" xfId="17058"/>
    <cellStyle name="Обычный 2 3 7 2 6 5" xfId="17059"/>
    <cellStyle name="Обычный 2 3 7 2 6 5 2" xfId="17060"/>
    <cellStyle name="Обычный 2 3 7 2 6 6" xfId="17061"/>
    <cellStyle name="Обычный 2 3 7 2 7" xfId="17062"/>
    <cellStyle name="Обычный 2 3 7 2 7 2" xfId="17063"/>
    <cellStyle name="Обычный 2 3 7 2 7 2 2" xfId="17064"/>
    <cellStyle name="Обычный 2 3 7 2 7 2 2 2" xfId="17065"/>
    <cellStyle name="Обычный 2 3 7 2 7 2 3" xfId="17066"/>
    <cellStyle name="Обычный 2 3 7 2 7 2 3 2" xfId="17067"/>
    <cellStyle name="Обычный 2 3 7 2 7 2 4" xfId="17068"/>
    <cellStyle name="Обычный 2 3 7 2 7 3" xfId="17069"/>
    <cellStyle name="Обычный 2 3 7 2 7 3 2" xfId="17070"/>
    <cellStyle name="Обычный 2 3 7 2 7 4" xfId="17071"/>
    <cellStyle name="Обычный 2 3 7 2 7 4 2" xfId="17072"/>
    <cellStyle name="Обычный 2 3 7 2 7 5" xfId="17073"/>
    <cellStyle name="Обычный 2 3 7 2 7 5 2" xfId="17074"/>
    <cellStyle name="Обычный 2 3 7 2 7 6" xfId="17075"/>
    <cellStyle name="Обычный 2 3 7 2 8" xfId="17076"/>
    <cellStyle name="Обычный 2 3 7 2 8 2" xfId="17077"/>
    <cellStyle name="Обычный 2 3 7 2 8 2 2" xfId="17078"/>
    <cellStyle name="Обычный 2 3 7 2 8 3" xfId="17079"/>
    <cellStyle name="Обычный 2 3 7 2 8 3 2" xfId="17080"/>
    <cellStyle name="Обычный 2 3 7 2 8 4" xfId="17081"/>
    <cellStyle name="Обычный 2 3 7 2 9" xfId="17082"/>
    <cellStyle name="Обычный 2 3 7 2 9 2" xfId="17083"/>
    <cellStyle name="Обычный 2 3 7 2 9 2 2" xfId="17084"/>
    <cellStyle name="Обычный 2 3 7 2 9 3" xfId="17085"/>
    <cellStyle name="Обычный 2 3 7 3" xfId="17086"/>
    <cellStyle name="Обычный 2 3 7 3 10" xfId="17087"/>
    <cellStyle name="Обычный 2 3 7 3 2" xfId="17088"/>
    <cellStyle name="Обычный 2 3 7 3 2 2" xfId="17089"/>
    <cellStyle name="Обычный 2 3 7 3 2 2 2" xfId="17090"/>
    <cellStyle name="Обычный 2 3 7 3 2 2 2 2" xfId="17091"/>
    <cellStyle name="Обычный 2 3 7 3 2 2 3" xfId="17092"/>
    <cellStyle name="Обычный 2 3 7 3 2 2 3 2" xfId="17093"/>
    <cellStyle name="Обычный 2 3 7 3 2 2 4" xfId="17094"/>
    <cellStyle name="Обычный 2 3 7 3 2 3" xfId="17095"/>
    <cellStyle name="Обычный 2 3 7 3 2 3 2" xfId="17096"/>
    <cellStyle name="Обычный 2 3 7 3 2 4" xfId="17097"/>
    <cellStyle name="Обычный 2 3 7 3 2 4 2" xfId="17098"/>
    <cellStyle name="Обычный 2 3 7 3 2 5" xfId="17099"/>
    <cellStyle name="Обычный 2 3 7 3 2 5 2" xfId="17100"/>
    <cellStyle name="Обычный 2 3 7 3 2 6" xfId="17101"/>
    <cellStyle name="Обычный 2 3 7 3 3" xfId="17102"/>
    <cellStyle name="Обычный 2 3 7 3 3 2" xfId="17103"/>
    <cellStyle name="Обычный 2 3 7 3 3 2 2" xfId="17104"/>
    <cellStyle name="Обычный 2 3 7 3 3 2 2 2" xfId="17105"/>
    <cellStyle name="Обычный 2 3 7 3 3 2 3" xfId="17106"/>
    <cellStyle name="Обычный 2 3 7 3 3 2 3 2" xfId="17107"/>
    <cellStyle name="Обычный 2 3 7 3 3 2 4" xfId="17108"/>
    <cellStyle name="Обычный 2 3 7 3 3 3" xfId="17109"/>
    <cellStyle name="Обычный 2 3 7 3 3 3 2" xfId="17110"/>
    <cellStyle name="Обычный 2 3 7 3 3 4" xfId="17111"/>
    <cellStyle name="Обычный 2 3 7 3 3 4 2" xfId="17112"/>
    <cellStyle name="Обычный 2 3 7 3 3 5" xfId="17113"/>
    <cellStyle name="Обычный 2 3 7 3 3 5 2" xfId="17114"/>
    <cellStyle name="Обычный 2 3 7 3 3 6" xfId="17115"/>
    <cellStyle name="Обычный 2 3 7 3 4" xfId="17116"/>
    <cellStyle name="Обычный 2 3 7 3 4 2" xfId="17117"/>
    <cellStyle name="Обычный 2 3 7 3 4 2 2" xfId="17118"/>
    <cellStyle name="Обычный 2 3 7 3 4 2 2 2" xfId="17119"/>
    <cellStyle name="Обычный 2 3 7 3 4 2 3" xfId="17120"/>
    <cellStyle name="Обычный 2 3 7 3 4 2 3 2" xfId="17121"/>
    <cellStyle name="Обычный 2 3 7 3 4 2 4" xfId="17122"/>
    <cellStyle name="Обычный 2 3 7 3 4 3" xfId="17123"/>
    <cellStyle name="Обычный 2 3 7 3 4 3 2" xfId="17124"/>
    <cellStyle name="Обычный 2 3 7 3 4 4" xfId="17125"/>
    <cellStyle name="Обычный 2 3 7 3 4 4 2" xfId="17126"/>
    <cellStyle name="Обычный 2 3 7 3 4 5" xfId="17127"/>
    <cellStyle name="Обычный 2 3 7 3 4 5 2" xfId="17128"/>
    <cellStyle name="Обычный 2 3 7 3 4 6" xfId="17129"/>
    <cellStyle name="Обычный 2 3 7 3 5" xfId="17130"/>
    <cellStyle name="Обычный 2 3 7 3 5 2" xfId="17131"/>
    <cellStyle name="Обычный 2 3 7 3 5 2 2" xfId="17132"/>
    <cellStyle name="Обычный 2 3 7 3 5 2 2 2" xfId="17133"/>
    <cellStyle name="Обычный 2 3 7 3 5 2 3" xfId="17134"/>
    <cellStyle name="Обычный 2 3 7 3 5 2 3 2" xfId="17135"/>
    <cellStyle name="Обычный 2 3 7 3 5 2 4" xfId="17136"/>
    <cellStyle name="Обычный 2 3 7 3 5 3" xfId="17137"/>
    <cellStyle name="Обычный 2 3 7 3 5 3 2" xfId="17138"/>
    <cellStyle name="Обычный 2 3 7 3 5 4" xfId="17139"/>
    <cellStyle name="Обычный 2 3 7 3 5 4 2" xfId="17140"/>
    <cellStyle name="Обычный 2 3 7 3 5 5" xfId="17141"/>
    <cellStyle name="Обычный 2 3 7 3 5 5 2" xfId="17142"/>
    <cellStyle name="Обычный 2 3 7 3 5 6" xfId="17143"/>
    <cellStyle name="Обычный 2 3 7 3 6" xfId="17144"/>
    <cellStyle name="Обычный 2 3 7 3 6 2" xfId="17145"/>
    <cellStyle name="Обычный 2 3 7 3 6 2 2" xfId="17146"/>
    <cellStyle name="Обычный 2 3 7 3 6 3" xfId="17147"/>
    <cellStyle name="Обычный 2 3 7 3 6 3 2" xfId="17148"/>
    <cellStyle name="Обычный 2 3 7 3 6 4" xfId="17149"/>
    <cellStyle name="Обычный 2 3 7 3 7" xfId="17150"/>
    <cellStyle name="Обычный 2 3 7 3 7 2" xfId="17151"/>
    <cellStyle name="Обычный 2 3 7 3 8" xfId="17152"/>
    <cellStyle name="Обычный 2 3 7 3 8 2" xfId="17153"/>
    <cellStyle name="Обычный 2 3 7 3 9" xfId="17154"/>
    <cellStyle name="Обычный 2 3 7 3 9 2" xfId="17155"/>
    <cellStyle name="Обычный 2 3 7 4" xfId="17156"/>
    <cellStyle name="Обычный 2 3 7 4 2" xfId="17157"/>
    <cellStyle name="Обычный 2 3 7 4 2 2" xfId="17158"/>
    <cellStyle name="Обычный 2 3 7 4 2 2 2" xfId="17159"/>
    <cellStyle name="Обычный 2 3 7 4 2 2 2 2" xfId="17160"/>
    <cellStyle name="Обычный 2 3 7 4 2 2 3" xfId="17161"/>
    <cellStyle name="Обычный 2 3 7 4 2 2 3 2" xfId="17162"/>
    <cellStyle name="Обычный 2 3 7 4 2 2 4" xfId="17163"/>
    <cellStyle name="Обычный 2 3 7 4 2 3" xfId="17164"/>
    <cellStyle name="Обычный 2 3 7 4 2 3 2" xfId="17165"/>
    <cellStyle name="Обычный 2 3 7 4 2 4" xfId="17166"/>
    <cellStyle name="Обычный 2 3 7 4 2 4 2" xfId="17167"/>
    <cellStyle name="Обычный 2 3 7 4 2 5" xfId="17168"/>
    <cellStyle name="Обычный 2 3 7 4 2 5 2" xfId="17169"/>
    <cellStyle name="Обычный 2 3 7 4 2 6" xfId="17170"/>
    <cellStyle name="Обычный 2 3 7 4 3" xfId="17171"/>
    <cellStyle name="Обычный 2 3 7 4 3 2" xfId="17172"/>
    <cellStyle name="Обычный 2 3 7 4 3 2 2" xfId="17173"/>
    <cellStyle name="Обычный 2 3 7 4 3 2 2 2" xfId="17174"/>
    <cellStyle name="Обычный 2 3 7 4 3 2 3" xfId="17175"/>
    <cellStyle name="Обычный 2 3 7 4 3 2 3 2" xfId="17176"/>
    <cellStyle name="Обычный 2 3 7 4 3 2 4" xfId="17177"/>
    <cellStyle name="Обычный 2 3 7 4 3 3" xfId="17178"/>
    <cellStyle name="Обычный 2 3 7 4 3 3 2" xfId="17179"/>
    <cellStyle name="Обычный 2 3 7 4 3 4" xfId="17180"/>
    <cellStyle name="Обычный 2 3 7 4 3 4 2" xfId="17181"/>
    <cellStyle name="Обычный 2 3 7 4 3 5" xfId="17182"/>
    <cellStyle name="Обычный 2 3 7 4 3 5 2" xfId="17183"/>
    <cellStyle name="Обычный 2 3 7 4 3 6" xfId="17184"/>
    <cellStyle name="Обычный 2 3 7 4 4" xfId="17185"/>
    <cellStyle name="Обычный 2 3 7 4 4 2" xfId="17186"/>
    <cellStyle name="Обычный 2 3 7 4 4 2 2" xfId="17187"/>
    <cellStyle name="Обычный 2 3 7 4 4 2 2 2" xfId="17188"/>
    <cellStyle name="Обычный 2 3 7 4 4 2 3" xfId="17189"/>
    <cellStyle name="Обычный 2 3 7 4 4 2 3 2" xfId="17190"/>
    <cellStyle name="Обычный 2 3 7 4 4 2 4" xfId="17191"/>
    <cellStyle name="Обычный 2 3 7 4 4 3" xfId="17192"/>
    <cellStyle name="Обычный 2 3 7 4 4 3 2" xfId="17193"/>
    <cellStyle name="Обычный 2 3 7 4 4 4" xfId="17194"/>
    <cellStyle name="Обычный 2 3 7 4 4 4 2" xfId="17195"/>
    <cellStyle name="Обычный 2 3 7 4 4 5" xfId="17196"/>
    <cellStyle name="Обычный 2 3 7 4 4 5 2" xfId="17197"/>
    <cellStyle name="Обычный 2 3 7 4 4 6" xfId="17198"/>
    <cellStyle name="Обычный 2 3 7 4 5" xfId="17199"/>
    <cellStyle name="Обычный 2 3 7 4 5 2" xfId="17200"/>
    <cellStyle name="Обычный 2 3 7 4 5 2 2" xfId="17201"/>
    <cellStyle name="Обычный 2 3 7 4 5 3" xfId="17202"/>
    <cellStyle name="Обычный 2 3 7 4 5 3 2" xfId="17203"/>
    <cellStyle name="Обычный 2 3 7 4 5 4" xfId="17204"/>
    <cellStyle name="Обычный 2 3 7 4 6" xfId="17205"/>
    <cellStyle name="Обычный 2 3 7 4 6 2" xfId="17206"/>
    <cellStyle name="Обычный 2 3 7 4 7" xfId="17207"/>
    <cellStyle name="Обычный 2 3 7 4 7 2" xfId="17208"/>
    <cellStyle name="Обычный 2 3 7 4 8" xfId="17209"/>
    <cellStyle name="Обычный 2 3 7 4 8 2" xfId="17210"/>
    <cellStyle name="Обычный 2 3 7 4 9" xfId="17211"/>
    <cellStyle name="Обычный 2 3 7 5" xfId="17212"/>
    <cellStyle name="Обычный 2 3 7 5 2" xfId="17213"/>
    <cellStyle name="Обычный 2 3 7 5 2 2" xfId="17214"/>
    <cellStyle name="Обычный 2 3 7 5 2 2 2" xfId="17215"/>
    <cellStyle name="Обычный 2 3 7 5 2 3" xfId="17216"/>
    <cellStyle name="Обычный 2 3 7 5 2 3 2" xfId="17217"/>
    <cellStyle name="Обычный 2 3 7 5 2 4" xfId="17218"/>
    <cellStyle name="Обычный 2 3 7 5 3" xfId="17219"/>
    <cellStyle name="Обычный 2 3 7 5 3 2" xfId="17220"/>
    <cellStyle name="Обычный 2 3 7 5 4" xfId="17221"/>
    <cellStyle name="Обычный 2 3 7 5 4 2" xfId="17222"/>
    <cellStyle name="Обычный 2 3 7 5 5" xfId="17223"/>
    <cellStyle name="Обычный 2 3 7 5 5 2" xfId="17224"/>
    <cellStyle name="Обычный 2 3 7 5 6" xfId="17225"/>
    <cellStyle name="Обычный 2 3 7 6" xfId="17226"/>
    <cellStyle name="Обычный 2 3 7 6 2" xfId="17227"/>
    <cellStyle name="Обычный 2 3 7 6 2 2" xfId="17228"/>
    <cellStyle name="Обычный 2 3 7 6 2 2 2" xfId="17229"/>
    <cellStyle name="Обычный 2 3 7 6 2 3" xfId="17230"/>
    <cellStyle name="Обычный 2 3 7 6 2 3 2" xfId="17231"/>
    <cellStyle name="Обычный 2 3 7 6 2 4" xfId="17232"/>
    <cellStyle name="Обычный 2 3 7 6 3" xfId="17233"/>
    <cellStyle name="Обычный 2 3 7 6 3 2" xfId="17234"/>
    <cellStyle name="Обычный 2 3 7 6 4" xfId="17235"/>
    <cellStyle name="Обычный 2 3 7 6 4 2" xfId="17236"/>
    <cellStyle name="Обычный 2 3 7 6 5" xfId="17237"/>
    <cellStyle name="Обычный 2 3 7 6 5 2" xfId="17238"/>
    <cellStyle name="Обычный 2 3 7 6 6" xfId="17239"/>
    <cellStyle name="Обычный 2 3 7 7" xfId="17240"/>
    <cellStyle name="Обычный 2 3 7 7 2" xfId="17241"/>
    <cellStyle name="Обычный 2 3 7 7 2 2" xfId="17242"/>
    <cellStyle name="Обычный 2 3 7 7 2 2 2" xfId="17243"/>
    <cellStyle name="Обычный 2 3 7 7 2 3" xfId="17244"/>
    <cellStyle name="Обычный 2 3 7 7 2 3 2" xfId="17245"/>
    <cellStyle name="Обычный 2 3 7 7 2 4" xfId="17246"/>
    <cellStyle name="Обычный 2 3 7 7 3" xfId="17247"/>
    <cellStyle name="Обычный 2 3 7 7 3 2" xfId="17248"/>
    <cellStyle name="Обычный 2 3 7 7 4" xfId="17249"/>
    <cellStyle name="Обычный 2 3 7 7 4 2" xfId="17250"/>
    <cellStyle name="Обычный 2 3 7 7 5" xfId="17251"/>
    <cellStyle name="Обычный 2 3 7 7 5 2" xfId="17252"/>
    <cellStyle name="Обычный 2 3 7 7 6" xfId="17253"/>
    <cellStyle name="Обычный 2 3 7 8" xfId="17254"/>
    <cellStyle name="Обычный 2 3 7 8 2" xfId="17255"/>
    <cellStyle name="Обычный 2 3 7 8 2 2" xfId="17256"/>
    <cellStyle name="Обычный 2 3 7 8 2 2 2" xfId="17257"/>
    <cellStyle name="Обычный 2 3 7 8 2 3" xfId="17258"/>
    <cellStyle name="Обычный 2 3 7 8 2 3 2" xfId="17259"/>
    <cellStyle name="Обычный 2 3 7 8 2 4" xfId="17260"/>
    <cellStyle name="Обычный 2 3 7 8 3" xfId="17261"/>
    <cellStyle name="Обычный 2 3 7 8 3 2" xfId="17262"/>
    <cellStyle name="Обычный 2 3 7 8 4" xfId="17263"/>
    <cellStyle name="Обычный 2 3 7 8 4 2" xfId="17264"/>
    <cellStyle name="Обычный 2 3 7 8 5" xfId="17265"/>
    <cellStyle name="Обычный 2 3 7 8 5 2" xfId="17266"/>
    <cellStyle name="Обычный 2 3 7 8 6" xfId="17267"/>
    <cellStyle name="Обычный 2 3 7 9" xfId="17268"/>
    <cellStyle name="Обычный 2 3 7 9 2" xfId="17269"/>
    <cellStyle name="Обычный 2 3 7 9 2 2" xfId="17270"/>
    <cellStyle name="Обычный 2 3 7 9 3" xfId="17271"/>
    <cellStyle name="Обычный 2 3 7 9 3 2" xfId="17272"/>
    <cellStyle name="Обычный 2 3 7 9 4" xfId="17273"/>
    <cellStyle name="Обычный 2 3 8" xfId="17274"/>
    <cellStyle name="Обычный 2 3 8 10" xfId="17275"/>
    <cellStyle name="Обычный 2 3 8 10 2" xfId="17276"/>
    <cellStyle name="Обычный 2 3 8 10 2 2" xfId="17277"/>
    <cellStyle name="Обычный 2 3 8 10 3" xfId="17278"/>
    <cellStyle name="Обычный 2 3 8 11" xfId="17279"/>
    <cellStyle name="Обычный 2 3 8 11 2" xfId="17280"/>
    <cellStyle name="Обычный 2 3 8 12" xfId="17281"/>
    <cellStyle name="Обычный 2 3 8 12 2" xfId="17282"/>
    <cellStyle name="Обычный 2 3 8 13" xfId="17283"/>
    <cellStyle name="Обычный 2 3 8 14" xfId="17284"/>
    <cellStyle name="Обычный 2 3 8 2" xfId="17285"/>
    <cellStyle name="Обычный 2 3 8 2 10" xfId="17286"/>
    <cellStyle name="Обычный 2 3 8 2 10 2" xfId="17287"/>
    <cellStyle name="Обычный 2 3 8 2 11" xfId="17288"/>
    <cellStyle name="Обычный 2 3 8 2 11 2" xfId="17289"/>
    <cellStyle name="Обычный 2 3 8 2 12" xfId="17290"/>
    <cellStyle name="Обычный 2 3 8 2 13" xfId="17291"/>
    <cellStyle name="Обычный 2 3 8 2 2" xfId="17292"/>
    <cellStyle name="Обычный 2 3 8 2 2 10" xfId="17293"/>
    <cellStyle name="Обычный 2 3 8 2 2 2" xfId="17294"/>
    <cellStyle name="Обычный 2 3 8 2 2 2 2" xfId="17295"/>
    <cellStyle name="Обычный 2 3 8 2 2 2 2 2" xfId="17296"/>
    <cellStyle name="Обычный 2 3 8 2 2 2 2 2 2" xfId="17297"/>
    <cellStyle name="Обычный 2 3 8 2 2 2 2 3" xfId="17298"/>
    <cellStyle name="Обычный 2 3 8 2 2 2 2 3 2" xfId="17299"/>
    <cellStyle name="Обычный 2 3 8 2 2 2 2 4" xfId="17300"/>
    <cellStyle name="Обычный 2 3 8 2 2 2 3" xfId="17301"/>
    <cellStyle name="Обычный 2 3 8 2 2 2 3 2" xfId="17302"/>
    <cellStyle name="Обычный 2 3 8 2 2 2 4" xfId="17303"/>
    <cellStyle name="Обычный 2 3 8 2 2 2 4 2" xfId="17304"/>
    <cellStyle name="Обычный 2 3 8 2 2 2 5" xfId="17305"/>
    <cellStyle name="Обычный 2 3 8 2 2 2 5 2" xfId="17306"/>
    <cellStyle name="Обычный 2 3 8 2 2 2 6" xfId="17307"/>
    <cellStyle name="Обычный 2 3 8 2 2 3" xfId="17308"/>
    <cellStyle name="Обычный 2 3 8 2 2 3 2" xfId="17309"/>
    <cellStyle name="Обычный 2 3 8 2 2 3 2 2" xfId="17310"/>
    <cellStyle name="Обычный 2 3 8 2 2 3 2 2 2" xfId="17311"/>
    <cellStyle name="Обычный 2 3 8 2 2 3 2 3" xfId="17312"/>
    <cellStyle name="Обычный 2 3 8 2 2 3 2 3 2" xfId="17313"/>
    <cellStyle name="Обычный 2 3 8 2 2 3 2 4" xfId="17314"/>
    <cellStyle name="Обычный 2 3 8 2 2 3 3" xfId="17315"/>
    <cellStyle name="Обычный 2 3 8 2 2 3 3 2" xfId="17316"/>
    <cellStyle name="Обычный 2 3 8 2 2 3 4" xfId="17317"/>
    <cellStyle name="Обычный 2 3 8 2 2 3 4 2" xfId="17318"/>
    <cellStyle name="Обычный 2 3 8 2 2 3 5" xfId="17319"/>
    <cellStyle name="Обычный 2 3 8 2 2 3 5 2" xfId="17320"/>
    <cellStyle name="Обычный 2 3 8 2 2 3 6" xfId="17321"/>
    <cellStyle name="Обычный 2 3 8 2 2 4" xfId="17322"/>
    <cellStyle name="Обычный 2 3 8 2 2 4 2" xfId="17323"/>
    <cellStyle name="Обычный 2 3 8 2 2 4 2 2" xfId="17324"/>
    <cellStyle name="Обычный 2 3 8 2 2 4 2 2 2" xfId="17325"/>
    <cellStyle name="Обычный 2 3 8 2 2 4 2 3" xfId="17326"/>
    <cellStyle name="Обычный 2 3 8 2 2 4 2 3 2" xfId="17327"/>
    <cellStyle name="Обычный 2 3 8 2 2 4 2 4" xfId="17328"/>
    <cellStyle name="Обычный 2 3 8 2 2 4 3" xfId="17329"/>
    <cellStyle name="Обычный 2 3 8 2 2 4 3 2" xfId="17330"/>
    <cellStyle name="Обычный 2 3 8 2 2 4 4" xfId="17331"/>
    <cellStyle name="Обычный 2 3 8 2 2 4 4 2" xfId="17332"/>
    <cellStyle name="Обычный 2 3 8 2 2 4 5" xfId="17333"/>
    <cellStyle name="Обычный 2 3 8 2 2 4 5 2" xfId="17334"/>
    <cellStyle name="Обычный 2 3 8 2 2 4 6" xfId="17335"/>
    <cellStyle name="Обычный 2 3 8 2 2 5" xfId="17336"/>
    <cellStyle name="Обычный 2 3 8 2 2 5 2" xfId="17337"/>
    <cellStyle name="Обычный 2 3 8 2 2 5 2 2" xfId="17338"/>
    <cellStyle name="Обычный 2 3 8 2 2 5 2 2 2" xfId="17339"/>
    <cellStyle name="Обычный 2 3 8 2 2 5 2 3" xfId="17340"/>
    <cellStyle name="Обычный 2 3 8 2 2 5 2 3 2" xfId="17341"/>
    <cellStyle name="Обычный 2 3 8 2 2 5 2 4" xfId="17342"/>
    <cellStyle name="Обычный 2 3 8 2 2 5 3" xfId="17343"/>
    <cellStyle name="Обычный 2 3 8 2 2 5 3 2" xfId="17344"/>
    <cellStyle name="Обычный 2 3 8 2 2 5 4" xfId="17345"/>
    <cellStyle name="Обычный 2 3 8 2 2 5 4 2" xfId="17346"/>
    <cellStyle name="Обычный 2 3 8 2 2 5 5" xfId="17347"/>
    <cellStyle name="Обычный 2 3 8 2 2 5 5 2" xfId="17348"/>
    <cellStyle name="Обычный 2 3 8 2 2 5 6" xfId="17349"/>
    <cellStyle name="Обычный 2 3 8 2 2 6" xfId="17350"/>
    <cellStyle name="Обычный 2 3 8 2 2 6 2" xfId="17351"/>
    <cellStyle name="Обычный 2 3 8 2 2 6 2 2" xfId="17352"/>
    <cellStyle name="Обычный 2 3 8 2 2 6 3" xfId="17353"/>
    <cellStyle name="Обычный 2 3 8 2 2 6 3 2" xfId="17354"/>
    <cellStyle name="Обычный 2 3 8 2 2 6 4" xfId="17355"/>
    <cellStyle name="Обычный 2 3 8 2 2 7" xfId="17356"/>
    <cellStyle name="Обычный 2 3 8 2 2 7 2" xfId="17357"/>
    <cellStyle name="Обычный 2 3 8 2 2 8" xfId="17358"/>
    <cellStyle name="Обычный 2 3 8 2 2 8 2" xfId="17359"/>
    <cellStyle name="Обычный 2 3 8 2 2 9" xfId="17360"/>
    <cellStyle name="Обычный 2 3 8 2 2 9 2" xfId="17361"/>
    <cellStyle name="Обычный 2 3 8 2 3" xfId="17362"/>
    <cellStyle name="Обычный 2 3 8 2 3 2" xfId="17363"/>
    <cellStyle name="Обычный 2 3 8 2 3 2 2" xfId="17364"/>
    <cellStyle name="Обычный 2 3 8 2 3 2 2 2" xfId="17365"/>
    <cellStyle name="Обычный 2 3 8 2 3 2 2 2 2" xfId="17366"/>
    <cellStyle name="Обычный 2 3 8 2 3 2 2 3" xfId="17367"/>
    <cellStyle name="Обычный 2 3 8 2 3 2 2 3 2" xfId="17368"/>
    <cellStyle name="Обычный 2 3 8 2 3 2 2 4" xfId="17369"/>
    <cellStyle name="Обычный 2 3 8 2 3 2 3" xfId="17370"/>
    <cellStyle name="Обычный 2 3 8 2 3 2 3 2" xfId="17371"/>
    <cellStyle name="Обычный 2 3 8 2 3 2 4" xfId="17372"/>
    <cellStyle name="Обычный 2 3 8 2 3 2 4 2" xfId="17373"/>
    <cellStyle name="Обычный 2 3 8 2 3 2 5" xfId="17374"/>
    <cellStyle name="Обычный 2 3 8 2 3 2 5 2" xfId="17375"/>
    <cellStyle name="Обычный 2 3 8 2 3 2 6" xfId="17376"/>
    <cellStyle name="Обычный 2 3 8 2 3 3" xfId="17377"/>
    <cellStyle name="Обычный 2 3 8 2 3 3 2" xfId="17378"/>
    <cellStyle name="Обычный 2 3 8 2 3 3 2 2" xfId="17379"/>
    <cellStyle name="Обычный 2 3 8 2 3 3 2 2 2" xfId="17380"/>
    <cellStyle name="Обычный 2 3 8 2 3 3 2 3" xfId="17381"/>
    <cellStyle name="Обычный 2 3 8 2 3 3 2 3 2" xfId="17382"/>
    <cellStyle name="Обычный 2 3 8 2 3 3 2 4" xfId="17383"/>
    <cellStyle name="Обычный 2 3 8 2 3 3 3" xfId="17384"/>
    <cellStyle name="Обычный 2 3 8 2 3 3 3 2" xfId="17385"/>
    <cellStyle name="Обычный 2 3 8 2 3 3 4" xfId="17386"/>
    <cellStyle name="Обычный 2 3 8 2 3 3 4 2" xfId="17387"/>
    <cellStyle name="Обычный 2 3 8 2 3 3 5" xfId="17388"/>
    <cellStyle name="Обычный 2 3 8 2 3 3 5 2" xfId="17389"/>
    <cellStyle name="Обычный 2 3 8 2 3 3 6" xfId="17390"/>
    <cellStyle name="Обычный 2 3 8 2 3 4" xfId="17391"/>
    <cellStyle name="Обычный 2 3 8 2 3 4 2" xfId="17392"/>
    <cellStyle name="Обычный 2 3 8 2 3 4 2 2" xfId="17393"/>
    <cellStyle name="Обычный 2 3 8 2 3 4 2 2 2" xfId="17394"/>
    <cellStyle name="Обычный 2 3 8 2 3 4 2 3" xfId="17395"/>
    <cellStyle name="Обычный 2 3 8 2 3 4 2 3 2" xfId="17396"/>
    <cellStyle name="Обычный 2 3 8 2 3 4 2 4" xfId="17397"/>
    <cellStyle name="Обычный 2 3 8 2 3 4 3" xfId="17398"/>
    <cellStyle name="Обычный 2 3 8 2 3 4 3 2" xfId="17399"/>
    <cellStyle name="Обычный 2 3 8 2 3 4 4" xfId="17400"/>
    <cellStyle name="Обычный 2 3 8 2 3 4 4 2" xfId="17401"/>
    <cellStyle name="Обычный 2 3 8 2 3 4 5" xfId="17402"/>
    <cellStyle name="Обычный 2 3 8 2 3 4 5 2" xfId="17403"/>
    <cellStyle name="Обычный 2 3 8 2 3 4 6" xfId="17404"/>
    <cellStyle name="Обычный 2 3 8 2 3 5" xfId="17405"/>
    <cellStyle name="Обычный 2 3 8 2 3 5 2" xfId="17406"/>
    <cellStyle name="Обычный 2 3 8 2 3 5 2 2" xfId="17407"/>
    <cellStyle name="Обычный 2 3 8 2 3 5 3" xfId="17408"/>
    <cellStyle name="Обычный 2 3 8 2 3 5 3 2" xfId="17409"/>
    <cellStyle name="Обычный 2 3 8 2 3 5 4" xfId="17410"/>
    <cellStyle name="Обычный 2 3 8 2 3 6" xfId="17411"/>
    <cellStyle name="Обычный 2 3 8 2 3 6 2" xfId="17412"/>
    <cellStyle name="Обычный 2 3 8 2 3 7" xfId="17413"/>
    <cellStyle name="Обычный 2 3 8 2 3 7 2" xfId="17414"/>
    <cellStyle name="Обычный 2 3 8 2 3 8" xfId="17415"/>
    <cellStyle name="Обычный 2 3 8 2 3 8 2" xfId="17416"/>
    <cellStyle name="Обычный 2 3 8 2 3 9" xfId="17417"/>
    <cellStyle name="Обычный 2 3 8 2 4" xfId="17418"/>
    <cellStyle name="Обычный 2 3 8 2 4 2" xfId="17419"/>
    <cellStyle name="Обычный 2 3 8 2 4 2 2" xfId="17420"/>
    <cellStyle name="Обычный 2 3 8 2 4 2 2 2" xfId="17421"/>
    <cellStyle name="Обычный 2 3 8 2 4 2 3" xfId="17422"/>
    <cellStyle name="Обычный 2 3 8 2 4 2 3 2" xfId="17423"/>
    <cellStyle name="Обычный 2 3 8 2 4 2 4" xfId="17424"/>
    <cellStyle name="Обычный 2 3 8 2 4 3" xfId="17425"/>
    <cellStyle name="Обычный 2 3 8 2 4 3 2" xfId="17426"/>
    <cellStyle name="Обычный 2 3 8 2 4 4" xfId="17427"/>
    <cellStyle name="Обычный 2 3 8 2 4 4 2" xfId="17428"/>
    <cellStyle name="Обычный 2 3 8 2 4 5" xfId="17429"/>
    <cellStyle name="Обычный 2 3 8 2 4 5 2" xfId="17430"/>
    <cellStyle name="Обычный 2 3 8 2 4 6" xfId="17431"/>
    <cellStyle name="Обычный 2 3 8 2 5" xfId="17432"/>
    <cellStyle name="Обычный 2 3 8 2 5 2" xfId="17433"/>
    <cellStyle name="Обычный 2 3 8 2 5 2 2" xfId="17434"/>
    <cellStyle name="Обычный 2 3 8 2 5 2 2 2" xfId="17435"/>
    <cellStyle name="Обычный 2 3 8 2 5 2 3" xfId="17436"/>
    <cellStyle name="Обычный 2 3 8 2 5 2 3 2" xfId="17437"/>
    <cellStyle name="Обычный 2 3 8 2 5 2 4" xfId="17438"/>
    <cellStyle name="Обычный 2 3 8 2 5 3" xfId="17439"/>
    <cellStyle name="Обычный 2 3 8 2 5 3 2" xfId="17440"/>
    <cellStyle name="Обычный 2 3 8 2 5 4" xfId="17441"/>
    <cellStyle name="Обычный 2 3 8 2 5 4 2" xfId="17442"/>
    <cellStyle name="Обычный 2 3 8 2 5 5" xfId="17443"/>
    <cellStyle name="Обычный 2 3 8 2 5 5 2" xfId="17444"/>
    <cellStyle name="Обычный 2 3 8 2 5 6" xfId="17445"/>
    <cellStyle name="Обычный 2 3 8 2 6" xfId="17446"/>
    <cellStyle name="Обычный 2 3 8 2 6 2" xfId="17447"/>
    <cellStyle name="Обычный 2 3 8 2 6 2 2" xfId="17448"/>
    <cellStyle name="Обычный 2 3 8 2 6 2 2 2" xfId="17449"/>
    <cellStyle name="Обычный 2 3 8 2 6 2 3" xfId="17450"/>
    <cellStyle name="Обычный 2 3 8 2 6 2 3 2" xfId="17451"/>
    <cellStyle name="Обычный 2 3 8 2 6 2 4" xfId="17452"/>
    <cellStyle name="Обычный 2 3 8 2 6 3" xfId="17453"/>
    <cellStyle name="Обычный 2 3 8 2 6 3 2" xfId="17454"/>
    <cellStyle name="Обычный 2 3 8 2 6 4" xfId="17455"/>
    <cellStyle name="Обычный 2 3 8 2 6 4 2" xfId="17456"/>
    <cellStyle name="Обычный 2 3 8 2 6 5" xfId="17457"/>
    <cellStyle name="Обычный 2 3 8 2 6 5 2" xfId="17458"/>
    <cellStyle name="Обычный 2 3 8 2 6 6" xfId="17459"/>
    <cellStyle name="Обычный 2 3 8 2 7" xfId="17460"/>
    <cellStyle name="Обычный 2 3 8 2 7 2" xfId="17461"/>
    <cellStyle name="Обычный 2 3 8 2 7 2 2" xfId="17462"/>
    <cellStyle name="Обычный 2 3 8 2 7 2 2 2" xfId="17463"/>
    <cellStyle name="Обычный 2 3 8 2 7 2 3" xfId="17464"/>
    <cellStyle name="Обычный 2 3 8 2 7 2 3 2" xfId="17465"/>
    <cellStyle name="Обычный 2 3 8 2 7 2 4" xfId="17466"/>
    <cellStyle name="Обычный 2 3 8 2 7 3" xfId="17467"/>
    <cellStyle name="Обычный 2 3 8 2 7 3 2" xfId="17468"/>
    <cellStyle name="Обычный 2 3 8 2 7 4" xfId="17469"/>
    <cellStyle name="Обычный 2 3 8 2 7 4 2" xfId="17470"/>
    <cellStyle name="Обычный 2 3 8 2 7 5" xfId="17471"/>
    <cellStyle name="Обычный 2 3 8 2 7 5 2" xfId="17472"/>
    <cellStyle name="Обычный 2 3 8 2 7 6" xfId="17473"/>
    <cellStyle name="Обычный 2 3 8 2 8" xfId="17474"/>
    <cellStyle name="Обычный 2 3 8 2 8 2" xfId="17475"/>
    <cellStyle name="Обычный 2 3 8 2 8 2 2" xfId="17476"/>
    <cellStyle name="Обычный 2 3 8 2 8 3" xfId="17477"/>
    <cellStyle name="Обычный 2 3 8 2 8 3 2" xfId="17478"/>
    <cellStyle name="Обычный 2 3 8 2 8 4" xfId="17479"/>
    <cellStyle name="Обычный 2 3 8 2 9" xfId="17480"/>
    <cellStyle name="Обычный 2 3 8 2 9 2" xfId="17481"/>
    <cellStyle name="Обычный 2 3 8 2 9 2 2" xfId="17482"/>
    <cellStyle name="Обычный 2 3 8 2 9 3" xfId="17483"/>
    <cellStyle name="Обычный 2 3 8 3" xfId="17484"/>
    <cellStyle name="Обычный 2 3 8 3 10" xfId="17485"/>
    <cellStyle name="Обычный 2 3 8 3 2" xfId="17486"/>
    <cellStyle name="Обычный 2 3 8 3 2 2" xfId="17487"/>
    <cellStyle name="Обычный 2 3 8 3 2 2 2" xfId="17488"/>
    <cellStyle name="Обычный 2 3 8 3 2 2 2 2" xfId="17489"/>
    <cellStyle name="Обычный 2 3 8 3 2 2 3" xfId="17490"/>
    <cellStyle name="Обычный 2 3 8 3 2 2 3 2" xfId="17491"/>
    <cellStyle name="Обычный 2 3 8 3 2 2 4" xfId="17492"/>
    <cellStyle name="Обычный 2 3 8 3 2 3" xfId="17493"/>
    <cellStyle name="Обычный 2 3 8 3 2 3 2" xfId="17494"/>
    <cellStyle name="Обычный 2 3 8 3 2 4" xfId="17495"/>
    <cellStyle name="Обычный 2 3 8 3 2 4 2" xfId="17496"/>
    <cellStyle name="Обычный 2 3 8 3 2 5" xfId="17497"/>
    <cellStyle name="Обычный 2 3 8 3 2 5 2" xfId="17498"/>
    <cellStyle name="Обычный 2 3 8 3 2 6" xfId="17499"/>
    <cellStyle name="Обычный 2 3 8 3 3" xfId="17500"/>
    <cellStyle name="Обычный 2 3 8 3 3 2" xfId="17501"/>
    <cellStyle name="Обычный 2 3 8 3 3 2 2" xfId="17502"/>
    <cellStyle name="Обычный 2 3 8 3 3 2 2 2" xfId="17503"/>
    <cellStyle name="Обычный 2 3 8 3 3 2 3" xfId="17504"/>
    <cellStyle name="Обычный 2 3 8 3 3 2 3 2" xfId="17505"/>
    <cellStyle name="Обычный 2 3 8 3 3 2 4" xfId="17506"/>
    <cellStyle name="Обычный 2 3 8 3 3 3" xfId="17507"/>
    <cellStyle name="Обычный 2 3 8 3 3 3 2" xfId="17508"/>
    <cellStyle name="Обычный 2 3 8 3 3 4" xfId="17509"/>
    <cellStyle name="Обычный 2 3 8 3 3 4 2" xfId="17510"/>
    <cellStyle name="Обычный 2 3 8 3 3 5" xfId="17511"/>
    <cellStyle name="Обычный 2 3 8 3 3 5 2" xfId="17512"/>
    <cellStyle name="Обычный 2 3 8 3 3 6" xfId="17513"/>
    <cellStyle name="Обычный 2 3 8 3 4" xfId="17514"/>
    <cellStyle name="Обычный 2 3 8 3 4 2" xfId="17515"/>
    <cellStyle name="Обычный 2 3 8 3 4 2 2" xfId="17516"/>
    <cellStyle name="Обычный 2 3 8 3 4 2 2 2" xfId="17517"/>
    <cellStyle name="Обычный 2 3 8 3 4 2 3" xfId="17518"/>
    <cellStyle name="Обычный 2 3 8 3 4 2 3 2" xfId="17519"/>
    <cellStyle name="Обычный 2 3 8 3 4 2 4" xfId="17520"/>
    <cellStyle name="Обычный 2 3 8 3 4 3" xfId="17521"/>
    <cellStyle name="Обычный 2 3 8 3 4 3 2" xfId="17522"/>
    <cellStyle name="Обычный 2 3 8 3 4 4" xfId="17523"/>
    <cellStyle name="Обычный 2 3 8 3 4 4 2" xfId="17524"/>
    <cellStyle name="Обычный 2 3 8 3 4 5" xfId="17525"/>
    <cellStyle name="Обычный 2 3 8 3 4 5 2" xfId="17526"/>
    <cellStyle name="Обычный 2 3 8 3 4 6" xfId="17527"/>
    <cellStyle name="Обычный 2 3 8 3 5" xfId="17528"/>
    <cellStyle name="Обычный 2 3 8 3 5 2" xfId="17529"/>
    <cellStyle name="Обычный 2 3 8 3 5 2 2" xfId="17530"/>
    <cellStyle name="Обычный 2 3 8 3 5 2 2 2" xfId="17531"/>
    <cellStyle name="Обычный 2 3 8 3 5 2 3" xfId="17532"/>
    <cellStyle name="Обычный 2 3 8 3 5 2 3 2" xfId="17533"/>
    <cellStyle name="Обычный 2 3 8 3 5 2 4" xfId="17534"/>
    <cellStyle name="Обычный 2 3 8 3 5 3" xfId="17535"/>
    <cellStyle name="Обычный 2 3 8 3 5 3 2" xfId="17536"/>
    <cellStyle name="Обычный 2 3 8 3 5 4" xfId="17537"/>
    <cellStyle name="Обычный 2 3 8 3 5 4 2" xfId="17538"/>
    <cellStyle name="Обычный 2 3 8 3 5 5" xfId="17539"/>
    <cellStyle name="Обычный 2 3 8 3 5 5 2" xfId="17540"/>
    <cellStyle name="Обычный 2 3 8 3 5 6" xfId="17541"/>
    <cellStyle name="Обычный 2 3 8 3 6" xfId="17542"/>
    <cellStyle name="Обычный 2 3 8 3 6 2" xfId="17543"/>
    <cellStyle name="Обычный 2 3 8 3 6 2 2" xfId="17544"/>
    <cellStyle name="Обычный 2 3 8 3 6 3" xfId="17545"/>
    <cellStyle name="Обычный 2 3 8 3 6 3 2" xfId="17546"/>
    <cellStyle name="Обычный 2 3 8 3 6 4" xfId="17547"/>
    <cellStyle name="Обычный 2 3 8 3 7" xfId="17548"/>
    <cellStyle name="Обычный 2 3 8 3 7 2" xfId="17549"/>
    <cellStyle name="Обычный 2 3 8 3 8" xfId="17550"/>
    <cellStyle name="Обычный 2 3 8 3 8 2" xfId="17551"/>
    <cellStyle name="Обычный 2 3 8 3 9" xfId="17552"/>
    <cellStyle name="Обычный 2 3 8 3 9 2" xfId="17553"/>
    <cellStyle name="Обычный 2 3 8 4" xfId="17554"/>
    <cellStyle name="Обычный 2 3 8 4 2" xfId="17555"/>
    <cellStyle name="Обычный 2 3 8 4 2 2" xfId="17556"/>
    <cellStyle name="Обычный 2 3 8 4 2 2 2" xfId="17557"/>
    <cellStyle name="Обычный 2 3 8 4 2 2 2 2" xfId="17558"/>
    <cellStyle name="Обычный 2 3 8 4 2 2 3" xfId="17559"/>
    <cellStyle name="Обычный 2 3 8 4 2 2 3 2" xfId="17560"/>
    <cellStyle name="Обычный 2 3 8 4 2 2 4" xfId="17561"/>
    <cellStyle name="Обычный 2 3 8 4 2 3" xfId="17562"/>
    <cellStyle name="Обычный 2 3 8 4 2 3 2" xfId="17563"/>
    <cellStyle name="Обычный 2 3 8 4 2 4" xfId="17564"/>
    <cellStyle name="Обычный 2 3 8 4 2 4 2" xfId="17565"/>
    <cellStyle name="Обычный 2 3 8 4 2 5" xfId="17566"/>
    <cellStyle name="Обычный 2 3 8 4 2 5 2" xfId="17567"/>
    <cellStyle name="Обычный 2 3 8 4 2 6" xfId="17568"/>
    <cellStyle name="Обычный 2 3 8 4 3" xfId="17569"/>
    <cellStyle name="Обычный 2 3 8 4 3 2" xfId="17570"/>
    <cellStyle name="Обычный 2 3 8 4 3 2 2" xfId="17571"/>
    <cellStyle name="Обычный 2 3 8 4 3 2 2 2" xfId="17572"/>
    <cellStyle name="Обычный 2 3 8 4 3 2 3" xfId="17573"/>
    <cellStyle name="Обычный 2 3 8 4 3 2 3 2" xfId="17574"/>
    <cellStyle name="Обычный 2 3 8 4 3 2 4" xfId="17575"/>
    <cellStyle name="Обычный 2 3 8 4 3 3" xfId="17576"/>
    <cellStyle name="Обычный 2 3 8 4 3 3 2" xfId="17577"/>
    <cellStyle name="Обычный 2 3 8 4 3 4" xfId="17578"/>
    <cellStyle name="Обычный 2 3 8 4 3 4 2" xfId="17579"/>
    <cellStyle name="Обычный 2 3 8 4 3 5" xfId="17580"/>
    <cellStyle name="Обычный 2 3 8 4 3 5 2" xfId="17581"/>
    <cellStyle name="Обычный 2 3 8 4 3 6" xfId="17582"/>
    <cellStyle name="Обычный 2 3 8 4 4" xfId="17583"/>
    <cellStyle name="Обычный 2 3 8 4 4 2" xfId="17584"/>
    <cellStyle name="Обычный 2 3 8 4 4 2 2" xfId="17585"/>
    <cellStyle name="Обычный 2 3 8 4 4 2 2 2" xfId="17586"/>
    <cellStyle name="Обычный 2 3 8 4 4 2 3" xfId="17587"/>
    <cellStyle name="Обычный 2 3 8 4 4 2 3 2" xfId="17588"/>
    <cellStyle name="Обычный 2 3 8 4 4 2 4" xfId="17589"/>
    <cellStyle name="Обычный 2 3 8 4 4 3" xfId="17590"/>
    <cellStyle name="Обычный 2 3 8 4 4 3 2" xfId="17591"/>
    <cellStyle name="Обычный 2 3 8 4 4 4" xfId="17592"/>
    <cellStyle name="Обычный 2 3 8 4 4 4 2" xfId="17593"/>
    <cellStyle name="Обычный 2 3 8 4 4 5" xfId="17594"/>
    <cellStyle name="Обычный 2 3 8 4 4 5 2" xfId="17595"/>
    <cellStyle name="Обычный 2 3 8 4 4 6" xfId="17596"/>
    <cellStyle name="Обычный 2 3 8 4 5" xfId="17597"/>
    <cellStyle name="Обычный 2 3 8 4 5 2" xfId="17598"/>
    <cellStyle name="Обычный 2 3 8 4 5 2 2" xfId="17599"/>
    <cellStyle name="Обычный 2 3 8 4 5 3" xfId="17600"/>
    <cellStyle name="Обычный 2 3 8 4 5 3 2" xfId="17601"/>
    <cellStyle name="Обычный 2 3 8 4 5 4" xfId="17602"/>
    <cellStyle name="Обычный 2 3 8 4 6" xfId="17603"/>
    <cellStyle name="Обычный 2 3 8 4 6 2" xfId="17604"/>
    <cellStyle name="Обычный 2 3 8 4 7" xfId="17605"/>
    <cellStyle name="Обычный 2 3 8 4 7 2" xfId="17606"/>
    <cellStyle name="Обычный 2 3 8 4 8" xfId="17607"/>
    <cellStyle name="Обычный 2 3 8 4 8 2" xfId="17608"/>
    <cellStyle name="Обычный 2 3 8 4 9" xfId="17609"/>
    <cellStyle name="Обычный 2 3 8 5" xfId="17610"/>
    <cellStyle name="Обычный 2 3 8 5 2" xfId="17611"/>
    <cellStyle name="Обычный 2 3 8 5 2 2" xfId="17612"/>
    <cellStyle name="Обычный 2 3 8 5 2 2 2" xfId="17613"/>
    <cellStyle name="Обычный 2 3 8 5 2 3" xfId="17614"/>
    <cellStyle name="Обычный 2 3 8 5 2 3 2" xfId="17615"/>
    <cellStyle name="Обычный 2 3 8 5 2 4" xfId="17616"/>
    <cellStyle name="Обычный 2 3 8 5 3" xfId="17617"/>
    <cellStyle name="Обычный 2 3 8 5 3 2" xfId="17618"/>
    <cellStyle name="Обычный 2 3 8 5 4" xfId="17619"/>
    <cellStyle name="Обычный 2 3 8 5 4 2" xfId="17620"/>
    <cellStyle name="Обычный 2 3 8 5 5" xfId="17621"/>
    <cellStyle name="Обычный 2 3 8 5 5 2" xfId="17622"/>
    <cellStyle name="Обычный 2 3 8 5 6" xfId="17623"/>
    <cellStyle name="Обычный 2 3 8 6" xfId="17624"/>
    <cellStyle name="Обычный 2 3 8 6 2" xfId="17625"/>
    <cellStyle name="Обычный 2 3 8 6 2 2" xfId="17626"/>
    <cellStyle name="Обычный 2 3 8 6 2 2 2" xfId="17627"/>
    <cellStyle name="Обычный 2 3 8 6 2 3" xfId="17628"/>
    <cellStyle name="Обычный 2 3 8 6 2 3 2" xfId="17629"/>
    <cellStyle name="Обычный 2 3 8 6 2 4" xfId="17630"/>
    <cellStyle name="Обычный 2 3 8 6 3" xfId="17631"/>
    <cellStyle name="Обычный 2 3 8 6 3 2" xfId="17632"/>
    <cellStyle name="Обычный 2 3 8 6 4" xfId="17633"/>
    <cellStyle name="Обычный 2 3 8 6 4 2" xfId="17634"/>
    <cellStyle name="Обычный 2 3 8 6 5" xfId="17635"/>
    <cellStyle name="Обычный 2 3 8 6 5 2" xfId="17636"/>
    <cellStyle name="Обычный 2 3 8 6 6" xfId="17637"/>
    <cellStyle name="Обычный 2 3 8 7" xfId="17638"/>
    <cellStyle name="Обычный 2 3 8 7 2" xfId="17639"/>
    <cellStyle name="Обычный 2 3 8 7 2 2" xfId="17640"/>
    <cellStyle name="Обычный 2 3 8 7 2 2 2" xfId="17641"/>
    <cellStyle name="Обычный 2 3 8 7 2 3" xfId="17642"/>
    <cellStyle name="Обычный 2 3 8 7 2 3 2" xfId="17643"/>
    <cellStyle name="Обычный 2 3 8 7 2 4" xfId="17644"/>
    <cellStyle name="Обычный 2 3 8 7 3" xfId="17645"/>
    <cellStyle name="Обычный 2 3 8 7 3 2" xfId="17646"/>
    <cellStyle name="Обычный 2 3 8 7 4" xfId="17647"/>
    <cellStyle name="Обычный 2 3 8 7 4 2" xfId="17648"/>
    <cellStyle name="Обычный 2 3 8 7 5" xfId="17649"/>
    <cellStyle name="Обычный 2 3 8 7 5 2" xfId="17650"/>
    <cellStyle name="Обычный 2 3 8 7 6" xfId="17651"/>
    <cellStyle name="Обычный 2 3 8 8" xfId="17652"/>
    <cellStyle name="Обычный 2 3 8 8 2" xfId="17653"/>
    <cellStyle name="Обычный 2 3 8 8 2 2" xfId="17654"/>
    <cellStyle name="Обычный 2 3 8 8 2 2 2" xfId="17655"/>
    <cellStyle name="Обычный 2 3 8 8 2 3" xfId="17656"/>
    <cellStyle name="Обычный 2 3 8 8 2 3 2" xfId="17657"/>
    <cellStyle name="Обычный 2 3 8 8 2 4" xfId="17658"/>
    <cellStyle name="Обычный 2 3 8 8 3" xfId="17659"/>
    <cellStyle name="Обычный 2 3 8 8 3 2" xfId="17660"/>
    <cellStyle name="Обычный 2 3 8 8 4" xfId="17661"/>
    <cellStyle name="Обычный 2 3 8 8 4 2" xfId="17662"/>
    <cellStyle name="Обычный 2 3 8 8 5" xfId="17663"/>
    <cellStyle name="Обычный 2 3 8 8 5 2" xfId="17664"/>
    <cellStyle name="Обычный 2 3 8 8 6" xfId="17665"/>
    <cellStyle name="Обычный 2 3 8 9" xfId="17666"/>
    <cellStyle name="Обычный 2 3 8 9 2" xfId="17667"/>
    <cellStyle name="Обычный 2 3 8 9 2 2" xfId="17668"/>
    <cellStyle name="Обычный 2 3 8 9 3" xfId="17669"/>
    <cellStyle name="Обычный 2 3 8 9 3 2" xfId="17670"/>
    <cellStyle name="Обычный 2 3 8 9 4" xfId="17671"/>
    <cellStyle name="Обычный 2 3 9" xfId="17672"/>
    <cellStyle name="Обычный 2 3 9 10" xfId="17673"/>
    <cellStyle name="Обычный 2 3 9 10 2" xfId="17674"/>
    <cellStyle name="Обычный 2 3 9 10 2 2" xfId="17675"/>
    <cellStyle name="Обычный 2 3 9 10 3" xfId="17676"/>
    <cellStyle name="Обычный 2 3 9 11" xfId="17677"/>
    <cellStyle name="Обычный 2 3 9 11 2" xfId="17678"/>
    <cellStyle name="Обычный 2 3 9 12" xfId="17679"/>
    <cellStyle name="Обычный 2 3 9 12 2" xfId="17680"/>
    <cellStyle name="Обычный 2 3 9 13" xfId="17681"/>
    <cellStyle name="Обычный 2 3 9 14" xfId="17682"/>
    <cellStyle name="Обычный 2 3 9 2" xfId="17683"/>
    <cellStyle name="Обычный 2 3 9 2 10" xfId="17684"/>
    <cellStyle name="Обычный 2 3 9 2 10 2" xfId="17685"/>
    <cellStyle name="Обычный 2 3 9 2 11" xfId="17686"/>
    <cellStyle name="Обычный 2 3 9 2 11 2" xfId="17687"/>
    <cellStyle name="Обычный 2 3 9 2 12" xfId="17688"/>
    <cellStyle name="Обычный 2 3 9 2 13" xfId="17689"/>
    <cellStyle name="Обычный 2 3 9 2 2" xfId="17690"/>
    <cellStyle name="Обычный 2 3 9 2 2 10" xfId="17691"/>
    <cellStyle name="Обычный 2 3 9 2 2 2" xfId="17692"/>
    <cellStyle name="Обычный 2 3 9 2 2 2 2" xfId="17693"/>
    <cellStyle name="Обычный 2 3 9 2 2 2 2 2" xfId="17694"/>
    <cellStyle name="Обычный 2 3 9 2 2 2 2 2 2" xfId="17695"/>
    <cellStyle name="Обычный 2 3 9 2 2 2 2 3" xfId="17696"/>
    <cellStyle name="Обычный 2 3 9 2 2 2 2 3 2" xfId="17697"/>
    <cellStyle name="Обычный 2 3 9 2 2 2 2 4" xfId="17698"/>
    <cellStyle name="Обычный 2 3 9 2 2 2 3" xfId="17699"/>
    <cellStyle name="Обычный 2 3 9 2 2 2 3 2" xfId="17700"/>
    <cellStyle name="Обычный 2 3 9 2 2 2 4" xfId="17701"/>
    <cellStyle name="Обычный 2 3 9 2 2 2 4 2" xfId="17702"/>
    <cellStyle name="Обычный 2 3 9 2 2 2 5" xfId="17703"/>
    <cellStyle name="Обычный 2 3 9 2 2 2 5 2" xfId="17704"/>
    <cellStyle name="Обычный 2 3 9 2 2 2 6" xfId="17705"/>
    <cellStyle name="Обычный 2 3 9 2 2 3" xfId="17706"/>
    <cellStyle name="Обычный 2 3 9 2 2 3 2" xfId="17707"/>
    <cellStyle name="Обычный 2 3 9 2 2 3 2 2" xfId="17708"/>
    <cellStyle name="Обычный 2 3 9 2 2 3 2 2 2" xfId="17709"/>
    <cellStyle name="Обычный 2 3 9 2 2 3 2 3" xfId="17710"/>
    <cellStyle name="Обычный 2 3 9 2 2 3 2 3 2" xfId="17711"/>
    <cellStyle name="Обычный 2 3 9 2 2 3 2 4" xfId="17712"/>
    <cellStyle name="Обычный 2 3 9 2 2 3 3" xfId="17713"/>
    <cellStyle name="Обычный 2 3 9 2 2 3 3 2" xfId="17714"/>
    <cellStyle name="Обычный 2 3 9 2 2 3 4" xfId="17715"/>
    <cellStyle name="Обычный 2 3 9 2 2 3 4 2" xfId="17716"/>
    <cellStyle name="Обычный 2 3 9 2 2 3 5" xfId="17717"/>
    <cellStyle name="Обычный 2 3 9 2 2 3 5 2" xfId="17718"/>
    <cellStyle name="Обычный 2 3 9 2 2 3 6" xfId="17719"/>
    <cellStyle name="Обычный 2 3 9 2 2 4" xfId="17720"/>
    <cellStyle name="Обычный 2 3 9 2 2 4 2" xfId="17721"/>
    <cellStyle name="Обычный 2 3 9 2 2 4 2 2" xfId="17722"/>
    <cellStyle name="Обычный 2 3 9 2 2 4 2 2 2" xfId="17723"/>
    <cellStyle name="Обычный 2 3 9 2 2 4 2 3" xfId="17724"/>
    <cellStyle name="Обычный 2 3 9 2 2 4 2 3 2" xfId="17725"/>
    <cellStyle name="Обычный 2 3 9 2 2 4 2 4" xfId="17726"/>
    <cellStyle name="Обычный 2 3 9 2 2 4 3" xfId="17727"/>
    <cellStyle name="Обычный 2 3 9 2 2 4 3 2" xfId="17728"/>
    <cellStyle name="Обычный 2 3 9 2 2 4 4" xfId="17729"/>
    <cellStyle name="Обычный 2 3 9 2 2 4 4 2" xfId="17730"/>
    <cellStyle name="Обычный 2 3 9 2 2 4 5" xfId="17731"/>
    <cellStyle name="Обычный 2 3 9 2 2 4 5 2" xfId="17732"/>
    <cellStyle name="Обычный 2 3 9 2 2 4 6" xfId="17733"/>
    <cellStyle name="Обычный 2 3 9 2 2 5" xfId="17734"/>
    <cellStyle name="Обычный 2 3 9 2 2 5 2" xfId="17735"/>
    <cellStyle name="Обычный 2 3 9 2 2 5 2 2" xfId="17736"/>
    <cellStyle name="Обычный 2 3 9 2 2 5 2 2 2" xfId="17737"/>
    <cellStyle name="Обычный 2 3 9 2 2 5 2 3" xfId="17738"/>
    <cellStyle name="Обычный 2 3 9 2 2 5 2 3 2" xfId="17739"/>
    <cellStyle name="Обычный 2 3 9 2 2 5 2 4" xfId="17740"/>
    <cellStyle name="Обычный 2 3 9 2 2 5 3" xfId="17741"/>
    <cellStyle name="Обычный 2 3 9 2 2 5 3 2" xfId="17742"/>
    <cellStyle name="Обычный 2 3 9 2 2 5 4" xfId="17743"/>
    <cellStyle name="Обычный 2 3 9 2 2 5 4 2" xfId="17744"/>
    <cellStyle name="Обычный 2 3 9 2 2 5 5" xfId="17745"/>
    <cellStyle name="Обычный 2 3 9 2 2 5 5 2" xfId="17746"/>
    <cellStyle name="Обычный 2 3 9 2 2 5 6" xfId="17747"/>
    <cellStyle name="Обычный 2 3 9 2 2 6" xfId="17748"/>
    <cellStyle name="Обычный 2 3 9 2 2 6 2" xfId="17749"/>
    <cellStyle name="Обычный 2 3 9 2 2 6 2 2" xfId="17750"/>
    <cellStyle name="Обычный 2 3 9 2 2 6 3" xfId="17751"/>
    <cellStyle name="Обычный 2 3 9 2 2 6 3 2" xfId="17752"/>
    <cellStyle name="Обычный 2 3 9 2 2 6 4" xfId="17753"/>
    <cellStyle name="Обычный 2 3 9 2 2 7" xfId="17754"/>
    <cellStyle name="Обычный 2 3 9 2 2 7 2" xfId="17755"/>
    <cellStyle name="Обычный 2 3 9 2 2 8" xfId="17756"/>
    <cellStyle name="Обычный 2 3 9 2 2 8 2" xfId="17757"/>
    <cellStyle name="Обычный 2 3 9 2 2 9" xfId="17758"/>
    <cellStyle name="Обычный 2 3 9 2 2 9 2" xfId="17759"/>
    <cellStyle name="Обычный 2 3 9 2 3" xfId="17760"/>
    <cellStyle name="Обычный 2 3 9 2 3 2" xfId="17761"/>
    <cellStyle name="Обычный 2 3 9 2 3 2 2" xfId="17762"/>
    <cellStyle name="Обычный 2 3 9 2 3 2 2 2" xfId="17763"/>
    <cellStyle name="Обычный 2 3 9 2 3 2 2 2 2" xfId="17764"/>
    <cellStyle name="Обычный 2 3 9 2 3 2 2 3" xfId="17765"/>
    <cellStyle name="Обычный 2 3 9 2 3 2 2 3 2" xfId="17766"/>
    <cellStyle name="Обычный 2 3 9 2 3 2 2 4" xfId="17767"/>
    <cellStyle name="Обычный 2 3 9 2 3 2 3" xfId="17768"/>
    <cellStyle name="Обычный 2 3 9 2 3 2 3 2" xfId="17769"/>
    <cellStyle name="Обычный 2 3 9 2 3 2 4" xfId="17770"/>
    <cellStyle name="Обычный 2 3 9 2 3 2 4 2" xfId="17771"/>
    <cellStyle name="Обычный 2 3 9 2 3 2 5" xfId="17772"/>
    <cellStyle name="Обычный 2 3 9 2 3 2 5 2" xfId="17773"/>
    <cellStyle name="Обычный 2 3 9 2 3 2 6" xfId="17774"/>
    <cellStyle name="Обычный 2 3 9 2 3 3" xfId="17775"/>
    <cellStyle name="Обычный 2 3 9 2 3 3 2" xfId="17776"/>
    <cellStyle name="Обычный 2 3 9 2 3 3 2 2" xfId="17777"/>
    <cellStyle name="Обычный 2 3 9 2 3 3 2 2 2" xfId="17778"/>
    <cellStyle name="Обычный 2 3 9 2 3 3 2 3" xfId="17779"/>
    <cellStyle name="Обычный 2 3 9 2 3 3 2 3 2" xfId="17780"/>
    <cellStyle name="Обычный 2 3 9 2 3 3 2 4" xfId="17781"/>
    <cellStyle name="Обычный 2 3 9 2 3 3 3" xfId="17782"/>
    <cellStyle name="Обычный 2 3 9 2 3 3 3 2" xfId="17783"/>
    <cellStyle name="Обычный 2 3 9 2 3 3 4" xfId="17784"/>
    <cellStyle name="Обычный 2 3 9 2 3 3 4 2" xfId="17785"/>
    <cellStyle name="Обычный 2 3 9 2 3 3 5" xfId="17786"/>
    <cellStyle name="Обычный 2 3 9 2 3 3 5 2" xfId="17787"/>
    <cellStyle name="Обычный 2 3 9 2 3 3 6" xfId="17788"/>
    <cellStyle name="Обычный 2 3 9 2 3 4" xfId="17789"/>
    <cellStyle name="Обычный 2 3 9 2 3 4 2" xfId="17790"/>
    <cellStyle name="Обычный 2 3 9 2 3 4 2 2" xfId="17791"/>
    <cellStyle name="Обычный 2 3 9 2 3 4 2 2 2" xfId="17792"/>
    <cellStyle name="Обычный 2 3 9 2 3 4 2 3" xfId="17793"/>
    <cellStyle name="Обычный 2 3 9 2 3 4 2 3 2" xfId="17794"/>
    <cellStyle name="Обычный 2 3 9 2 3 4 2 4" xfId="17795"/>
    <cellStyle name="Обычный 2 3 9 2 3 4 3" xfId="17796"/>
    <cellStyle name="Обычный 2 3 9 2 3 4 3 2" xfId="17797"/>
    <cellStyle name="Обычный 2 3 9 2 3 4 4" xfId="17798"/>
    <cellStyle name="Обычный 2 3 9 2 3 4 4 2" xfId="17799"/>
    <cellStyle name="Обычный 2 3 9 2 3 4 5" xfId="17800"/>
    <cellStyle name="Обычный 2 3 9 2 3 4 5 2" xfId="17801"/>
    <cellStyle name="Обычный 2 3 9 2 3 4 6" xfId="17802"/>
    <cellStyle name="Обычный 2 3 9 2 3 5" xfId="17803"/>
    <cellStyle name="Обычный 2 3 9 2 3 5 2" xfId="17804"/>
    <cellStyle name="Обычный 2 3 9 2 3 5 2 2" xfId="17805"/>
    <cellStyle name="Обычный 2 3 9 2 3 5 3" xfId="17806"/>
    <cellStyle name="Обычный 2 3 9 2 3 5 3 2" xfId="17807"/>
    <cellStyle name="Обычный 2 3 9 2 3 5 4" xfId="17808"/>
    <cellStyle name="Обычный 2 3 9 2 3 6" xfId="17809"/>
    <cellStyle name="Обычный 2 3 9 2 3 6 2" xfId="17810"/>
    <cellStyle name="Обычный 2 3 9 2 3 7" xfId="17811"/>
    <cellStyle name="Обычный 2 3 9 2 3 7 2" xfId="17812"/>
    <cellStyle name="Обычный 2 3 9 2 3 8" xfId="17813"/>
    <cellStyle name="Обычный 2 3 9 2 3 8 2" xfId="17814"/>
    <cellStyle name="Обычный 2 3 9 2 3 9" xfId="17815"/>
    <cellStyle name="Обычный 2 3 9 2 4" xfId="17816"/>
    <cellStyle name="Обычный 2 3 9 2 4 2" xfId="17817"/>
    <cellStyle name="Обычный 2 3 9 2 4 2 2" xfId="17818"/>
    <cellStyle name="Обычный 2 3 9 2 4 2 2 2" xfId="17819"/>
    <cellStyle name="Обычный 2 3 9 2 4 2 3" xfId="17820"/>
    <cellStyle name="Обычный 2 3 9 2 4 2 3 2" xfId="17821"/>
    <cellStyle name="Обычный 2 3 9 2 4 2 4" xfId="17822"/>
    <cellStyle name="Обычный 2 3 9 2 4 3" xfId="17823"/>
    <cellStyle name="Обычный 2 3 9 2 4 3 2" xfId="17824"/>
    <cellStyle name="Обычный 2 3 9 2 4 4" xfId="17825"/>
    <cellStyle name="Обычный 2 3 9 2 4 4 2" xfId="17826"/>
    <cellStyle name="Обычный 2 3 9 2 4 5" xfId="17827"/>
    <cellStyle name="Обычный 2 3 9 2 4 5 2" xfId="17828"/>
    <cellStyle name="Обычный 2 3 9 2 4 6" xfId="17829"/>
    <cellStyle name="Обычный 2 3 9 2 5" xfId="17830"/>
    <cellStyle name="Обычный 2 3 9 2 5 2" xfId="17831"/>
    <cellStyle name="Обычный 2 3 9 2 5 2 2" xfId="17832"/>
    <cellStyle name="Обычный 2 3 9 2 5 2 2 2" xfId="17833"/>
    <cellStyle name="Обычный 2 3 9 2 5 2 3" xfId="17834"/>
    <cellStyle name="Обычный 2 3 9 2 5 2 3 2" xfId="17835"/>
    <cellStyle name="Обычный 2 3 9 2 5 2 4" xfId="17836"/>
    <cellStyle name="Обычный 2 3 9 2 5 3" xfId="17837"/>
    <cellStyle name="Обычный 2 3 9 2 5 3 2" xfId="17838"/>
    <cellStyle name="Обычный 2 3 9 2 5 4" xfId="17839"/>
    <cellStyle name="Обычный 2 3 9 2 5 4 2" xfId="17840"/>
    <cellStyle name="Обычный 2 3 9 2 5 5" xfId="17841"/>
    <cellStyle name="Обычный 2 3 9 2 5 5 2" xfId="17842"/>
    <cellStyle name="Обычный 2 3 9 2 5 6" xfId="17843"/>
    <cellStyle name="Обычный 2 3 9 2 6" xfId="17844"/>
    <cellStyle name="Обычный 2 3 9 2 6 2" xfId="17845"/>
    <cellStyle name="Обычный 2 3 9 2 6 2 2" xfId="17846"/>
    <cellStyle name="Обычный 2 3 9 2 6 2 2 2" xfId="17847"/>
    <cellStyle name="Обычный 2 3 9 2 6 2 3" xfId="17848"/>
    <cellStyle name="Обычный 2 3 9 2 6 2 3 2" xfId="17849"/>
    <cellStyle name="Обычный 2 3 9 2 6 2 4" xfId="17850"/>
    <cellStyle name="Обычный 2 3 9 2 6 3" xfId="17851"/>
    <cellStyle name="Обычный 2 3 9 2 6 3 2" xfId="17852"/>
    <cellStyle name="Обычный 2 3 9 2 6 4" xfId="17853"/>
    <cellStyle name="Обычный 2 3 9 2 6 4 2" xfId="17854"/>
    <cellStyle name="Обычный 2 3 9 2 6 5" xfId="17855"/>
    <cellStyle name="Обычный 2 3 9 2 6 5 2" xfId="17856"/>
    <cellStyle name="Обычный 2 3 9 2 6 6" xfId="17857"/>
    <cellStyle name="Обычный 2 3 9 2 7" xfId="17858"/>
    <cellStyle name="Обычный 2 3 9 2 7 2" xfId="17859"/>
    <cellStyle name="Обычный 2 3 9 2 7 2 2" xfId="17860"/>
    <cellStyle name="Обычный 2 3 9 2 7 2 2 2" xfId="17861"/>
    <cellStyle name="Обычный 2 3 9 2 7 2 3" xfId="17862"/>
    <cellStyle name="Обычный 2 3 9 2 7 2 3 2" xfId="17863"/>
    <cellStyle name="Обычный 2 3 9 2 7 2 4" xfId="17864"/>
    <cellStyle name="Обычный 2 3 9 2 7 3" xfId="17865"/>
    <cellStyle name="Обычный 2 3 9 2 7 3 2" xfId="17866"/>
    <cellStyle name="Обычный 2 3 9 2 7 4" xfId="17867"/>
    <cellStyle name="Обычный 2 3 9 2 7 4 2" xfId="17868"/>
    <cellStyle name="Обычный 2 3 9 2 7 5" xfId="17869"/>
    <cellStyle name="Обычный 2 3 9 2 7 5 2" xfId="17870"/>
    <cellStyle name="Обычный 2 3 9 2 7 6" xfId="17871"/>
    <cellStyle name="Обычный 2 3 9 2 8" xfId="17872"/>
    <cellStyle name="Обычный 2 3 9 2 8 2" xfId="17873"/>
    <cellStyle name="Обычный 2 3 9 2 8 2 2" xfId="17874"/>
    <cellStyle name="Обычный 2 3 9 2 8 3" xfId="17875"/>
    <cellStyle name="Обычный 2 3 9 2 8 3 2" xfId="17876"/>
    <cellStyle name="Обычный 2 3 9 2 8 4" xfId="17877"/>
    <cellStyle name="Обычный 2 3 9 2 9" xfId="17878"/>
    <cellStyle name="Обычный 2 3 9 2 9 2" xfId="17879"/>
    <cellStyle name="Обычный 2 3 9 2 9 2 2" xfId="17880"/>
    <cellStyle name="Обычный 2 3 9 2 9 3" xfId="17881"/>
    <cellStyle name="Обычный 2 3 9 3" xfId="17882"/>
    <cellStyle name="Обычный 2 3 9 3 10" xfId="17883"/>
    <cellStyle name="Обычный 2 3 9 3 2" xfId="17884"/>
    <cellStyle name="Обычный 2 3 9 3 2 2" xfId="17885"/>
    <cellStyle name="Обычный 2 3 9 3 2 2 2" xfId="17886"/>
    <cellStyle name="Обычный 2 3 9 3 2 2 2 2" xfId="17887"/>
    <cellStyle name="Обычный 2 3 9 3 2 2 3" xfId="17888"/>
    <cellStyle name="Обычный 2 3 9 3 2 2 3 2" xfId="17889"/>
    <cellStyle name="Обычный 2 3 9 3 2 2 4" xfId="17890"/>
    <cellStyle name="Обычный 2 3 9 3 2 3" xfId="17891"/>
    <cellStyle name="Обычный 2 3 9 3 2 3 2" xfId="17892"/>
    <cellStyle name="Обычный 2 3 9 3 2 4" xfId="17893"/>
    <cellStyle name="Обычный 2 3 9 3 2 4 2" xfId="17894"/>
    <cellStyle name="Обычный 2 3 9 3 2 5" xfId="17895"/>
    <cellStyle name="Обычный 2 3 9 3 2 5 2" xfId="17896"/>
    <cellStyle name="Обычный 2 3 9 3 2 6" xfId="17897"/>
    <cellStyle name="Обычный 2 3 9 3 3" xfId="17898"/>
    <cellStyle name="Обычный 2 3 9 3 3 2" xfId="17899"/>
    <cellStyle name="Обычный 2 3 9 3 3 2 2" xfId="17900"/>
    <cellStyle name="Обычный 2 3 9 3 3 2 2 2" xfId="17901"/>
    <cellStyle name="Обычный 2 3 9 3 3 2 3" xfId="17902"/>
    <cellStyle name="Обычный 2 3 9 3 3 2 3 2" xfId="17903"/>
    <cellStyle name="Обычный 2 3 9 3 3 2 4" xfId="17904"/>
    <cellStyle name="Обычный 2 3 9 3 3 3" xfId="17905"/>
    <cellStyle name="Обычный 2 3 9 3 3 3 2" xfId="17906"/>
    <cellStyle name="Обычный 2 3 9 3 3 4" xfId="17907"/>
    <cellStyle name="Обычный 2 3 9 3 3 4 2" xfId="17908"/>
    <cellStyle name="Обычный 2 3 9 3 3 5" xfId="17909"/>
    <cellStyle name="Обычный 2 3 9 3 3 5 2" xfId="17910"/>
    <cellStyle name="Обычный 2 3 9 3 3 6" xfId="17911"/>
    <cellStyle name="Обычный 2 3 9 3 4" xfId="17912"/>
    <cellStyle name="Обычный 2 3 9 3 4 2" xfId="17913"/>
    <cellStyle name="Обычный 2 3 9 3 4 2 2" xfId="17914"/>
    <cellStyle name="Обычный 2 3 9 3 4 2 2 2" xfId="17915"/>
    <cellStyle name="Обычный 2 3 9 3 4 2 3" xfId="17916"/>
    <cellStyle name="Обычный 2 3 9 3 4 2 3 2" xfId="17917"/>
    <cellStyle name="Обычный 2 3 9 3 4 2 4" xfId="17918"/>
    <cellStyle name="Обычный 2 3 9 3 4 3" xfId="17919"/>
    <cellStyle name="Обычный 2 3 9 3 4 3 2" xfId="17920"/>
    <cellStyle name="Обычный 2 3 9 3 4 4" xfId="17921"/>
    <cellStyle name="Обычный 2 3 9 3 4 4 2" xfId="17922"/>
    <cellStyle name="Обычный 2 3 9 3 4 5" xfId="17923"/>
    <cellStyle name="Обычный 2 3 9 3 4 5 2" xfId="17924"/>
    <cellStyle name="Обычный 2 3 9 3 4 6" xfId="17925"/>
    <cellStyle name="Обычный 2 3 9 3 5" xfId="17926"/>
    <cellStyle name="Обычный 2 3 9 3 5 2" xfId="17927"/>
    <cellStyle name="Обычный 2 3 9 3 5 2 2" xfId="17928"/>
    <cellStyle name="Обычный 2 3 9 3 5 2 2 2" xfId="17929"/>
    <cellStyle name="Обычный 2 3 9 3 5 2 3" xfId="17930"/>
    <cellStyle name="Обычный 2 3 9 3 5 2 3 2" xfId="17931"/>
    <cellStyle name="Обычный 2 3 9 3 5 2 4" xfId="17932"/>
    <cellStyle name="Обычный 2 3 9 3 5 3" xfId="17933"/>
    <cellStyle name="Обычный 2 3 9 3 5 3 2" xfId="17934"/>
    <cellStyle name="Обычный 2 3 9 3 5 4" xfId="17935"/>
    <cellStyle name="Обычный 2 3 9 3 5 4 2" xfId="17936"/>
    <cellStyle name="Обычный 2 3 9 3 5 5" xfId="17937"/>
    <cellStyle name="Обычный 2 3 9 3 5 5 2" xfId="17938"/>
    <cellStyle name="Обычный 2 3 9 3 5 6" xfId="17939"/>
    <cellStyle name="Обычный 2 3 9 3 6" xfId="17940"/>
    <cellStyle name="Обычный 2 3 9 3 6 2" xfId="17941"/>
    <cellStyle name="Обычный 2 3 9 3 6 2 2" xfId="17942"/>
    <cellStyle name="Обычный 2 3 9 3 6 3" xfId="17943"/>
    <cellStyle name="Обычный 2 3 9 3 6 3 2" xfId="17944"/>
    <cellStyle name="Обычный 2 3 9 3 6 4" xfId="17945"/>
    <cellStyle name="Обычный 2 3 9 3 7" xfId="17946"/>
    <cellStyle name="Обычный 2 3 9 3 7 2" xfId="17947"/>
    <cellStyle name="Обычный 2 3 9 3 8" xfId="17948"/>
    <cellStyle name="Обычный 2 3 9 3 8 2" xfId="17949"/>
    <cellStyle name="Обычный 2 3 9 3 9" xfId="17950"/>
    <cellStyle name="Обычный 2 3 9 3 9 2" xfId="17951"/>
    <cellStyle name="Обычный 2 3 9 4" xfId="17952"/>
    <cellStyle name="Обычный 2 3 9 4 2" xfId="17953"/>
    <cellStyle name="Обычный 2 3 9 4 2 2" xfId="17954"/>
    <cellStyle name="Обычный 2 3 9 4 2 2 2" xfId="17955"/>
    <cellStyle name="Обычный 2 3 9 4 2 2 2 2" xfId="17956"/>
    <cellStyle name="Обычный 2 3 9 4 2 2 3" xfId="17957"/>
    <cellStyle name="Обычный 2 3 9 4 2 2 3 2" xfId="17958"/>
    <cellStyle name="Обычный 2 3 9 4 2 2 4" xfId="17959"/>
    <cellStyle name="Обычный 2 3 9 4 2 3" xfId="17960"/>
    <cellStyle name="Обычный 2 3 9 4 2 3 2" xfId="17961"/>
    <cellStyle name="Обычный 2 3 9 4 2 4" xfId="17962"/>
    <cellStyle name="Обычный 2 3 9 4 2 4 2" xfId="17963"/>
    <cellStyle name="Обычный 2 3 9 4 2 5" xfId="17964"/>
    <cellStyle name="Обычный 2 3 9 4 2 5 2" xfId="17965"/>
    <cellStyle name="Обычный 2 3 9 4 2 6" xfId="17966"/>
    <cellStyle name="Обычный 2 3 9 4 3" xfId="17967"/>
    <cellStyle name="Обычный 2 3 9 4 3 2" xfId="17968"/>
    <cellStyle name="Обычный 2 3 9 4 3 2 2" xfId="17969"/>
    <cellStyle name="Обычный 2 3 9 4 3 2 2 2" xfId="17970"/>
    <cellStyle name="Обычный 2 3 9 4 3 2 3" xfId="17971"/>
    <cellStyle name="Обычный 2 3 9 4 3 2 3 2" xfId="17972"/>
    <cellStyle name="Обычный 2 3 9 4 3 2 4" xfId="17973"/>
    <cellStyle name="Обычный 2 3 9 4 3 3" xfId="17974"/>
    <cellStyle name="Обычный 2 3 9 4 3 3 2" xfId="17975"/>
    <cellStyle name="Обычный 2 3 9 4 3 4" xfId="17976"/>
    <cellStyle name="Обычный 2 3 9 4 3 4 2" xfId="17977"/>
    <cellStyle name="Обычный 2 3 9 4 3 5" xfId="17978"/>
    <cellStyle name="Обычный 2 3 9 4 3 5 2" xfId="17979"/>
    <cellStyle name="Обычный 2 3 9 4 3 6" xfId="17980"/>
    <cellStyle name="Обычный 2 3 9 4 4" xfId="17981"/>
    <cellStyle name="Обычный 2 3 9 4 4 2" xfId="17982"/>
    <cellStyle name="Обычный 2 3 9 4 4 2 2" xfId="17983"/>
    <cellStyle name="Обычный 2 3 9 4 4 2 2 2" xfId="17984"/>
    <cellStyle name="Обычный 2 3 9 4 4 2 3" xfId="17985"/>
    <cellStyle name="Обычный 2 3 9 4 4 2 3 2" xfId="17986"/>
    <cellStyle name="Обычный 2 3 9 4 4 2 4" xfId="17987"/>
    <cellStyle name="Обычный 2 3 9 4 4 3" xfId="17988"/>
    <cellStyle name="Обычный 2 3 9 4 4 3 2" xfId="17989"/>
    <cellStyle name="Обычный 2 3 9 4 4 4" xfId="17990"/>
    <cellStyle name="Обычный 2 3 9 4 4 4 2" xfId="17991"/>
    <cellStyle name="Обычный 2 3 9 4 4 5" xfId="17992"/>
    <cellStyle name="Обычный 2 3 9 4 4 5 2" xfId="17993"/>
    <cellStyle name="Обычный 2 3 9 4 4 6" xfId="17994"/>
    <cellStyle name="Обычный 2 3 9 4 5" xfId="17995"/>
    <cellStyle name="Обычный 2 3 9 4 5 2" xfId="17996"/>
    <cellStyle name="Обычный 2 3 9 4 5 2 2" xfId="17997"/>
    <cellStyle name="Обычный 2 3 9 4 5 3" xfId="17998"/>
    <cellStyle name="Обычный 2 3 9 4 5 3 2" xfId="17999"/>
    <cellStyle name="Обычный 2 3 9 4 5 4" xfId="18000"/>
    <cellStyle name="Обычный 2 3 9 4 6" xfId="18001"/>
    <cellStyle name="Обычный 2 3 9 4 6 2" xfId="18002"/>
    <cellStyle name="Обычный 2 3 9 4 7" xfId="18003"/>
    <cellStyle name="Обычный 2 3 9 4 7 2" xfId="18004"/>
    <cellStyle name="Обычный 2 3 9 4 8" xfId="18005"/>
    <cellStyle name="Обычный 2 3 9 4 8 2" xfId="18006"/>
    <cellStyle name="Обычный 2 3 9 4 9" xfId="18007"/>
    <cellStyle name="Обычный 2 3 9 5" xfId="18008"/>
    <cellStyle name="Обычный 2 3 9 5 2" xfId="18009"/>
    <cellStyle name="Обычный 2 3 9 5 2 2" xfId="18010"/>
    <cellStyle name="Обычный 2 3 9 5 2 2 2" xfId="18011"/>
    <cellStyle name="Обычный 2 3 9 5 2 3" xfId="18012"/>
    <cellStyle name="Обычный 2 3 9 5 2 3 2" xfId="18013"/>
    <cellStyle name="Обычный 2 3 9 5 2 4" xfId="18014"/>
    <cellStyle name="Обычный 2 3 9 5 3" xfId="18015"/>
    <cellStyle name="Обычный 2 3 9 5 3 2" xfId="18016"/>
    <cellStyle name="Обычный 2 3 9 5 4" xfId="18017"/>
    <cellStyle name="Обычный 2 3 9 5 4 2" xfId="18018"/>
    <cellStyle name="Обычный 2 3 9 5 5" xfId="18019"/>
    <cellStyle name="Обычный 2 3 9 5 5 2" xfId="18020"/>
    <cellStyle name="Обычный 2 3 9 5 6" xfId="18021"/>
    <cellStyle name="Обычный 2 3 9 6" xfId="18022"/>
    <cellStyle name="Обычный 2 3 9 6 2" xfId="18023"/>
    <cellStyle name="Обычный 2 3 9 6 2 2" xfId="18024"/>
    <cellStyle name="Обычный 2 3 9 6 2 2 2" xfId="18025"/>
    <cellStyle name="Обычный 2 3 9 6 2 3" xfId="18026"/>
    <cellStyle name="Обычный 2 3 9 6 2 3 2" xfId="18027"/>
    <cellStyle name="Обычный 2 3 9 6 2 4" xfId="18028"/>
    <cellStyle name="Обычный 2 3 9 6 3" xfId="18029"/>
    <cellStyle name="Обычный 2 3 9 6 3 2" xfId="18030"/>
    <cellStyle name="Обычный 2 3 9 6 4" xfId="18031"/>
    <cellStyle name="Обычный 2 3 9 6 4 2" xfId="18032"/>
    <cellStyle name="Обычный 2 3 9 6 5" xfId="18033"/>
    <cellStyle name="Обычный 2 3 9 6 5 2" xfId="18034"/>
    <cellStyle name="Обычный 2 3 9 6 6" xfId="18035"/>
    <cellStyle name="Обычный 2 3 9 7" xfId="18036"/>
    <cellStyle name="Обычный 2 3 9 7 2" xfId="18037"/>
    <cellStyle name="Обычный 2 3 9 7 2 2" xfId="18038"/>
    <cellStyle name="Обычный 2 3 9 7 2 2 2" xfId="18039"/>
    <cellStyle name="Обычный 2 3 9 7 2 3" xfId="18040"/>
    <cellStyle name="Обычный 2 3 9 7 2 3 2" xfId="18041"/>
    <cellStyle name="Обычный 2 3 9 7 2 4" xfId="18042"/>
    <cellStyle name="Обычный 2 3 9 7 3" xfId="18043"/>
    <cellStyle name="Обычный 2 3 9 7 3 2" xfId="18044"/>
    <cellStyle name="Обычный 2 3 9 7 4" xfId="18045"/>
    <cellStyle name="Обычный 2 3 9 7 4 2" xfId="18046"/>
    <cellStyle name="Обычный 2 3 9 7 5" xfId="18047"/>
    <cellStyle name="Обычный 2 3 9 7 5 2" xfId="18048"/>
    <cellStyle name="Обычный 2 3 9 7 6" xfId="18049"/>
    <cellStyle name="Обычный 2 3 9 8" xfId="18050"/>
    <cellStyle name="Обычный 2 3 9 8 2" xfId="18051"/>
    <cellStyle name="Обычный 2 3 9 8 2 2" xfId="18052"/>
    <cellStyle name="Обычный 2 3 9 8 2 2 2" xfId="18053"/>
    <cellStyle name="Обычный 2 3 9 8 2 3" xfId="18054"/>
    <cellStyle name="Обычный 2 3 9 8 2 3 2" xfId="18055"/>
    <cellStyle name="Обычный 2 3 9 8 2 4" xfId="18056"/>
    <cellStyle name="Обычный 2 3 9 8 3" xfId="18057"/>
    <cellStyle name="Обычный 2 3 9 8 3 2" xfId="18058"/>
    <cellStyle name="Обычный 2 3 9 8 4" xfId="18059"/>
    <cellStyle name="Обычный 2 3 9 8 4 2" xfId="18060"/>
    <cellStyle name="Обычный 2 3 9 8 5" xfId="18061"/>
    <cellStyle name="Обычный 2 3 9 8 5 2" xfId="18062"/>
    <cellStyle name="Обычный 2 3 9 8 6" xfId="18063"/>
    <cellStyle name="Обычный 2 3 9 9" xfId="18064"/>
    <cellStyle name="Обычный 2 3 9 9 2" xfId="18065"/>
    <cellStyle name="Обычный 2 3 9 9 2 2" xfId="18066"/>
    <cellStyle name="Обычный 2 3 9 9 3" xfId="18067"/>
    <cellStyle name="Обычный 2 3 9 9 3 2" xfId="18068"/>
    <cellStyle name="Обычный 2 3 9 9 4" xfId="18069"/>
    <cellStyle name="Обычный 2 4" xfId="18070"/>
    <cellStyle name="Обычный 2 4 2" xfId="18071"/>
    <cellStyle name="Обычный 2 4 2 2" xfId="18072"/>
    <cellStyle name="Обычный 2 4 3" xfId="18073"/>
    <cellStyle name="Обычный 2 4 4" xfId="18074"/>
    <cellStyle name="Обычный 2 4 5" xfId="18075"/>
    <cellStyle name="Обычный 2 5" xfId="18076"/>
    <cellStyle name="Обычный 2 5 2" xfId="18077"/>
    <cellStyle name="Обычный 2 6" xfId="18078"/>
    <cellStyle name="Обычный 2 6 2" xfId="18079"/>
    <cellStyle name="Обычный 2 6 2 2" xfId="18080"/>
    <cellStyle name="Обычный 2 6 2 2 2" xfId="18081"/>
    <cellStyle name="Обычный 2 6 2 3" xfId="18082"/>
    <cellStyle name="Обычный 2 6 2 3 2" xfId="18083"/>
    <cellStyle name="Обычный 2 6 2 4" xfId="18084"/>
    <cellStyle name="Обычный 2 6 3" xfId="18085"/>
    <cellStyle name="Обычный 2 6 3 2" xfId="18086"/>
    <cellStyle name="Обычный 2 6 4" xfId="18087"/>
    <cellStyle name="Обычный 2 6 4 2" xfId="18088"/>
    <cellStyle name="Обычный 2 6 5" xfId="18089"/>
    <cellStyle name="Обычный 2 6 5 2" xfId="18090"/>
    <cellStyle name="Обычный 2 6 6" xfId="18091"/>
    <cellStyle name="Обычный 2 7" xfId="18092"/>
    <cellStyle name="Обычный 2 7 2" xfId="18093"/>
    <cellStyle name="Обычный 2 7 2 2" xfId="18094"/>
    <cellStyle name="Обычный 2 7 2 2 2" xfId="18095"/>
    <cellStyle name="Обычный 2 7 2 3" xfId="18096"/>
    <cellStyle name="Обычный 2 7 2 3 2" xfId="18097"/>
    <cellStyle name="Обычный 2 7 2 4" xfId="18098"/>
    <cellStyle name="Обычный 2 7 3" xfId="18099"/>
    <cellStyle name="Обычный 2 7 3 2" xfId="18100"/>
    <cellStyle name="Обычный 2 7 4" xfId="18101"/>
    <cellStyle name="Обычный 2 7 4 2" xfId="18102"/>
    <cellStyle name="Обычный 2 7 5" xfId="18103"/>
    <cellStyle name="Обычный 2 7 5 2" xfId="18104"/>
    <cellStyle name="Обычный 2 7 6" xfId="18105"/>
    <cellStyle name="Обычный 2 8" xfId="18106"/>
    <cellStyle name="Обычный 2 8 2" xfId="18107"/>
    <cellStyle name="Обычный 2 8 2 2" xfId="18108"/>
    <cellStyle name="Обычный 2 8 2 2 2" xfId="18109"/>
    <cellStyle name="Обычный 2 8 2 3" xfId="18110"/>
    <cellStyle name="Обычный 2 8 2 3 2" xfId="18111"/>
    <cellStyle name="Обычный 2 8 2 4" xfId="18112"/>
    <cellStyle name="Обычный 2 8 3" xfId="18113"/>
    <cellStyle name="Обычный 2 8 3 2" xfId="18114"/>
    <cellStyle name="Обычный 2 8 4" xfId="18115"/>
    <cellStyle name="Обычный 2 8 4 2" xfId="18116"/>
    <cellStyle name="Обычный 2 8 5" xfId="18117"/>
    <cellStyle name="Обычный 2 8 5 2" xfId="18118"/>
    <cellStyle name="Обычный 2 8 6" xfId="18119"/>
    <cellStyle name="Обычный 2 9" xfId="18120"/>
    <cellStyle name="Обычный 2 9 2" xfId="18121"/>
    <cellStyle name="Обычный 2 9 2 2" xfId="18122"/>
    <cellStyle name="Обычный 2 9 2 2 2" xfId="18123"/>
    <cellStyle name="Обычный 2 9 2 3" xfId="18124"/>
    <cellStyle name="Обычный 2 9 2 3 2" xfId="18125"/>
    <cellStyle name="Обычный 2 9 2 4" xfId="18126"/>
    <cellStyle name="Обычный 2 9 3" xfId="18127"/>
    <cellStyle name="Обычный 2 9 3 2" xfId="18128"/>
    <cellStyle name="Обычный 2 9 4" xfId="18129"/>
    <cellStyle name="Обычный 2 9 4 2" xfId="18130"/>
    <cellStyle name="Обычный 2 9 5" xfId="18131"/>
    <cellStyle name="Обычный 2 9 5 2" xfId="18132"/>
    <cellStyle name="Обычный 2 9 6" xfId="18133"/>
    <cellStyle name="Обычный 3" xfId="7"/>
    <cellStyle name="Обычный 3 10" xfId="18135"/>
    <cellStyle name="Обычный 3 10 2" xfId="18136"/>
    <cellStyle name="Обычный 3 10 2 2" xfId="18137"/>
    <cellStyle name="Обычный 3 10 3" xfId="18138"/>
    <cellStyle name="Обычный 3 10 4" xfId="18139"/>
    <cellStyle name="Обычный 3 10 5" xfId="18140"/>
    <cellStyle name="Обычный 3 11" xfId="18141"/>
    <cellStyle name="Обычный 3 11 10" xfId="18142"/>
    <cellStyle name="Обычный 3 11 10 2" xfId="18143"/>
    <cellStyle name="Обычный 3 11 10 2 2" xfId="18144"/>
    <cellStyle name="Обычный 3 11 10 3" xfId="18145"/>
    <cellStyle name="Обычный 3 11 11" xfId="18146"/>
    <cellStyle name="Обычный 3 11 11 2" xfId="18147"/>
    <cellStyle name="Обычный 3 11 12" xfId="18148"/>
    <cellStyle name="Обычный 3 11 12 2" xfId="18149"/>
    <cellStyle name="Обычный 3 11 13" xfId="18150"/>
    <cellStyle name="Обычный 3 11 14" xfId="18151"/>
    <cellStyle name="Обычный 3 11 2" xfId="18152"/>
    <cellStyle name="Обычный 3 11 2 10" xfId="18153"/>
    <cellStyle name="Обычный 3 11 2 10 2" xfId="18154"/>
    <cellStyle name="Обычный 3 11 2 11" xfId="18155"/>
    <cellStyle name="Обычный 3 11 2 11 2" xfId="18156"/>
    <cellStyle name="Обычный 3 11 2 12" xfId="18157"/>
    <cellStyle name="Обычный 3 11 2 13" xfId="18158"/>
    <cellStyle name="Обычный 3 11 2 2" xfId="18159"/>
    <cellStyle name="Обычный 3 11 2 2 10" xfId="18160"/>
    <cellStyle name="Обычный 3 11 2 2 2" xfId="18161"/>
    <cellStyle name="Обычный 3 11 2 2 2 2" xfId="18162"/>
    <cellStyle name="Обычный 3 11 2 2 2 2 2" xfId="18163"/>
    <cellStyle name="Обычный 3 11 2 2 2 2 2 2" xfId="18164"/>
    <cellStyle name="Обычный 3 11 2 2 2 2 3" xfId="18165"/>
    <cellStyle name="Обычный 3 11 2 2 2 2 3 2" xfId="18166"/>
    <cellStyle name="Обычный 3 11 2 2 2 2 4" xfId="18167"/>
    <cellStyle name="Обычный 3 11 2 2 2 3" xfId="18168"/>
    <cellStyle name="Обычный 3 11 2 2 2 3 2" xfId="18169"/>
    <cellStyle name="Обычный 3 11 2 2 2 4" xfId="18170"/>
    <cellStyle name="Обычный 3 11 2 2 2 4 2" xfId="18171"/>
    <cellStyle name="Обычный 3 11 2 2 2 5" xfId="18172"/>
    <cellStyle name="Обычный 3 11 2 2 2 5 2" xfId="18173"/>
    <cellStyle name="Обычный 3 11 2 2 2 6" xfId="18174"/>
    <cellStyle name="Обычный 3 11 2 2 3" xfId="18175"/>
    <cellStyle name="Обычный 3 11 2 2 3 2" xfId="18176"/>
    <cellStyle name="Обычный 3 11 2 2 3 2 2" xfId="18177"/>
    <cellStyle name="Обычный 3 11 2 2 3 2 2 2" xfId="18178"/>
    <cellStyle name="Обычный 3 11 2 2 3 2 3" xfId="18179"/>
    <cellStyle name="Обычный 3 11 2 2 3 2 3 2" xfId="18180"/>
    <cellStyle name="Обычный 3 11 2 2 3 2 4" xfId="18181"/>
    <cellStyle name="Обычный 3 11 2 2 3 3" xfId="18182"/>
    <cellStyle name="Обычный 3 11 2 2 3 3 2" xfId="18183"/>
    <cellStyle name="Обычный 3 11 2 2 3 4" xfId="18184"/>
    <cellStyle name="Обычный 3 11 2 2 3 4 2" xfId="18185"/>
    <cellStyle name="Обычный 3 11 2 2 3 5" xfId="18186"/>
    <cellStyle name="Обычный 3 11 2 2 3 5 2" xfId="18187"/>
    <cellStyle name="Обычный 3 11 2 2 3 6" xfId="18188"/>
    <cellStyle name="Обычный 3 11 2 2 4" xfId="18189"/>
    <cellStyle name="Обычный 3 11 2 2 4 2" xfId="18190"/>
    <cellStyle name="Обычный 3 11 2 2 4 2 2" xfId="18191"/>
    <cellStyle name="Обычный 3 11 2 2 4 2 2 2" xfId="18192"/>
    <cellStyle name="Обычный 3 11 2 2 4 2 3" xfId="18193"/>
    <cellStyle name="Обычный 3 11 2 2 4 2 3 2" xfId="18194"/>
    <cellStyle name="Обычный 3 11 2 2 4 2 4" xfId="18195"/>
    <cellStyle name="Обычный 3 11 2 2 4 3" xfId="18196"/>
    <cellStyle name="Обычный 3 11 2 2 4 3 2" xfId="18197"/>
    <cellStyle name="Обычный 3 11 2 2 4 4" xfId="18198"/>
    <cellStyle name="Обычный 3 11 2 2 4 4 2" xfId="18199"/>
    <cellStyle name="Обычный 3 11 2 2 4 5" xfId="18200"/>
    <cellStyle name="Обычный 3 11 2 2 4 5 2" xfId="18201"/>
    <cellStyle name="Обычный 3 11 2 2 4 6" xfId="18202"/>
    <cellStyle name="Обычный 3 11 2 2 5" xfId="18203"/>
    <cellStyle name="Обычный 3 11 2 2 5 2" xfId="18204"/>
    <cellStyle name="Обычный 3 11 2 2 5 2 2" xfId="18205"/>
    <cellStyle name="Обычный 3 11 2 2 5 2 2 2" xfId="18206"/>
    <cellStyle name="Обычный 3 11 2 2 5 2 3" xfId="18207"/>
    <cellStyle name="Обычный 3 11 2 2 5 2 3 2" xfId="18208"/>
    <cellStyle name="Обычный 3 11 2 2 5 2 4" xfId="18209"/>
    <cellStyle name="Обычный 3 11 2 2 5 3" xfId="18210"/>
    <cellStyle name="Обычный 3 11 2 2 5 3 2" xfId="18211"/>
    <cellStyle name="Обычный 3 11 2 2 5 4" xfId="18212"/>
    <cellStyle name="Обычный 3 11 2 2 5 4 2" xfId="18213"/>
    <cellStyle name="Обычный 3 11 2 2 5 5" xfId="18214"/>
    <cellStyle name="Обычный 3 11 2 2 5 5 2" xfId="18215"/>
    <cellStyle name="Обычный 3 11 2 2 5 6" xfId="18216"/>
    <cellStyle name="Обычный 3 11 2 2 6" xfId="18217"/>
    <cellStyle name="Обычный 3 11 2 2 6 2" xfId="18218"/>
    <cellStyle name="Обычный 3 11 2 2 6 2 2" xfId="18219"/>
    <cellStyle name="Обычный 3 11 2 2 6 3" xfId="18220"/>
    <cellStyle name="Обычный 3 11 2 2 6 3 2" xfId="18221"/>
    <cellStyle name="Обычный 3 11 2 2 6 4" xfId="18222"/>
    <cellStyle name="Обычный 3 11 2 2 7" xfId="18223"/>
    <cellStyle name="Обычный 3 11 2 2 7 2" xfId="18224"/>
    <cellStyle name="Обычный 3 11 2 2 8" xfId="18225"/>
    <cellStyle name="Обычный 3 11 2 2 8 2" xfId="18226"/>
    <cellStyle name="Обычный 3 11 2 2 9" xfId="18227"/>
    <cellStyle name="Обычный 3 11 2 2 9 2" xfId="18228"/>
    <cellStyle name="Обычный 3 11 2 3" xfId="18229"/>
    <cellStyle name="Обычный 3 11 2 3 2" xfId="18230"/>
    <cellStyle name="Обычный 3 11 2 3 2 2" xfId="18231"/>
    <cellStyle name="Обычный 3 11 2 3 2 2 2" xfId="18232"/>
    <cellStyle name="Обычный 3 11 2 3 2 2 2 2" xfId="18233"/>
    <cellStyle name="Обычный 3 11 2 3 2 2 3" xfId="18234"/>
    <cellStyle name="Обычный 3 11 2 3 2 2 3 2" xfId="18235"/>
    <cellStyle name="Обычный 3 11 2 3 2 2 4" xfId="18236"/>
    <cellStyle name="Обычный 3 11 2 3 2 3" xfId="18237"/>
    <cellStyle name="Обычный 3 11 2 3 2 3 2" xfId="18238"/>
    <cellStyle name="Обычный 3 11 2 3 2 4" xfId="18239"/>
    <cellStyle name="Обычный 3 11 2 3 2 4 2" xfId="18240"/>
    <cellStyle name="Обычный 3 11 2 3 2 5" xfId="18241"/>
    <cellStyle name="Обычный 3 11 2 3 2 5 2" xfId="18242"/>
    <cellStyle name="Обычный 3 11 2 3 2 6" xfId="18243"/>
    <cellStyle name="Обычный 3 11 2 3 3" xfId="18244"/>
    <cellStyle name="Обычный 3 11 2 3 3 2" xfId="18245"/>
    <cellStyle name="Обычный 3 11 2 3 3 2 2" xfId="18246"/>
    <cellStyle name="Обычный 3 11 2 3 3 2 2 2" xfId="18247"/>
    <cellStyle name="Обычный 3 11 2 3 3 2 3" xfId="18248"/>
    <cellStyle name="Обычный 3 11 2 3 3 2 3 2" xfId="18249"/>
    <cellStyle name="Обычный 3 11 2 3 3 2 4" xfId="18250"/>
    <cellStyle name="Обычный 3 11 2 3 3 3" xfId="18251"/>
    <cellStyle name="Обычный 3 11 2 3 3 3 2" xfId="18252"/>
    <cellStyle name="Обычный 3 11 2 3 3 4" xfId="18253"/>
    <cellStyle name="Обычный 3 11 2 3 3 4 2" xfId="18254"/>
    <cellStyle name="Обычный 3 11 2 3 3 5" xfId="18255"/>
    <cellStyle name="Обычный 3 11 2 3 3 5 2" xfId="18256"/>
    <cellStyle name="Обычный 3 11 2 3 3 6" xfId="18257"/>
    <cellStyle name="Обычный 3 11 2 3 4" xfId="18258"/>
    <cellStyle name="Обычный 3 11 2 3 4 2" xfId="18259"/>
    <cellStyle name="Обычный 3 11 2 3 4 2 2" xfId="18260"/>
    <cellStyle name="Обычный 3 11 2 3 4 2 2 2" xfId="18261"/>
    <cellStyle name="Обычный 3 11 2 3 4 2 3" xfId="18262"/>
    <cellStyle name="Обычный 3 11 2 3 4 2 3 2" xfId="18263"/>
    <cellStyle name="Обычный 3 11 2 3 4 2 4" xfId="18264"/>
    <cellStyle name="Обычный 3 11 2 3 4 3" xfId="18265"/>
    <cellStyle name="Обычный 3 11 2 3 4 3 2" xfId="18266"/>
    <cellStyle name="Обычный 3 11 2 3 4 4" xfId="18267"/>
    <cellStyle name="Обычный 3 11 2 3 4 4 2" xfId="18268"/>
    <cellStyle name="Обычный 3 11 2 3 4 5" xfId="18269"/>
    <cellStyle name="Обычный 3 11 2 3 4 5 2" xfId="18270"/>
    <cellStyle name="Обычный 3 11 2 3 4 6" xfId="18271"/>
    <cellStyle name="Обычный 3 11 2 3 5" xfId="18272"/>
    <cellStyle name="Обычный 3 11 2 3 5 2" xfId="18273"/>
    <cellStyle name="Обычный 3 11 2 3 5 2 2" xfId="18274"/>
    <cellStyle name="Обычный 3 11 2 3 5 3" xfId="18275"/>
    <cellStyle name="Обычный 3 11 2 3 5 3 2" xfId="18276"/>
    <cellStyle name="Обычный 3 11 2 3 5 4" xfId="18277"/>
    <cellStyle name="Обычный 3 11 2 3 6" xfId="18278"/>
    <cellStyle name="Обычный 3 11 2 3 6 2" xfId="18279"/>
    <cellStyle name="Обычный 3 11 2 3 7" xfId="18280"/>
    <cellStyle name="Обычный 3 11 2 3 7 2" xfId="18281"/>
    <cellStyle name="Обычный 3 11 2 3 8" xfId="18282"/>
    <cellStyle name="Обычный 3 11 2 3 8 2" xfId="18283"/>
    <cellStyle name="Обычный 3 11 2 3 9" xfId="18284"/>
    <cellStyle name="Обычный 3 11 2 4" xfId="18285"/>
    <cellStyle name="Обычный 3 11 2 4 2" xfId="18286"/>
    <cellStyle name="Обычный 3 11 2 4 2 2" xfId="18287"/>
    <cellStyle name="Обычный 3 11 2 4 2 2 2" xfId="18288"/>
    <cellStyle name="Обычный 3 11 2 4 2 3" xfId="18289"/>
    <cellStyle name="Обычный 3 11 2 4 2 3 2" xfId="18290"/>
    <cellStyle name="Обычный 3 11 2 4 2 4" xfId="18291"/>
    <cellStyle name="Обычный 3 11 2 4 3" xfId="18292"/>
    <cellStyle name="Обычный 3 11 2 4 3 2" xfId="18293"/>
    <cellStyle name="Обычный 3 11 2 4 4" xfId="18294"/>
    <cellStyle name="Обычный 3 11 2 4 4 2" xfId="18295"/>
    <cellStyle name="Обычный 3 11 2 4 5" xfId="18296"/>
    <cellStyle name="Обычный 3 11 2 4 5 2" xfId="18297"/>
    <cellStyle name="Обычный 3 11 2 4 6" xfId="18298"/>
    <cellStyle name="Обычный 3 11 2 5" xfId="18299"/>
    <cellStyle name="Обычный 3 11 2 5 2" xfId="18300"/>
    <cellStyle name="Обычный 3 11 2 5 2 2" xfId="18301"/>
    <cellStyle name="Обычный 3 11 2 5 2 2 2" xfId="18302"/>
    <cellStyle name="Обычный 3 11 2 5 2 3" xfId="18303"/>
    <cellStyle name="Обычный 3 11 2 5 2 3 2" xfId="18304"/>
    <cellStyle name="Обычный 3 11 2 5 2 4" xfId="18305"/>
    <cellStyle name="Обычный 3 11 2 5 3" xfId="18306"/>
    <cellStyle name="Обычный 3 11 2 5 3 2" xfId="18307"/>
    <cellStyle name="Обычный 3 11 2 5 4" xfId="18308"/>
    <cellStyle name="Обычный 3 11 2 5 4 2" xfId="18309"/>
    <cellStyle name="Обычный 3 11 2 5 5" xfId="18310"/>
    <cellStyle name="Обычный 3 11 2 5 5 2" xfId="18311"/>
    <cellStyle name="Обычный 3 11 2 5 6" xfId="18312"/>
    <cellStyle name="Обычный 3 11 2 6" xfId="18313"/>
    <cellStyle name="Обычный 3 11 2 6 2" xfId="18314"/>
    <cellStyle name="Обычный 3 11 2 6 2 2" xfId="18315"/>
    <cellStyle name="Обычный 3 11 2 6 2 2 2" xfId="18316"/>
    <cellStyle name="Обычный 3 11 2 6 2 3" xfId="18317"/>
    <cellStyle name="Обычный 3 11 2 6 2 3 2" xfId="18318"/>
    <cellStyle name="Обычный 3 11 2 6 2 4" xfId="18319"/>
    <cellStyle name="Обычный 3 11 2 6 3" xfId="18320"/>
    <cellStyle name="Обычный 3 11 2 6 3 2" xfId="18321"/>
    <cellStyle name="Обычный 3 11 2 6 4" xfId="18322"/>
    <cellStyle name="Обычный 3 11 2 6 4 2" xfId="18323"/>
    <cellStyle name="Обычный 3 11 2 6 5" xfId="18324"/>
    <cellStyle name="Обычный 3 11 2 6 5 2" xfId="18325"/>
    <cellStyle name="Обычный 3 11 2 6 6" xfId="18326"/>
    <cellStyle name="Обычный 3 11 2 7" xfId="18327"/>
    <cellStyle name="Обычный 3 11 2 7 2" xfId="18328"/>
    <cellStyle name="Обычный 3 11 2 7 2 2" xfId="18329"/>
    <cellStyle name="Обычный 3 11 2 7 2 2 2" xfId="18330"/>
    <cellStyle name="Обычный 3 11 2 7 2 3" xfId="18331"/>
    <cellStyle name="Обычный 3 11 2 7 2 3 2" xfId="18332"/>
    <cellStyle name="Обычный 3 11 2 7 2 4" xfId="18333"/>
    <cellStyle name="Обычный 3 11 2 7 3" xfId="18334"/>
    <cellStyle name="Обычный 3 11 2 7 3 2" xfId="18335"/>
    <cellStyle name="Обычный 3 11 2 7 4" xfId="18336"/>
    <cellStyle name="Обычный 3 11 2 7 4 2" xfId="18337"/>
    <cellStyle name="Обычный 3 11 2 7 5" xfId="18338"/>
    <cellStyle name="Обычный 3 11 2 7 5 2" xfId="18339"/>
    <cellStyle name="Обычный 3 11 2 7 6" xfId="18340"/>
    <cellStyle name="Обычный 3 11 2 8" xfId="18341"/>
    <cellStyle name="Обычный 3 11 2 8 2" xfId="18342"/>
    <cellStyle name="Обычный 3 11 2 8 2 2" xfId="18343"/>
    <cellStyle name="Обычный 3 11 2 8 3" xfId="18344"/>
    <cellStyle name="Обычный 3 11 2 8 3 2" xfId="18345"/>
    <cellStyle name="Обычный 3 11 2 8 4" xfId="18346"/>
    <cellStyle name="Обычный 3 11 2 9" xfId="18347"/>
    <cellStyle name="Обычный 3 11 2 9 2" xfId="18348"/>
    <cellStyle name="Обычный 3 11 2 9 2 2" xfId="18349"/>
    <cellStyle name="Обычный 3 11 2 9 3" xfId="18350"/>
    <cellStyle name="Обычный 3 11 3" xfId="18351"/>
    <cellStyle name="Обычный 3 11 3 10" xfId="18352"/>
    <cellStyle name="Обычный 3 11 3 2" xfId="18353"/>
    <cellStyle name="Обычный 3 11 3 2 2" xfId="18354"/>
    <cellStyle name="Обычный 3 11 3 2 2 2" xfId="18355"/>
    <cellStyle name="Обычный 3 11 3 2 2 2 2" xfId="18356"/>
    <cellStyle name="Обычный 3 11 3 2 2 3" xfId="18357"/>
    <cellStyle name="Обычный 3 11 3 2 2 3 2" xfId="18358"/>
    <cellStyle name="Обычный 3 11 3 2 2 4" xfId="18359"/>
    <cellStyle name="Обычный 3 11 3 2 3" xfId="18360"/>
    <cellStyle name="Обычный 3 11 3 2 3 2" xfId="18361"/>
    <cellStyle name="Обычный 3 11 3 2 4" xfId="18362"/>
    <cellStyle name="Обычный 3 11 3 2 4 2" xfId="18363"/>
    <cellStyle name="Обычный 3 11 3 2 5" xfId="18364"/>
    <cellStyle name="Обычный 3 11 3 2 5 2" xfId="18365"/>
    <cellStyle name="Обычный 3 11 3 2 6" xfId="18366"/>
    <cellStyle name="Обычный 3 11 3 3" xfId="18367"/>
    <cellStyle name="Обычный 3 11 3 3 2" xfId="18368"/>
    <cellStyle name="Обычный 3 11 3 3 2 2" xfId="18369"/>
    <cellStyle name="Обычный 3 11 3 3 2 2 2" xfId="18370"/>
    <cellStyle name="Обычный 3 11 3 3 2 3" xfId="18371"/>
    <cellStyle name="Обычный 3 11 3 3 2 3 2" xfId="18372"/>
    <cellStyle name="Обычный 3 11 3 3 2 4" xfId="18373"/>
    <cellStyle name="Обычный 3 11 3 3 3" xfId="18374"/>
    <cellStyle name="Обычный 3 11 3 3 3 2" xfId="18375"/>
    <cellStyle name="Обычный 3 11 3 3 4" xfId="18376"/>
    <cellStyle name="Обычный 3 11 3 3 4 2" xfId="18377"/>
    <cellStyle name="Обычный 3 11 3 3 5" xfId="18378"/>
    <cellStyle name="Обычный 3 11 3 3 5 2" xfId="18379"/>
    <cellStyle name="Обычный 3 11 3 3 6" xfId="18380"/>
    <cellStyle name="Обычный 3 11 3 4" xfId="18381"/>
    <cellStyle name="Обычный 3 11 3 4 2" xfId="18382"/>
    <cellStyle name="Обычный 3 11 3 4 2 2" xfId="18383"/>
    <cellStyle name="Обычный 3 11 3 4 2 2 2" xfId="18384"/>
    <cellStyle name="Обычный 3 11 3 4 2 3" xfId="18385"/>
    <cellStyle name="Обычный 3 11 3 4 2 3 2" xfId="18386"/>
    <cellStyle name="Обычный 3 11 3 4 2 4" xfId="18387"/>
    <cellStyle name="Обычный 3 11 3 4 3" xfId="18388"/>
    <cellStyle name="Обычный 3 11 3 4 3 2" xfId="18389"/>
    <cellStyle name="Обычный 3 11 3 4 4" xfId="18390"/>
    <cellStyle name="Обычный 3 11 3 4 4 2" xfId="18391"/>
    <cellStyle name="Обычный 3 11 3 4 5" xfId="18392"/>
    <cellStyle name="Обычный 3 11 3 4 5 2" xfId="18393"/>
    <cellStyle name="Обычный 3 11 3 4 6" xfId="18394"/>
    <cellStyle name="Обычный 3 11 3 5" xfId="18395"/>
    <cellStyle name="Обычный 3 11 3 5 2" xfId="18396"/>
    <cellStyle name="Обычный 3 11 3 5 2 2" xfId="18397"/>
    <cellStyle name="Обычный 3 11 3 5 2 2 2" xfId="18398"/>
    <cellStyle name="Обычный 3 11 3 5 2 3" xfId="18399"/>
    <cellStyle name="Обычный 3 11 3 5 2 3 2" xfId="18400"/>
    <cellStyle name="Обычный 3 11 3 5 2 4" xfId="18401"/>
    <cellStyle name="Обычный 3 11 3 5 3" xfId="18402"/>
    <cellStyle name="Обычный 3 11 3 5 3 2" xfId="18403"/>
    <cellStyle name="Обычный 3 11 3 5 4" xfId="18404"/>
    <cellStyle name="Обычный 3 11 3 5 4 2" xfId="18405"/>
    <cellStyle name="Обычный 3 11 3 5 5" xfId="18406"/>
    <cellStyle name="Обычный 3 11 3 5 5 2" xfId="18407"/>
    <cellStyle name="Обычный 3 11 3 5 6" xfId="18408"/>
    <cellStyle name="Обычный 3 11 3 6" xfId="18409"/>
    <cellStyle name="Обычный 3 11 3 6 2" xfId="18410"/>
    <cellStyle name="Обычный 3 11 3 6 2 2" xfId="18411"/>
    <cellStyle name="Обычный 3 11 3 6 3" xfId="18412"/>
    <cellStyle name="Обычный 3 11 3 6 3 2" xfId="18413"/>
    <cellStyle name="Обычный 3 11 3 6 4" xfId="18414"/>
    <cellStyle name="Обычный 3 11 3 7" xfId="18415"/>
    <cellStyle name="Обычный 3 11 3 7 2" xfId="18416"/>
    <cellStyle name="Обычный 3 11 3 8" xfId="18417"/>
    <cellStyle name="Обычный 3 11 3 8 2" xfId="18418"/>
    <cellStyle name="Обычный 3 11 3 9" xfId="18419"/>
    <cellStyle name="Обычный 3 11 3 9 2" xfId="18420"/>
    <cellStyle name="Обычный 3 11 4" xfId="18421"/>
    <cellStyle name="Обычный 3 11 4 2" xfId="18422"/>
    <cellStyle name="Обычный 3 11 4 2 2" xfId="18423"/>
    <cellStyle name="Обычный 3 11 4 2 2 2" xfId="18424"/>
    <cellStyle name="Обычный 3 11 4 2 2 2 2" xfId="18425"/>
    <cellStyle name="Обычный 3 11 4 2 2 3" xfId="18426"/>
    <cellStyle name="Обычный 3 11 4 2 2 3 2" xfId="18427"/>
    <cellStyle name="Обычный 3 11 4 2 2 4" xfId="18428"/>
    <cellStyle name="Обычный 3 11 4 2 3" xfId="18429"/>
    <cellStyle name="Обычный 3 11 4 2 3 2" xfId="18430"/>
    <cellStyle name="Обычный 3 11 4 2 4" xfId="18431"/>
    <cellStyle name="Обычный 3 11 4 2 4 2" xfId="18432"/>
    <cellStyle name="Обычный 3 11 4 2 5" xfId="18433"/>
    <cellStyle name="Обычный 3 11 4 2 5 2" xfId="18434"/>
    <cellStyle name="Обычный 3 11 4 2 6" xfId="18435"/>
    <cellStyle name="Обычный 3 11 4 3" xfId="18436"/>
    <cellStyle name="Обычный 3 11 4 3 2" xfId="18437"/>
    <cellStyle name="Обычный 3 11 4 3 2 2" xfId="18438"/>
    <cellStyle name="Обычный 3 11 4 3 2 2 2" xfId="18439"/>
    <cellStyle name="Обычный 3 11 4 3 2 3" xfId="18440"/>
    <cellStyle name="Обычный 3 11 4 3 2 3 2" xfId="18441"/>
    <cellStyle name="Обычный 3 11 4 3 2 4" xfId="18442"/>
    <cellStyle name="Обычный 3 11 4 3 3" xfId="18443"/>
    <cellStyle name="Обычный 3 11 4 3 3 2" xfId="18444"/>
    <cellStyle name="Обычный 3 11 4 3 4" xfId="18445"/>
    <cellStyle name="Обычный 3 11 4 3 4 2" xfId="18446"/>
    <cellStyle name="Обычный 3 11 4 3 5" xfId="18447"/>
    <cellStyle name="Обычный 3 11 4 3 5 2" xfId="18448"/>
    <cellStyle name="Обычный 3 11 4 3 6" xfId="18449"/>
    <cellStyle name="Обычный 3 11 4 4" xfId="18450"/>
    <cellStyle name="Обычный 3 11 4 4 2" xfId="18451"/>
    <cellStyle name="Обычный 3 11 4 4 2 2" xfId="18452"/>
    <cellStyle name="Обычный 3 11 4 4 2 2 2" xfId="18453"/>
    <cellStyle name="Обычный 3 11 4 4 2 3" xfId="18454"/>
    <cellStyle name="Обычный 3 11 4 4 2 3 2" xfId="18455"/>
    <cellStyle name="Обычный 3 11 4 4 2 4" xfId="18456"/>
    <cellStyle name="Обычный 3 11 4 4 3" xfId="18457"/>
    <cellStyle name="Обычный 3 11 4 4 3 2" xfId="18458"/>
    <cellStyle name="Обычный 3 11 4 4 4" xfId="18459"/>
    <cellStyle name="Обычный 3 11 4 4 4 2" xfId="18460"/>
    <cellStyle name="Обычный 3 11 4 4 5" xfId="18461"/>
    <cellStyle name="Обычный 3 11 4 4 5 2" xfId="18462"/>
    <cellStyle name="Обычный 3 11 4 4 6" xfId="18463"/>
    <cellStyle name="Обычный 3 11 4 5" xfId="18464"/>
    <cellStyle name="Обычный 3 11 4 5 2" xfId="18465"/>
    <cellStyle name="Обычный 3 11 4 5 2 2" xfId="18466"/>
    <cellStyle name="Обычный 3 11 4 5 3" xfId="18467"/>
    <cellStyle name="Обычный 3 11 4 5 3 2" xfId="18468"/>
    <cellStyle name="Обычный 3 11 4 5 4" xfId="18469"/>
    <cellStyle name="Обычный 3 11 4 6" xfId="18470"/>
    <cellStyle name="Обычный 3 11 4 6 2" xfId="18471"/>
    <cellStyle name="Обычный 3 11 4 7" xfId="18472"/>
    <cellStyle name="Обычный 3 11 4 7 2" xfId="18473"/>
    <cellStyle name="Обычный 3 11 4 8" xfId="18474"/>
    <cellStyle name="Обычный 3 11 4 8 2" xfId="18475"/>
    <cellStyle name="Обычный 3 11 4 9" xfId="18476"/>
    <cellStyle name="Обычный 3 11 5" xfId="18477"/>
    <cellStyle name="Обычный 3 11 5 2" xfId="18478"/>
    <cellStyle name="Обычный 3 11 5 2 2" xfId="18479"/>
    <cellStyle name="Обычный 3 11 5 2 2 2" xfId="18480"/>
    <cellStyle name="Обычный 3 11 5 2 3" xfId="18481"/>
    <cellStyle name="Обычный 3 11 5 2 3 2" xfId="18482"/>
    <cellStyle name="Обычный 3 11 5 2 4" xfId="18483"/>
    <cellStyle name="Обычный 3 11 5 3" xfId="18484"/>
    <cellStyle name="Обычный 3 11 5 3 2" xfId="18485"/>
    <cellStyle name="Обычный 3 11 5 4" xfId="18486"/>
    <cellStyle name="Обычный 3 11 5 4 2" xfId="18487"/>
    <cellStyle name="Обычный 3 11 5 5" xfId="18488"/>
    <cellStyle name="Обычный 3 11 5 5 2" xfId="18489"/>
    <cellStyle name="Обычный 3 11 5 6" xfId="18490"/>
    <cellStyle name="Обычный 3 11 6" xfId="18491"/>
    <cellStyle name="Обычный 3 11 6 2" xfId="18492"/>
    <cellStyle name="Обычный 3 11 6 2 2" xfId="18493"/>
    <cellStyle name="Обычный 3 11 6 2 2 2" xfId="18494"/>
    <cellStyle name="Обычный 3 11 6 2 3" xfId="18495"/>
    <cellStyle name="Обычный 3 11 6 2 3 2" xfId="18496"/>
    <cellStyle name="Обычный 3 11 6 2 4" xfId="18497"/>
    <cellStyle name="Обычный 3 11 6 3" xfId="18498"/>
    <cellStyle name="Обычный 3 11 6 3 2" xfId="18499"/>
    <cellStyle name="Обычный 3 11 6 4" xfId="18500"/>
    <cellStyle name="Обычный 3 11 6 4 2" xfId="18501"/>
    <cellStyle name="Обычный 3 11 6 5" xfId="18502"/>
    <cellStyle name="Обычный 3 11 6 5 2" xfId="18503"/>
    <cellStyle name="Обычный 3 11 6 6" xfId="18504"/>
    <cellStyle name="Обычный 3 11 7" xfId="18505"/>
    <cellStyle name="Обычный 3 11 7 2" xfId="18506"/>
    <cellStyle name="Обычный 3 11 7 2 2" xfId="18507"/>
    <cellStyle name="Обычный 3 11 7 2 2 2" xfId="18508"/>
    <cellStyle name="Обычный 3 11 7 2 3" xfId="18509"/>
    <cellStyle name="Обычный 3 11 7 2 3 2" xfId="18510"/>
    <cellStyle name="Обычный 3 11 7 2 4" xfId="18511"/>
    <cellStyle name="Обычный 3 11 7 3" xfId="18512"/>
    <cellStyle name="Обычный 3 11 7 3 2" xfId="18513"/>
    <cellStyle name="Обычный 3 11 7 4" xfId="18514"/>
    <cellStyle name="Обычный 3 11 7 4 2" xfId="18515"/>
    <cellStyle name="Обычный 3 11 7 5" xfId="18516"/>
    <cellStyle name="Обычный 3 11 7 5 2" xfId="18517"/>
    <cellStyle name="Обычный 3 11 7 6" xfId="18518"/>
    <cellStyle name="Обычный 3 11 8" xfId="18519"/>
    <cellStyle name="Обычный 3 11 8 2" xfId="18520"/>
    <cellStyle name="Обычный 3 11 8 2 2" xfId="18521"/>
    <cellStyle name="Обычный 3 11 8 2 2 2" xfId="18522"/>
    <cellStyle name="Обычный 3 11 8 2 3" xfId="18523"/>
    <cellStyle name="Обычный 3 11 8 2 3 2" xfId="18524"/>
    <cellStyle name="Обычный 3 11 8 2 4" xfId="18525"/>
    <cellStyle name="Обычный 3 11 8 3" xfId="18526"/>
    <cellStyle name="Обычный 3 11 8 3 2" xfId="18527"/>
    <cellStyle name="Обычный 3 11 8 4" xfId="18528"/>
    <cellStyle name="Обычный 3 11 8 4 2" xfId="18529"/>
    <cellStyle name="Обычный 3 11 8 5" xfId="18530"/>
    <cellStyle name="Обычный 3 11 8 5 2" xfId="18531"/>
    <cellStyle name="Обычный 3 11 8 6" xfId="18532"/>
    <cellStyle name="Обычный 3 11 9" xfId="18533"/>
    <cellStyle name="Обычный 3 11 9 2" xfId="18534"/>
    <cellStyle name="Обычный 3 11 9 2 2" xfId="18535"/>
    <cellStyle name="Обычный 3 11 9 3" xfId="18536"/>
    <cellStyle name="Обычный 3 11 9 3 2" xfId="18537"/>
    <cellStyle name="Обычный 3 11 9 4" xfId="18538"/>
    <cellStyle name="Обычный 3 12" xfId="18539"/>
    <cellStyle name="Обычный 3 12 10" xfId="18540"/>
    <cellStyle name="Обычный 3 12 10 2" xfId="18541"/>
    <cellStyle name="Обычный 3 12 10 2 2" xfId="18542"/>
    <cellStyle name="Обычный 3 12 10 3" xfId="18543"/>
    <cellStyle name="Обычный 3 12 11" xfId="18544"/>
    <cellStyle name="Обычный 3 12 11 2" xfId="18545"/>
    <cellStyle name="Обычный 3 12 12" xfId="18546"/>
    <cellStyle name="Обычный 3 12 12 2" xfId="18547"/>
    <cellStyle name="Обычный 3 12 13" xfId="18548"/>
    <cellStyle name="Обычный 3 12 14" xfId="18549"/>
    <cellStyle name="Обычный 3 12 2" xfId="18550"/>
    <cellStyle name="Обычный 3 12 2 10" xfId="18551"/>
    <cellStyle name="Обычный 3 12 2 10 2" xfId="18552"/>
    <cellStyle name="Обычный 3 12 2 11" xfId="18553"/>
    <cellStyle name="Обычный 3 12 2 11 2" xfId="18554"/>
    <cellStyle name="Обычный 3 12 2 12" xfId="18555"/>
    <cellStyle name="Обычный 3 12 2 13" xfId="18556"/>
    <cellStyle name="Обычный 3 12 2 2" xfId="18557"/>
    <cellStyle name="Обычный 3 12 2 2 10" xfId="18558"/>
    <cellStyle name="Обычный 3 12 2 2 2" xfId="18559"/>
    <cellStyle name="Обычный 3 12 2 2 2 2" xfId="18560"/>
    <cellStyle name="Обычный 3 12 2 2 2 2 2" xfId="18561"/>
    <cellStyle name="Обычный 3 12 2 2 2 2 2 2" xfId="18562"/>
    <cellStyle name="Обычный 3 12 2 2 2 2 3" xfId="18563"/>
    <cellStyle name="Обычный 3 12 2 2 2 2 3 2" xfId="18564"/>
    <cellStyle name="Обычный 3 12 2 2 2 2 4" xfId="18565"/>
    <cellStyle name="Обычный 3 12 2 2 2 3" xfId="18566"/>
    <cellStyle name="Обычный 3 12 2 2 2 3 2" xfId="18567"/>
    <cellStyle name="Обычный 3 12 2 2 2 4" xfId="18568"/>
    <cellStyle name="Обычный 3 12 2 2 2 4 2" xfId="18569"/>
    <cellStyle name="Обычный 3 12 2 2 2 5" xfId="18570"/>
    <cellStyle name="Обычный 3 12 2 2 2 5 2" xfId="18571"/>
    <cellStyle name="Обычный 3 12 2 2 2 6" xfId="18572"/>
    <cellStyle name="Обычный 3 12 2 2 3" xfId="18573"/>
    <cellStyle name="Обычный 3 12 2 2 3 2" xfId="18574"/>
    <cellStyle name="Обычный 3 12 2 2 3 2 2" xfId="18575"/>
    <cellStyle name="Обычный 3 12 2 2 3 2 2 2" xfId="18576"/>
    <cellStyle name="Обычный 3 12 2 2 3 2 3" xfId="18577"/>
    <cellStyle name="Обычный 3 12 2 2 3 2 3 2" xfId="18578"/>
    <cellStyle name="Обычный 3 12 2 2 3 2 4" xfId="18579"/>
    <cellStyle name="Обычный 3 12 2 2 3 3" xfId="18580"/>
    <cellStyle name="Обычный 3 12 2 2 3 3 2" xfId="18581"/>
    <cellStyle name="Обычный 3 12 2 2 3 4" xfId="18582"/>
    <cellStyle name="Обычный 3 12 2 2 3 4 2" xfId="18583"/>
    <cellStyle name="Обычный 3 12 2 2 3 5" xfId="18584"/>
    <cellStyle name="Обычный 3 12 2 2 3 5 2" xfId="18585"/>
    <cellStyle name="Обычный 3 12 2 2 3 6" xfId="18586"/>
    <cellStyle name="Обычный 3 12 2 2 4" xfId="18587"/>
    <cellStyle name="Обычный 3 12 2 2 4 2" xfId="18588"/>
    <cellStyle name="Обычный 3 12 2 2 4 2 2" xfId="18589"/>
    <cellStyle name="Обычный 3 12 2 2 4 2 2 2" xfId="18590"/>
    <cellStyle name="Обычный 3 12 2 2 4 2 3" xfId="18591"/>
    <cellStyle name="Обычный 3 12 2 2 4 2 3 2" xfId="18592"/>
    <cellStyle name="Обычный 3 12 2 2 4 2 4" xfId="18593"/>
    <cellStyle name="Обычный 3 12 2 2 4 3" xfId="18594"/>
    <cellStyle name="Обычный 3 12 2 2 4 3 2" xfId="18595"/>
    <cellStyle name="Обычный 3 12 2 2 4 4" xfId="18596"/>
    <cellStyle name="Обычный 3 12 2 2 4 4 2" xfId="18597"/>
    <cellStyle name="Обычный 3 12 2 2 4 5" xfId="18598"/>
    <cellStyle name="Обычный 3 12 2 2 4 5 2" xfId="18599"/>
    <cellStyle name="Обычный 3 12 2 2 4 6" xfId="18600"/>
    <cellStyle name="Обычный 3 12 2 2 5" xfId="18601"/>
    <cellStyle name="Обычный 3 12 2 2 5 2" xfId="18602"/>
    <cellStyle name="Обычный 3 12 2 2 5 2 2" xfId="18603"/>
    <cellStyle name="Обычный 3 12 2 2 5 2 2 2" xfId="18604"/>
    <cellStyle name="Обычный 3 12 2 2 5 2 3" xfId="18605"/>
    <cellStyle name="Обычный 3 12 2 2 5 2 3 2" xfId="18606"/>
    <cellStyle name="Обычный 3 12 2 2 5 2 4" xfId="18607"/>
    <cellStyle name="Обычный 3 12 2 2 5 3" xfId="18608"/>
    <cellStyle name="Обычный 3 12 2 2 5 3 2" xfId="18609"/>
    <cellStyle name="Обычный 3 12 2 2 5 4" xfId="18610"/>
    <cellStyle name="Обычный 3 12 2 2 5 4 2" xfId="18611"/>
    <cellStyle name="Обычный 3 12 2 2 5 5" xfId="18612"/>
    <cellStyle name="Обычный 3 12 2 2 5 5 2" xfId="18613"/>
    <cellStyle name="Обычный 3 12 2 2 5 6" xfId="18614"/>
    <cellStyle name="Обычный 3 12 2 2 6" xfId="18615"/>
    <cellStyle name="Обычный 3 12 2 2 6 2" xfId="18616"/>
    <cellStyle name="Обычный 3 12 2 2 6 2 2" xfId="18617"/>
    <cellStyle name="Обычный 3 12 2 2 6 3" xfId="18618"/>
    <cellStyle name="Обычный 3 12 2 2 6 3 2" xfId="18619"/>
    <cellStyle name="Обычный 3 12 2 2 6 4" xfId="18620"/>
    <cellStyle name="Обычный 3 12 2 2 7" xfId="18621"/>
    <cellStyle name="Обычный 3 12 2 2 7 2" xfId="18622"/>
    <cellStyle name="Обычный 3 12 2 2 8" xfId="18623"/>
    <cellStyle name="Обычный 3 12 2 2 8 2" xfId="18624"/>
    <cellStyle name="Обычный 3 12 2 2 9" xfId="18625"/>
    <cellStyle name="Обычный 3 12 2 2 9 2" xfId="18626"/>
    <cellStyle name="Обычный 3 12 2 3" xfId="18627"/>
    <cellStyle name="Обычный 3 12 2 3 2" xfId="18628"/>
    <cellStyle name="Обычный 3 12 2 3 2 2" xfId="18629"/>
    <cellStyle name="Обычный 3 12 2 3 2 2 2" xfId="18630"/>
    <cellStyle name="Обычный 3 12 2 3 2 2 2 2" xfId="18631"/>
    <cellStyle name="Обычный 3 12 2 3 2 2 3" xfId="18632"/>
    <cellStyle name="Обычный 3 12 2 3 2 2 3 2" xfId="18633"/>
    <cellStyle name="Обычный 3 12 2 3 2 2 4" xfId="18634"/>
    <cellStyle name="Обычный 3 12 2 3 2 3" xfId="18635"/>
    <cellStyle name="Обычный 3 12 2 3 2 3 2" xfId="18636"/>
    <cellStyle name="Обычный 3 12 2 3 2 4" xfId="18637"/>
    <cellStyle name="Обычный 3 12 2 3 2 4 2" xfId="18638"/>
    <cellStyle name="Обычный 3 12 2 3 2 5" xfId="18639"/>
    <cellStyle name="Обычный 3 12 2 3 2 5 2" xfId="18640"/>
    <cellStyle name="Обычный 3 12 2 3 2 6" xfId="18641"/>
    <cellStyle name="Обычный 3 12 2 3 3" xfId="18642"/>
    <cellStyle name="Обычный 3 12 2 3 3 2" xfId="18643"/>
    <cellStyle name="Обычный 3 12 2 3 3 2 2" xfId="18644"/>
    <cellStyle name="Обычный 3 12 2 3 3 2 2 2" xfId="18645"/>
    <cellStyle name="Обычный 3 12 2 3 3 2 3" xfId="18646"/>
    <cellStyle name="Обычный 3 12 2 3 3 2 3 2" xfId="18647"/>
    <cellStyle name="Обычный 3 12 2 3 3 2 4" xfId="18648"/>
    <cellStyle name="Обычный 3 12 2 3 3 3" xfId="18649"/>
    <cellStyle name="Обычный 3 12 2 3 3 3 2" xfId="18650"/>
    <cellStyle name="Обычный 3 12 2 3 3 4" xfId="18651"/>
    <cellStyle name="Обычный 3 12 2 3 3 4 2" xfId="18652"/>
    <cellStyle name="Обычный 3 12 2 3 3 5" xfId="18653"/>
    <cellStyle name="Обычный 3 12 2 3 3 5 2" xfId="18654"/>
    <cellStyle name="Обычный 3 12 2 3 3 6" xfId="18655"/>
    <cellStyle name="Обычный 3 12 2 3 4" xfId="18656"/>
    <cellStyle name="Обычный 3 12 2 3 4 2" xfId="18657"/>
    <cellStyle name="Обычный 3 12 2 3 4 2 2" xfId="18658"/>
    <cellStyle name="Обычный 3 12 2 3 4 2 2 2" xfId="18659"/>
    <cellStyle name="Обычный 3 12 2 3 4 2 3" xfId="18660"/>
    <cellStyle name="Обычный 3 12 2 3 4 2 3 2" xfId="18661"/>
    <cellStyle name="Обычный 3 12 2 3 4 2 4" xfId="18662"/>
    <cellStyle name="Обычный 3 12 2 3 4 3" xfId="18663"/>
    <cellStyle name="Обычный 3 12 2 3 4 3 2" xfId="18664"/>
    <cellStyle name="Обычный 3 12 2 3 4 4" xfId="18665"/>
    <cellStyle name="Обычный 3 12 2 3 4 4 2" xfId="18666"/>
    <cellStyle name="Обычный 3 12 2 3 4 5" xfId="18667"/>
    <cellStyle name="Обычный 3 12 2 3 4 5 2" xfId="18668"/>
    <cellStyle name="Обычный 3 12 2 3 4 6" xfId="18669"/>
    <cellStyle name="Обычный 3 12 2 3 5" xfId="18670"/>
    <cellStyle name="Обычный 3 12 2 3 5 2" xfId="18671"/>
    <cellStyle name="Обычный 3 12 2 3 5 2 2" xfId="18672"/>
    <cellStyle name="Обычный 3 12 2 3 5 3" xfId="18673"/>
    <cellStyle name="Обычный 3 12 2 3 5 3 2" xfId="18674"/>
    <cellStyle name="Обычный 3 12 2 3 5 4" xfId="18675"/>
    <cellStyle name="Обычный 3 12 2 3 6" xfId="18676"/>
    <cellStyle name="Обычный 3 12 2 3 6 2" xfId="18677"/>
    <cellStyle name="Обычный 3 12 2 3 7" xfId="18678"/>
    <cellStyle name="Обычный 3 12 2 3 7 2" xfId="18679"/>
    <cellStyle name="Обычный 3 12 2 3 8" xfId="18680"/>
    <cellStyle name="Обычный 3 12 2 3 8 2" xfId="18681"/>
    <cellStyle name="Обычный 3 12 2 3 9" xfId="18682"/>
    <cellStyle name="Обычный 3 12 2 4" xfId="18683"/>
    <cellStyle name="Обычный 3 12 2 4 2" xfId="18684"/>
    <cellStyle name="Обычный 3 12 2 4 2 2" xfId="18685"/>
    <cellStyle name="Обычный 3 12 2 4 2 2 2" xfId="18686"/>
    <cellStyle name="Обычный 3 12 2 4 2 3" xfId="18687"/>
    <cellStyle name="Обычный 3 12 2 4 2 3 2" xfId="18688"/>
    <cellStyle name="Обычный 3 12 2 4 2 4" xfId="18689"/>
    <cellStyle name="Обычный 3 12 2 4 3" xfId="18690"/>
    <cellStyle name="Обычный 3 12 2 4 3 2" xfId="18691"/>
    <cellStyle name="Обычный 3 12 2 4 4" xfId="18692"/>
    <cellStyle name="Обычный 3 12 2 4 4 2" xfId="18693"/>
    <cellStyle name="Обычный 3 12 2 4 5" xfId="18694"/>
    <cellStyle name="Обычный 3 12 2 4 5 2" xfId="18695"/>
    <cellStyle name="Обычный 3 12 2 4 6" xfId="18696"/>
    <cellStyle name="Обычный 3 12 2 5" xfId="18697"/>
    <cellStyle name="Обычный 3 12 2 5 2" xfId="18698"/>
    <cellStyle name="Обычный 3 12 2 5 2 2" xfId="18699"/>
    <cellStyle name="Обычный 3 12 2 5 2 2 2" xfId="18700"/>
    <cellStyle name="Обычный 3 12 2 5 2 3" xfId="18701"/>
    <cellStyle name="Обычный 3 12 2 5 2 3 2" xfId="18702"/>
    <cellStyle name="Обычный 3 12 2 5 2 4" xfId="18703"/>
    <cellStyle name="Обычный 3 12 2 5 3" xfId="18704"/>
    <cellStyle name="Обычный 3 12 2 5 3 2" xfId="18705"/>
    <cellStyle name="Обычный 3 12 2 5 4" xfId="18706"/>
    <cellStyle name="Обычный 3 12 2 5 4 2" xfId="18707"/>
    <cellStyle name="Обычный 3 12 2 5 5" xfId="18708"/>
    <cellStyle name="Обычный 3 12 2 5 5 2" xfId="18709"/>
    <cellStyle name="Обычный 3 12 2 5 6" xfId="18710"/>
    <cellStyle name="Обычный 3 12 2 6" xfId="18711"/>
    <cellStyle name="Обычный 3 12 2 6 2" xfId="18712"/>
    <cellStyle name="Обычный 3 12 2 6 2 2" xfId="18713"/>
    <cellStyle name="Обычный 3 12 2 6 2 2 2" xfId="18714"/>
    <cellStyle name="Обычный 3 12 2 6 2 3" xfId="18715"/>
    <cellStyle name="Обычный 3 12 2 6 2 3 2" xfId="18716"/>
    <cellStyle name="Обычный 3 12 2 6 2 4" xfId="18717"/>
    <cellStyle name="Обычный 3 12 2 6 3" xfId="18718"/>
    <cellStyle name="Обычный 3 12 2 6 3 2" xfId="18719"/>
    <cellStyle name="Обычный 3 12 2 6 4" xfId="18720"/>
    <cellStyle name="Обычный 3 12 2 6 4 2" xfId="18721"/>
    <cellStyle name="Обычный 3 12 2 6 5" xfId="18722"/>
    <cellStyle name="Обычный 3 12 2 6 5 2" xfId="18723"/>
    <cellStyle name="Обычный 3 12 2 6 6" xfId="18724"/>
    <cellStyle name="Обычный 3 12 2 7" xfId="18725"/>
    <cellStyle name="Обычный 3 12 2 7 2" xfId="18726"/>
    <cellStyle name="Обычный 3 12 2 7 2 2" xfId="18727"/>
    <cellStyle name="Обычный 3 12 2 7 2 2 2" xfId="18728"/>
    <cellStyle name="Обычный 3 12 2 7 2 3" xfId="18729"/>
    <cellStyle name="Обычный 3 12 2 7 2 3 2" xfId="18730"/>
    <cellStyle name="Обычный 3 12 2 7 2 4" xfId="18731"/>
    <cellStyle name="Обычный 3 12 2 7 3" xfId="18732"/>
    <cellStyle name="Обычный 3 12 2 7 3 2" xfId="18733"/>
    <cellStyle name="Обычный 3 12 2 7 4" xfId="18734"/>
    <cellStyle name="Обычный 3 12 2 7 4 2" xfId="18735"/>
    <cellStyle name="Обычный 3 12 2 7 5" xfId="18736"/>
    <cellStyle name="Обычный 3 12 2 7 5 2" xfId="18737"/>
    <cellStyle name="Обычный 3 12 2 7 6" xfId="18738"/>
    <cellStyle name="Обычный 3 12 2 8" xfId="18739"/>
    <cellStyle name="Обычный 3 12 2 8 2" xfId="18740"/>
    <cellStyle name="Обычный 3 12 2 8 2 2" xfId="18741"/>
    <cellStyle name="Обычный 3 12 2 8 3" xfId="18742"/>
    <cellStyle name="Обычный 3 12 2 8 3 2" xfId="18743"/>
    <cellStyle name="Обычный 3 12 2 8 4" xfId="18744"/>
    <cellStyle name="Обычный 3 12 2 9" xfId="18745"/>
    <cellStyle name="Обычный 3 12 2 9 2" xfId="18746"/>
    <cellStyle name="Обычный 3 12 2 9 2 2" xfId="18747"/>
    <cellStyle name="Обычный 3 12 2 9 3" xfId="18748"/>
    <cellStyle name="Обычный 3 12 3" xfId="18749"/>
    <cellStyle name="Обычный 3 12 3 10" xfId="18750"/>
    <cellStyle name="Обычный 3 12 3 2" xfId="18751"/>
    <cellStyle name="Обычный 3 12 3 2 2" xfId="18752"/>
    <cellStyle name="Обычный 3 12 3 2 2 2" xfId="18753"/>
    <cellStyle name="Обычный 3 12 3 2 2 2 2" xfId="18754"/>
    <cellStyle name="Обычный 3 12 3 2 2 3" xfId="18755"/>
    <cellStyle name="Обычный 3 12 3 2 2 3 2" xfId="18756"/>
    <cellStyle name="Обычный 3 12 3 2 2 4" xfId="18757"/>
    <cellStyle name="Обычный 3 12 3 2 3" xfId="18758"/>
    <cellStyle name="Обычный 3 12 3 2 3 2" xfId="18759"/>
    <cellStyle name="Обычный 3 12 3 2 4" xfId="18760"/>
    <cellStyle name="Обычный 3 12 3 2 4 2" xfId="18761"/>
    <cellStyle name="Обычный 3 12 3 2 5" xfId="18762"/>
    <cellStyle name="Обычный 3 12 3 2 5 2" xfId="18763"/>
    <cellStyle name="Обычный 3 12 3 2 6" xfId="18764"/>
    <cellStyle name="Обычный 3 12 3 3" xfId="18765"/>
    <cellStyle name="Обычный 3 12 3 3 2" xfId="18766"/>
    <cellStyle name="Обычный 3 12 3 3 2 2" xfId="18767"/>
    <cellStyle name="Обычный 3 12 3 3 2 2 2" xfId="18768"/>
    <cellStyle name="Обычный 3 12 3 3 2 3" xfId="18769"/>
    <cellStyle name="Обычный 3 12 3 3 2 3 2" xfId="18770"/>
    <cellStyle name="Обычный 3 12 3 3 2 4" xfId="18771"/>
    <cellStyle name="Обычный 3 12 3 3 3" xfId="18772"/>
    <cellStyle name="Обычный 3 12 3 3 3 2" xfId="18773"/>
    <cellStyle name="Обычный 3 12 3 3 4" xfId="18774"/>
    <cellStyle name="Обычный 3 12 3 3 4 2" xfId="18775"/>
    <cellStyle name="Обычный 3 12 3 3 5" xfId="18776"/>
    <cellStyle name="Обычный 3 12 3 3 5 2" xfId="18777"/>
    <cellStyle name="Обычный 3 12 3 3 6" xfId="18778"/>
    <cellStyle name="Обычный 3 12 3 4" xfId="18779"/>
    <cellStyle name="Обычный 3 12 3 4 2" xfId="18780"/>
    <cellStyle name="Обычный 3 12 3 4 2 2" xfId="18781"/>
    <cellStyle name="Обычный 3 12 3 4 2 2 2" xfId="18782"/>
    <cellStyle name="Обычный 3 12 3 4 2 3" xfId="18783"/>
    <cellStyle name="Обычный 3 12 3 4 2 3 2" xfId="18784"/>
    <cellStyle name="Обычный 3 12 3 4 2 4" xfId="18785"/>
    <cellStyle name="Обычный 3 12 3 4 3" xfId="18786"/>
    <cellStyle name="Обычный 3 12 3 4 3 2" xfId="18787"/>
    <cellStyle name="Обычный 3 12 3 4 4" xfId="18788"/>
    <cellStyle name="Обычный 3 12 3 4 4 2" xfId="18789"/>
    <cellStyle name="Обычный 3 12 3 4 5" xfId="18790"/>
    <cellStyle name="Обычный 3 12 3 4 5 2" xfId="18791"/>
    <cellStyle name="Обычный 3 12 3 4 6" xfId="18792"/>
    <cellStyle name="Обычный 3 12 3 5" xfId="18793"/>
    <cellStyle name="Обычный 3 12 3 5 2" xfId="18794"/>
    <cellStyle name="Обычный 3 12 3 5 2 2" xfId="18795"/>
    <cellStyle name="Обычный 3 12 3 5 2 2 2" xfId="18796"/>
    <cellStyle name="Обычный 3 12 3 5 2 3" xfId="18797"/>
    <cellStyle name="Обычный 3 12 3 5 2 3 2" xfId="18798"/>
    <cellStyle name="Обычный 3 12 3 5 2 4" xfId="18799"/>
    <cellStyle name="Обычный 3 12 3 5 3" xfId="18800"/>
    <cellStyle name="Обычный 3 12 3 5 3 2" xfId="18801"/>
    <cellStyle name="Обычный 3 12 3 5 4" xfId="18802"/>
    <cellStyle name="Обычный 3 12 3 5 4 2" xfId="18803"/>
    <cellStyle name="Обычный 3 12 3 5 5" xfId="18804"/>
    <cellStyle name="Обычный 3 12 3 5 5 2" xfId="18805"/>
    <cellStyle name="Обычный 3 12 3 5 6" xfId="18806"/>
    <cellStyle name="Обычный 3 12 3 6" xfId="18807"/>
    <cellStyle name="Обычный 3 12 3 6 2" xfId="18808"/>
    <cellStyle name="Обычный 3 12 3 6 2 2" xfId="18809"/>
    <cellStyle name="Обычный 3 12 3 6 3" xfId="18810"/>
    <cellStyle name="Обычный 3 12 3 6 3 2" xfId="18811"/>
    <cellStyle name="Обычный 3 12 3 6 4" xfId="18812"/>
    <cellStyle name="Обычный 3 12 3 7" xfId="18813"/>
    <cellStyle name="Обычный 3 12 3 7 2" xfId="18814"/>
    <cellStyle name="Обычный 3 12 3 8" xfId="18815"/>
    <cellStyle name="Обычный 3 12 3 8 2" xfId="18816"/>
    <cellStyle name="Обычный 3 12 3 9" xfId="18817"/>
    <cellStyle name="Обычный 3 12 3 9 2" xfId="18818"/>
    <cellStyle name="Обычный 3 12 4" xfId="18819"/>
    <cellStyle name="Обычный 3 12 4 2" xfId="18820"/>
    <cellStyle name="Обычный 3 12 4 2 2" xfId="18821"/>
    <cellStyle name="Обычный 3 12 4 2 2 2" xfId="18822"/>
    <cellStyle name="Обычный 3 12 4 2 2 2 2" xfId="18823"/>
    <cellStyle name="Обычный 3 12 4 2 2 3" xfId="18824"/>
    <cellStyle name="Обычный 3 12 4 2 2 3 2" xfId="18825"/>
    <cellStyle name="Обычный 3 12 4 2 2 4" xfId="18826"/>
    <cellStyle name="Обычный 3 12 4 2 3" xfId="18827"/>
    <cellStyle name="Обычный 3 12 4 2 3 2" xfId="18828"/>
    <cellStyle name="Обычный 3 12 4 2 4" xfId="18829"/>
    <cellStyle name="Обычный 3 12 4 2 4 2" xfId="18830"/>
    <cellStyle name="Обычный 3 12 4 2 5" xfId="18831"/>
    <cellStyle name="Обычный 3 12 4 2 5 2" xfId="18832"/>
    <cellStyle name="Обычный 3 12 4 2 6" xfId="18833"/>
    <cellStyle name="Обычный 3 12 4 3" xfId="18834"/>
    <cellStyle name="Обычный 3 12 4 3 2" xfId="18835"/>
    <cellStyle name="Обычный 3 12 4 3 2 2" xfId="18836"/>
    <cellStyle name="Обычный 3 12 4 3 2 2 2" xfId="18837"/>
    <cellStyle name="Обычный 3 12 4 3 2 3" xfId="18838"/>
    <cellStyle name="Обычный 3 12 4 3 2 3 2" xfId="18839"/>
    <cellStyle name="Обычный 3 12 4 3 2 4" xfId="18840"/>
    <cellStyle name="Обычный 3 12 4 3 3" xfId="18841"/>
    <cellStyle name="Обычный 3 12 4 3 3 2" xfId="18842"/>
    <cellStyle name="Обычный 3 12 4 3 4" xfId="18843"/>
    <cellStyle name="Обычный 3 12 4 3 4 2" xfId="18844"/>
    <cellStyle name="Обычный 3 12 4 3 5" xfId="18845"/>
    <cellStyle name="Обычный 3 12 4 3 5 2" xfId="18846"/>
    <cellStyle name="Обычный 3 12 4 3 6" xfId="18847"/>
    <cellStyle name="Обычный 3 12 4 4" xfId="18848"/>
    <cellStyle name="Обычный 3 12 4 4 2" xfId="18849"/>
    <cellStyle name="Обычный 3 12 4 4 2 2" xfId="18850"/>
    <cellStyle name="Обычный 3 12 4 4 2 2 2" xfId="18851"/>
    <cellStyle name="Обычный 3 12 4 4 2 3" xfId="18852"/>
    <cellStyle name="Обычный 3 12 4 4 2 3 2" xfId="18853"/>
    <cellStyle name="Обычный 3 12 4 4 2 4" xfId="18854"/>
    <cellStyle name="Обычный 3 12 4 4 3" xfId="18855"/>
    <cellStyle name="Обычный 3 12 4 4 3 2" xfId="18856"/>
    <cellStyle name="Обычный 3 12 4 4 4" xfId="18857"/>
    <cellStyle name="Обычный 3 12 4 4 4 2" xfId="18858"/>
    <cellStyle name="Обычный 3 12 4 4 5" xfId="18859"/>
    <cellStyle name="Обычный 3 12 4 4 5 2" xfId="18860"/>
    <cellStyle name="Обычный 3 12 4 4 6" xfId="18861"/>
    <cellStyle name="Обычный 3 12 4 5" xfId="18862"/>
    <cellStyle name="Обычный 3 12 4 5 2" xfId="18863"/>
    <cellStyle name="Обычный 3 12 4 5 2 2" xfId="18864"/>
    <cellStyle name="Обычный 3 12 4 5 3" xfId="18865"/>
    <cellStyle name="Обычный 3 12 4 5 3 2" xfId="18866"/>
    <cellStyle name="Обычный 3 12 4 5 4" xfId="18867"/>
    <cellStyle name="Обычный 3 12 4 6" xfId="18868"/>
    <cellStyle name="Обычный 3 12 4 6 2" xfId="18869"/>
    <cellStyle name="Обычный 3 12 4 7" xfId="18870"/>
    <cellStyle name="Обычный 3 12 4 7 2" xfId="18871"/>
    <cellStyle name="Обычный 3 12 4 8" xfId="18872"/>
    <cellStyle name="Обычный 3 12 4 8 2" xfId="18873"/>
    <cellStyle name="Обычный 3 12 4 9" xfId="18874"/>
    <cellStyle name="Обычный 3 12 5" xfId="18875"/>
    <cellStyle name="Обычный 3 12 5 2" xfId="18876"/>
    <cellStyle name="Обычный 3 12 5 2 2" xfId="18877"/>
    <cellStyle name="Обычный 3 12 5 2 2 2" xfId="18878"/>
    <cellStyle name="Обычный 3 12 5 2 3" xfId="18879"/>
    <cellStyle name="Обычный 3 12 5 2 3 2" xfId="18880"/>
    <cellStyle name="Обычный 3 12 5 2 4" xfId="18881"/>
    <cellStyle name="Обычный 3 12 5 3" xfId="18882"/>
    <cellStyle name="Обычный 3 12 5 3 2" xfId="18883"/>
    <cellStyle name="Обычный 3 12 5 4" xfId="18884"/>
    <cellStyle name="Обычный 3 12 5 4 2" xfId="18885"/>
    <cellStyle name="Обычный 3 12 5 5" xfId="18886"/>
    <cellStyle name="Обычный 3 12 5 5 2" xfId="18887"/>
    <cellStyle name="Обычный 3 12 5 6" xfId="18888"/>
    <cellStyle name="Обычный 3 12 6" xfId="18889"/>
    <cellStyle name="Обычный 3 12 6 2" xfId="18890"/>
    <cellStyle name="Обычный 3 12 6 2 2" xfId="18891"/>
    <cellStyle name="Обычный 3 12 6 2 2 2" xfId="18892"/>
    <cellStyle name="Обычный 3 12 6 2 3" xfId="18893"/>
    <cellStyle name="Обычный 3 12 6 2 3 2" xfId="18894"/>
    <cellStyle name="Обычный 3 12 6 2 4" xfId="18895"/>
    <cellStyle name="Обычный 3 12 6 3" xfId="18896"/>
    <cellStyle name="Обычный 3 12 6 3 2" xfId="18897"/>
    <cellStyle name="Обычный 3 12 6 4" xfId="18898"/>
    <cellStyle name="Обычный 3 12 6 4 2" xfId="18899"/>
    <cellStyle name="Обычный 3 12 6 5" xfId="18900"/>
    <cellStyle name="Обычный 3 12 6 5 2" xfId="18901"/>
    <cellStyle name="Обычный 3 12 6 6" xfId="18902"/>
    <cellStyle name="Обычный 3 12 7" xfId="18903"/>
    <cellStyle name="Обычный 3 12 7 2" xfId="18904"/>
    <cellStyle name="Обычный 3 12 7 2 2" xfId="18905"/>
    <cellStyle name="Обычный 3 12 7 2 2 2" xfId="18906"/>
    <cellStyle name="Обычный 3 12 7 2 3" xfId="18907"/>
    <cellStyle name="Обычный 3 12 7 2 3 2" xfId="18908"/>
    <cellStyle name="Обычный 3 12 7 2 4" xfId="18909"/>
    <cellStyle name="Обычный 3 12 7 3" xfId="18910"/>
    <cellStyle name="Обычный 3 12 7 3 2" xfId="18911"/>
    <cellStyle name="Обычный 3 12 7 4" xfId="18912"/>
    <cellStyle name="Обычный 3 12 7 4 2" xfId="18913"/>
    <cellStyle name="Обычный 3 12 7 5" xfId="18914"/>
    <cellStyle name="Обычный 3 12 7 5 2" xfId="18915"/>
    <cellStyle name="Обычный 3 12 7 6" xfId="18916"/>
    <cellStyle name="Обычный 3 12 8" xfId="18917"/>
    <cellStyle name="Обычный 3 12 8 2" xfId="18918"/>
    <cellStyle name="Обычный 3 12 8 2 2" xfId="18919"/>
    <cellStyle name="Обычный 3 12 8 2 2 2" xfId="18920"/>
    <cellStyle name="Обычный 3 12 8 2 3" xfId="18921"/>
    <cellStyle name="Обычный 3 12 8 2 3 2" xfId="18922"/>
    <cellStyle name="Обычный 3 12 8 2 4" xfId="18923"/>
    <cellStyle name="Обычный 3 12 8 3" xfId="18924"/>
    <cellStyle name="Обычный 3 12 8 3 2" xfId="18925"/>
    <cellStyle name="Обычный 3 12 8 4" xfId="18926"/>
    <cellStyle name="Обычный 3 12 8 4 2" xfId="18927"/>
    <cellStyle name="Обычный 3 12 8 5" xfId="18928"/>
    <cellStyle name="Обычный 3 12 8 5 2" xfId="18929"/>
    <cellStyle name="Обычный 3 12 8 6" xfId="18930"/>
    <cellStyle name="Обычный 3 12 9" xfId="18931"/>
    <cellStyle name="Обычный 3 12 9 2" xfId="18932"/>
    <cellStyle name="Обычный 3 12 9 2 2" xfId="18933"/>
    <cellStyle name="Обычный 3 12 9 3" xfId="18934"/>
    <cellStyle name="Обычный 3 12 9 3 2" xfId="18935"/>
    <cellStyle name="Обычный 3 12 9 4" xfId="18936"/>
    <cellStyle name="Обычный 3 13" xfId="18937"/>
    <cellStyle name="Обычный 3 13 10" xfId="18938"/>
    <cellStyle name="Обычный 3 13 10 2" xfId="18939"/>
    <cellStyle name="Обычный 3 13 10 2 2" xfId="18940"/>
    <cellStyle name="Обычный 3 13 10 3" xfId="18941"/>
    <cellStyle name="Обычный 3 13 11" xfId="18942"/>
    <cellStyle name="Обычный 3 13 11 2" xfId="18943"/>
    <cellStyle name="Обычный 3 13 12" xfId="18944"/>
    <cellStyle name="Обычный 3 13 12 2" xfId="18945"/>
    <cellStyle name="Обычный 3 13 13" xfId="18946"/>
    <cellStyle name="Обычный 3 13 14" xfId="18947"/>
    <cellStyle name="Обычный 3 13 2" xfId="18948"/>
    <cellStyle name="Обычный 3 13 2 10" xfId="18949"/>
    <cellStyle name="Обычный 3 13 2 10 2" xfId="18950"/>
    <cellStyle name="Обычный 3 13 2 11" xfId="18951"/>
    <cellStyle name="Обычный 3 13 2 11 2" xfId="18952"/>
    <cellStyle name="Обычный 3 13 2 12" xfId="18953"/>
    <cellStyle name="Обычный 3 13 2 13" xfId="18954"/>
    <cellStyle name="Обычный 3 13 2 2" xfId="18955"/>
    <cellStyle name="Обычный 3 13 2 2 10" xfId="18956"/>
    <cellStyle name="Обычный 3 13 2 2 2" xfId="18957"/>
    <cellStyle name="Обычный 3 13 2 2 2 2" xfId="18958"/>
    <cellStyle name="Обычный 3 13 2 2 2 2 2" xfId="18959"/>
    <cellStyle name="Обычный 3 13 2 2 2 2 2 2" xfId="18960"/>
    <cellStyle name="Обычный 3 13 2 2 2 2 3" xfId="18961"/>
    <cellStyle name="Обычный 3 13 2 2 2 2 3 2" xfId="18962"/>
    <cellStyle name="Обычный 3 13 2 2 2 2 4" xfId="18963"/>
    <cellStyle name="Обычный 3 13 2 2 2 3" xfId="18964"/>
    <cellStyle name="Обычный 3 13 2 2 2 3 2" xfId="18965"/>
    <cellStyle name="Обычный 3 13 2 2 2 4" xfId="18966"/>
    <cellStyle name="Обычный 3 13 2 2 2 4 2" xfId="18967"/>
    <cellStyle name="Обычный 3 13 2 2 2 5" xfId="18968"/>
    <cellStyle name="Обычный 3 13 2 2 2 5 2" xfId="18969"/>
    <cellStyle name="Обычный 3 13 2 2 2 6" xfId="18970"/>
    <cellStyle name="Обычный 3 13 2 2 3" xfId="18971"/>
    <cellStyle name="Обычный 3 13 2 2 3 2" xfId="18972"/>
    <cellStyle name="Обычный 3 13 2 2 3 2 2" xfId="18973"/>
    <cellStyle name="Обычный 3 13 2 2 3 2 2 2" xfId="18974"/>
    <cellStyle name="Обычный 3 13 2 2 3 2 3" xfId="18975"/>
    <cellStyle name="Обычный 3 13 2 2 3 2 3 2" xfId="18976"/>
    <cellStyle name="Обычный 3 13 2 2 3 2 4" xfId="18977"/>
    <cellStyle name="Обычный 3 13 2 2 3 3" xfId="18978"/>
    <cellStyle name="Обычный 3 13 2 2 3 3 2" xfId="18979"/>
    <cellStyle name="Обычный 3 13 2 2 3 4" xfId="18980"/>
    <cellStyle name="Обычный 3 13 2 2 3 4 2" xfId="18981"/>
    <cellStyle name="Обычный 3 13 2 2 3 5" xfId="18982"/>
    <cellStyle name="Обычный 3 13 2 2 3 5 2" xfId="18983"/>
    <cellStyle name="Обычный 3 13 2 2 3 6" xfId="18984"/>
    <cellStyle name="Обычный 3 13 2 2 4" xfId="18985"/>
    <cellStyle name="Обычный 3 13 2 2 4 2" xfId="18986"/>
    <cellStyle name="Обычный 3 13 2 2 4 2 2" xfId="18987"/>
    <cellStyle name="Обычный 3 13 2 2 4 2 2 2" xfId="18988"/>
    <cellStyle name="Обычный 3 13 2 2 4 2 3" xfId="18989"/>
    <cellStyle name="Обычный 3 13 2 2 4 2 3 2" xfId="18990"/>
    <cellStyle name="Обычный 3 13 2 2 4 2 4" xfId="18991"/>
    <cellStyle name="Обычный 3 13 2 2 4 3" xfId="18992"/>
    <cellStyle name="Обычный 3 13 2 2 4 3 2" xfId="18993"/>
    <cellStyle name="Обычный 3 13 2 2 4 4" xfId="18994"/>
    <cellStyle name="Обычный 3 13 2 2 4 4 2" xfId="18995"/>
    <cellStyle name="Обычный 3 13 2 2 4 5" xfId="18996"/>
    <cellStyle name="Обычный 3 13 2 2 4 5 2" xfId="18997"/>
    <cellStyle name="Обычный 3 13 2 2 4 6" xfId="18998"/>
    <cellStyle name="Обычный 3 13 2 2 5" xfId="18999"/>
    <cellStyle name="Обычный 3 13 2 2 5 2" xfId="19000"/>
    <cellStyle name="Обычный 3 13 2 2 5 2 2" xfId="19001"/>
    <cellStyle name="Обычный 3 13 2 2 5 2 2 2" xfId="19002"/>
    <cellStyle name="Обычный 3 13 2 2 5 2 3" xfId="19003"/>
    <cellStyle name="Обычный 3 13 2 2 5 2 3 2" xfId="19004"/>
    <cellStyle name="Обычный 3 13 2 2 5 2 4" xfId="19005"/>
    <cellStyle name="Обычный 3 13 2 2 5 3" xfId="19006"/>
    <cellStyle name="Обычный 3 13 2 2 5 3 2" xfId="19007"/>
    <cellStyle name="Обычный 3 13 2 2 5 4" xfId="19008"/>
    <cellStyle name="Обычный 3 13 2 2 5 4 2" xfId="19009"/>
    <cellStyle name="Обычный 3 13 2 2 5 5" xfId="19010"/>
    <cellStyle name="Обычный 3 13 2 2 5 5 2" xfId="19011"/>
    <cellStyle name="Обычный 3 13 2 2 5 6" xfId="19012"/>
    <cellStyle name="Обычный 3 13 2 2 6" xfId="19013"/>
    <cellStyle name="Обычный 3 13 2 2 6 2" xfId="19014"/>
    <cellStyle name="Обычный 3 13 2 2 6 2 2" xfId="19015"/>
    <cellStyle name="Обычный 3 13 2 2 6 3" xfId="19016"/>
    <cellStyle name="Обычный 3 13 2 2 6 3 2" xfId="19017"/>
    <cellStyle name="Обычный 3 13 2 2 6 4" xfId="19018"/>
    <cellStyle name="Обычный 3 13 2 2 7" xfId="19019"/>
    <cellStyle name="Обычный 3 13 2 2 7 2" xfId="19020"/>
    <cellStyle name="Обычный 3 13 2 2 8" xfId="19021"/>
    <cellStyle name="Обычный 3 13 2 2 8 2" xfId="19022"/>
    <cellStyle name="Обычный 3 13 2 2 9" xfId="19023"/>
    <cellStyle name="Обычный 3 13 2 2 9 2" xfId="19024"/>
    <cellStyle name="Обычный 3 13 2 3" xfId="19025"/>
    <cellStyle name="Обычный 3 13 2 3 2" xfId="19026"/>
    <cellStyle name="Обычный 3 13 2 3 2 2" xfId="19027"/>
    <cellStyle name="Обычный 3 13 2 3 2 2 2" xfId="19028"/>
    <cellStyle name="Обычный 3 13 2 3 2 2 2 2" xfId="19029"/>
    <cellStyle name="Обычный 3 13 2 3 2 2 3" xfId="19030"/>
    <cellStyle name="Обычный 3 13 2 3 2 2 3 2" xfId="19031"/>
    <cellStyle name="Обычный 3 13 2 3 2 2 4" xfId="19032"/>
    <cellStyle name="Обычный 3 13 2 3 2 3" xfId="19033"/>
    <cellStyle name="Обычный 3 13 2 3 2 3 2" xfId="19034"/>
    <cellStyle name="Обычный 3 13 2 3 2 4" xfId="19035"/>
    <cellStyle name="Обычный 3 13 2 3 2 4 2" xfId="19036"/>
    <cellStyle name="Обычный 3 13 2 3 2 5" xfId="19037"/>
    <cellStyle name="Обычный 3 13 2 3 2 5 2" xfId="19038"/>
    <cellStyle name="Обычный 3 13 2 3 2 6" xfId="19039"/>
    <cellStyle name="Обычный 3 13 2 3 3" xfId="19040"/>
    <cellStyle name="Обычный 3 13 2 3 3 2" xfId="19041"/>
    <cellStyle name="Обычный 3 13 2 3 3 2 2" xfId="19042"/>
    <cellStyle name="Обычный 3 13 2 3 3 2 2 2" xfId="19043"/>
    <cellStyle name="Обычный 3 13 2 3 3 2 3" xfId="19044"/>
    <cellStyle name="Обычный 3 13 2 3 3 2 3 2" xfId="19045"/>
    <cellStyle name="Обычный 3 13 2 3 3 2 4" xfId="19046"/>
    <cellStyle name="Обычный 3 13 2 3 3 3" xfId="19047"/>
    <cellStyle name="Обычный 3 13 2 3 3 3 2" xfId="19048"/>
    <cellStyle name="Обычный 3 13 2 3 3 4" xfId="19049"/>
    <cellStyle name="Обычный 3 13 2 3 3 4 2" xfId="19050"/>
    <cellStyle name="Обычный 3 13 2 3 3 5" xfId="19051"/>
    <cellStyle name="Обычный 3 13 2 3 3 5 2" xfId="19052"/>
    <cellStyle name="Обычный 3 13 2 3 3 6" xfId="19053"/>
    <cellStyle name="Обычный 3 13 2 3 4" xfId="19054"/>
    <cellStyle name="Обычный 3 13 2 3 4 2" xfId="19055"/>
    <cellStyle name="Обычный 3 13 2 3 4 2 2" xfId="19056"/>
    <cellStyle name="Обычный 3 13 2 3 4 2 2 2" xfId="19057"/>
    <cellStyle name="Обычный 3 13 2 3 4 2 3" xfId="19058"/>
    <cellStyle name="Обычный 3 13 2 3 4 2 3 2" xfId="19059"/>
    <cellStyle name="Обычный 3 13 2 3 4 2 4" xfId="19060"/>
    <cellStyle name="Обычный 3 13 2 3 4 3" xfId="19061"/>
    <cellStyle name="Обычный 3 13 2 3 4 3 2" xfId="19062"/>
    <cellStyle name="Обычный 3 13 2 3 4 4" xfId="19063"/>
    <cellStyle name="Обычный 3 13 2 3 4 4 2" xfId="19064"/>
    <cellStyle name="Обычный 3 13 2 3 4 5" xfId="19065"/>
    <cellStyle name="Обычный 3 13 2 3 4 5 2" xfId="19066"/>
    <cellStyle name="Обычный 3 13 2 3 4 6" xfId="19067"/>
    <cellStyle name="Обычный 3 13 2 3 5" xfId="19068"/>
    <cellStyle name="Обычный 3 13 2 3 5 2" xfId="19069"/>
    <cellStyle name="Обычный 3 13 2 3 5 2 2" xfId="19070"/>
    <cellStyle name="Обычный 3 13 2 3 5 3" xfId="19071"/>
    <cellStyle name="Обычный 3 13 2 3 5 3 2" xfId="19072"/>
    <cellStyle name="Обычный 3 13 2 3 5 4" xfId="19073"/>
    <cellStyle name="Обычный 3 13 2 3 6" xfId="19074"/>
    <cellStyle name="Обычный 3 13 2 3 6 2" xfId="19075"/>
    <cellStyle name="Обычный 3 13 2 3 7" xfId="19076"/>
    <cellStyle name="Обычный 3 13 2 3 7 2" xfId="19077"/>
    <cellStyle name="Обычный 3 13 2 3 8" xfId="19078"/>
    <cellStyle name="Обычный 3 13 2 3 8 2" xfId="19079"/>
    <cellStyle name="Обычный 3 13 2 3 9" xfId="19080"/>
    <cellStyle name="Обычный 3 13 2 4" xfId="19081"/>
    <cellStyle name="Обычный 3 13 2 4 2" xfId="19082"/>
    <cellStyle name="Обычный 3 13 2 4 2 2" xfId="19083"/>
    <cellStyle name="Обычный 3 13 2 4 2 2 2" xfId="19084"/>
    <cellStyle name="Обычный 3 13 2 4 2 3" xfId="19085"/>
    <cellStyle name="Обычный 3 13 2 4 2 3 2" xfId="19086"/>
    <cellStyle name="Обычный 3 13 2 4 2 4" xfId="19087"/>
    <cellStyle name="Обычный 3 13 2 4 3" xfId="19088"/>
    <cellStyle name="Обычный 3 13 2 4 3 2" xfId="19089"/>
    <cellStyle name="Обычный 3 13 2 4 4" xfId="19090"/>
    <cellStyle name="Обычный 3 13 2 4 4 2" xfId="19091"/>
    <cellStyle name="Обычный 3 13 2 4 5" xfId="19092"/>
    <cellStyle name="Обычный 3 13 2 4 5 2" xfId="19093"/>
    <cellStyle name="Обычный 3 13 2 4 6" xfId="19094"/>
    <cellStyle name="Обычный 3 13 2 5" xfId="19095"/>
    <cellStyle name="Обычный 3 13 2 5 2" xfId="19096"/>
    <cellStyle name="Обычный 3 13 2 5 2 2" xfId="19097"/>
    <cellStyle name="Обычный 3 13 2 5 2 2 2" xfId="19098"/>
    <cellStyle name="Обычный 3 13 2 5 2 3" xfId="19099"/>
    <cellStyle name="Обычный 3 13 2 5 2 3 2" xfId="19100"/>
    <cellStyle name="Обычный 3 13 2 5 2 4" xfId="19101"/>
    <cellStyle name="Обычный 3 13 2 5 3" xfId="19102"/>
    <cellStyle name="Обычный 3 13 2 5 3 2" xfId="19103"/>
    <cellStyle name="Обычный 3 13 2 5 4" xfId="19104"/>
    <cellStyle name="Обычный 3 13 2 5 4 2" xfId="19105"/>
    <cellStyle name="Обычный 3 13 2 5 5" xfId="19106"/>
    <cellStyle name="Обычный 3 13 2 5 5 2" xfId="19107"/>
    <cellStyle name="Обычный 3 13 2 5 6" xfId="19108"/>
    <cellStyle name="Обычный 3 13 2 6" xfId="19109"/>
    <cellStyle name="Обычный 3 13 2 6 2" xfId="19110"/>
    <cellStyle name="Обычный 3 13 2 6 2 2" xfId="19111"/>
    <cellStyle name="Обычный 3 13 2 6 2 2 2" xfId="19112"/>
    <cellStyle name="Обычный 3 13 2 6 2 3" xfId="19113"/>
    <cellStyle name="Обычный 3 13 2 6 2 3 2" xfId="19114"/>
    <cellStyle name="Обычный 3 13 2 6 2 4" xfId="19115"/>
    <cellStyle name="Обычный 3 13 2 6 3" xfId="19116"/>
    <cellStyle name="Обычный 3 13 2 6 3 2" xfId="19117"/>
    <cellStyle name="Обычный 3 13 2 6 4" xfId="19118"/>
    <cellStyle name="Обычный 3 13 2 6 4 2" xfId="19119"/>
    <cellStyle name="Обычный 3 13 2 6 5" xfId="19120"/>
    <cellStyle name="Обычный 3 13 2 6 5 2" xfId="19121"/>
    <cellStyle name="Обычный 3 13 2 6 6" xfId="19122"/>
    <cellStyle name="Обычный 3 13 2 7" xfId="19123"/>
    <cellStyle name="Обычный 3 13 2 7 2" xfId="19124"/>
    <cellStyle name="Обычный 3 13 2 7 2 2" xfId="19125"/>
    <cellStyle name="Обычный 3 13 2 7 2 2 2" xfId="19126"/>
    <cellStyle name="Обычный 3 13 2 7 2 3" xfId="19127"/>
    <cellStyle name="Обычный 3 13 2 7 2 3 2" xfId="19128"/>
    <cellStyle name="Обычный 3 13 2 7 2 4" xfId="19129"/>
    <cellStyle name="Обычный 3 13 2 7 3" xfId="19130"/>
    <cellStyle name="Обычный 3 13 2 7 3 2" xfId="19131"/>
    <cellStyle name="Обычный 3 13 2 7 4" xfId="19132"/>
    <cellStyle name="Обычный 3 13 2 7 4 2" xfId="19133"/>
    <cellStyle name="Обычный 3 13 2 7 5" xfId="19134"/>
    <cellStyle name="Обычный 3 13 2 7 5 2" xfId="19135"/>
    <cellStyle name="Обычный 3 13 2 7 6" xfId="19136"/>
    <cellStyle name="Обычный 3 13 2 8" xfId="19137"/>
    <cellStyle name="Обычный 3 13 2 8 2" xfId="19138"/>
    <cellStyle name="Обычный 3 13 2 8 2 2" xfId="19139"/>
    <cellStyle name="Обычный 3 13 2 8 3" xfId="19140"/>
    <cellStyle name="Обычный 3 13 2 8 3 2" xfId="19141"/>
    <cellStyle name="Обычный 3 13 2 8 4" xfId="19142"/>
    <cellStyle name="Обычный 3 13 2 9" xfId="19143"/>
    <cellStyle name="Обычный 3 13 2 9 2" xfId="19144"/>
    <cellStyle name="Обычный 3 13 2 9 2 2" xfId="19145"/>
    <cellStyle name="Обычный 3 13 2 9 3" xfId="19146"/>
    <cellStyle name="Обычный 3 13 3" xfId="19147"/>
    <cellStyle name="Обычный 3 13 3 10" xfId="19148"/>
    <cellStyle name="Обычный 3 13 3 2" xfId="19149"/>
    <cellStyle name="Обычный 3 13 3 2 2" xfId="19150"/>
    <cellStyle name="Обычный 3 13 3 2 2 2" xfId="19151"/>
    <cellStyle name="Обычный 3 13 3 2 2 2 2" xfId="19152"/>
    <cellStyle name="Обычный 3 13 3 2 2 3" xfId="19153"/>
    <cellStyle name="Обычный 3 13 3 2 2 3 2" xfId="19154"/>
    <cellStyle name="Обычный 3 13 3 2 2 4" xfId="19155"/>
    <cellStyle name="Обычный 3 13 3 2 3" xfId="19156"/>
    <cellStyle name="Обычный 3 13 3 2 3 2" xfId="19157"/>
    <cellStyle name="Обычный 3 13 3 2 4" xfId="19158"/>
    <cellStyle name="Обычный 3 13 3 2 4 2" xfId="19159"/>
    <cellStyle name="Обычный 3 13 3 2 5" xfId="19160"/>
    <cellStyle name="Обычный 3 13 3 2 5 2" xfId="19161"/>
    <cellStyle name="Обычный 3 13 3 2 6" xfId="19162"/>
    <cellStyle name="Обычный 3 13 3 3" xfId="19163"/>
    <cellStyle name="Обычный 3 13 3 3 2" xfId="19164"/>
    <cellStyle name="Обычный 3 13 3 3 2 2" xfId="19165"/>
    <cellStyle name="Обычный 3 13 3 3 2 2 2" xfId="19166"/>
    <cellStyle name="Обычный 3 13 3 3 2 3" xfId="19167"/>
    <cellStyle name="Обычный 3 13 3 3 2 3 2" xfId="19168"/>
    <cellStyle name="Обычный 3 13 3 3 2 4" xfId="19169"/>
    <cellStyle name="Обычный 3 13 3 3 3" xfId="19170"/>
    <cellStyle name="Обычный 3 13 3 3 3 2" xfId="19171"/>
    <cellStyle name="Обычный 3 13 3 3 4" xfId="19172"/>
    <cellStyle name="Обычный 3 13 3 3 4 2" xfId="19173"/>
    <cellStyle name="Обычный 3 13 3 3 5" xfId="19174"/>
    <cellStyle name="Обычный 3 13 3 3 5 2" xfId="19175"/>
    <cellStyle name="Обычный 3 13 3 3 6" xfId="19176"/>
    <cellStyle name="Обычный 3 13 3 4" xfId="19177"/>
    <cellStyle name="Обычный 3 13 3 4 2" xfId="19178"/>
    <cellStyle name="Обычный 3 13 3 4 2 2" xfId="19179"/>
    <cellStyle name="Обычный 3 13 3 4 2 2 2" xfId="19180"/>
    <cellStyle name="Обычный 3 13 3 4 2 3" xfId="19181"/>
    <cellStyle name="Обычный 3 13 3 4 2 3 2" xfId="19182"/>
    <cellStyle name="Обычный 3 13 3 4 2 4" xfId="19183"/>
    <cellStyle name="Обычный 3 13 3 4 3" xfId="19184"/>
    <cellStyle name="Обычный 3 13 3 4 3 2" xfId="19185"/>
    <cellStyle name="Обычный 3 13 3 4 4" xfId="19186"/>
    <cellStyle name="Обычный 3 13 3 4 4 2" xfId="19187"/>
    <cellStyle name="Обычный 3 13 3 4 5" xfId="19188"/>
    <cellStyle name="Обычный 3 13 3 4 5 2" xfId="19189"/>
    <cellStyle name="Обычный 3 13 3 4 6" xfId="19190"/>
    <cellStyle name="Обычный 3 13 3 5" xfId="19191"/>
    <cellStyle name="Обычный 3 13 3 5 2" xfId="19192"/>
    <cellStyle name="Обычный 3 13 3 5 2 2" xfId="19193"/>
    <cellStyle name="Обычный 3 13 3 5 2 2 2" xfId="19194"/>
    <cellStyle name="Обычный 3 13 3 5 2 3" xfId="19195"/>
    <cellStyle name="Обычный 3 13 3 5 2 3 2" xfId="19196"/>
    <cellStyle name="Обычный 3 13 3 5 2 4" xfId="19197"/>
    <cellStyle name="Обычный 3 13 3 5 3" xfId="19198"/>
    <cellStyle name="Обычный 3 13 3 5 3 2" xfId="19199"/>
    <cellStyle name="Обычный 3 13 3 5 4" xfId="19200"/>
    <cellStyle name="Обычный 3 13 3 5 4 2" xfId="19201"/>
    <cellStyle name="Обычный 3 13 3 5 5" xfId="19202"/>
    <cellStyle name="Обычный 3 13 3 5 5 2" xfId="19203"/>
    <cellStyle name="Обычный 3 13 3 5 6" xfId="19204"/>
    <cellStyle name="Обычный 3 13 3 6" xfId="19205"/>
    <cellStyle name="Обычный 3 13 3 6 2" xfId="19206"/>
    <cellStyle name="Обычный 3 13 3 6 2 2" xfId="19207"/>
    <cellStyle name="Обычный 3 13 3 6 3" xfId="19208"/>
    <cellStyle name="Обычный 3 13 3 6 3 2" xfId="19209"/>
    <cellStyle name="Обычный 3 13 3 6 4" xfId="19210"/>
    <cellStyle name="Обычный 3 13 3 7" xfId="19211"/>
    <cellStyle name="Обычный 3 13 3 7 2" xfId="19212"/>
    <cellStyle name="Обычный 3 13 3 8" xfId="19213"/>
    <cellStyle name="Обычный 3 13 3 8 2" xfId="19214"/>
    <cellStyle name="Обычный 3 13 3 9" xfId="19215"/>
    <cellStyle name="Обычный 3 13 3 9 2" xfId="19216"/>
    <cellStyle name="Обычный 3 13 4" xfId="19217"/>
    <cellStyle name="Обычный 3 13 4 2" xfId="19218"/>
    <cellStyle name="Обычный 3 13 4 2 2" xfId="19219"/>
    <cellStyle name="Обычный 3 13 4 2 2 2" xfId="19220"/>
    <cellStyle name="Обычный 3 13 4 2 2 2 2" xfId="19221"/>
    <cellStyle name="Обычный 3 13 4 2 2 3" xfId="19222"/>
    <cellStyle name="Обычный 3 13 4 2 2 3 2" xfId="19223"/>
    <cellStyle name="Обычный 3 13 4 2 2 4" xfId="19224"/>
    <cellStyle name="Обычный 3 13 4 2 3" xfId="19225"/>
    <cellStyle name="Обычный 3 13 4 2 3 2" xfId="19226"/>
    <cellStyle name="Обычный 3 13 4 2 4" xfId="19227"/>
    <cellStyle name="Обычный 3 13 4 2 4 2" xfId="19228"/>
    <cellStyle name="Обычный 3 13 4 2 5" xfId="19229"/>
    <cellStyle name="Обычный 3 13 4 2 5 2" xfId="19230"/>
    <cellStyle name="Обычный 3 13 4 2 6" xfId="19231"/>
    <cellStyle name="Обычный 3 13 4 3" xfId="19232"/>
    <cellStyle name="Обычный 3 13 4 3 2" xfId="19233"/>
    <cellStyle name="Обычный 3 13 4 3 2 2" xfId="19234"/>
    <cellStyle name="Обычный 3 13 4 3 2 2 2" xfId="19235"/>
    <cellStyle name="Обычный 3 13 4 3 2 3" xfId="19236"/>
    <cellStyle name="Обычный 3 13 4 3 2 3 2" xfId="19237"/>
    <cellStyle name="Обычный 3 13 4 3 2 4" xfId="19238"/>
    <cellStyle name="Обычный 3 13 4 3 3" xfId="19239"/>
    <cellStyle name="Обычный 3 13 4 3 3 2" xfId="19240"/>
    <cellStyle name="Обычный 3 13 4 3 4" xfId="19241"/>
    <cellStyle name="Обычный 3 13 4 3 4 2" xfId="19242"/>
    <cellStyle name="Обычный 3 13 4 3 5" xfId="19243"/>
    <cellStyle name="Обычный 3 13 4 3 5 2" xfId="19244"/>
    <cellStyle name="Обычный 3 13 4 3 6" xfId="19245"/>
    <cellStyle name="Обычный 3 13 4 4" xfId="19246"/>
    <cellStyle name="Обычный 3 13 4 4 2" xfId="19247"/>
    <cellStyle name="Обычный 3 13 4 4 2 2" xfId="19248"/>
    <cellStyle name="Обычный 3 13 4 4 2 2 2" xfId="19249"/>
    <cellStyle name="Обычный 3 13 4 4 2 3" xfId="19250"/>
    <cellStyle name="Обычный 3 13 4 4 2 3 2" xfId="19251"/>
    <cellStyle name="Обычный 3 13 4 4 2 4" xfId="19252"/>
    <cellStyle name="Обычный 3 13 4 4 3" xfId="19253"/>
    <cellStyle name="Обычный 3 13 4 4 3 2" xfId="19254"/>
    <cellStyle name="Обычный 3 13 4 4 4" xfId="19255"/>
    <cellStyle name="Обычный 3 13 4 4 4 2" xfId="19256"/>
    <cellStyle name="Обычный 3 13 4 4 5" xfId="19257"/>
    <cellStyle name="Обычный 3 13 4 4 5 2" xfId="19258"/>
    <cellStyle name="Обычный 3 13 4 4 6" xfId="19259"/>
    <cellStyle name="Обычный 3 13 4 5" xfId="19260"/>
    <cellStyle name="Обычный 3 13 4 5 2" xfId="19261"/>
    <cellStyle name="Обычный 3 13 4 5 2 2" xfId="19262"/>
    <cellStyle name="Обычный 3 13 4 5 3" xfId="19263"/>
    <cellStyle name="Обычный 3 13 4 5 3 2" xfId="19264"/>
    <cellStyle name="Обычный 3 13 4 5 4" xfId="19265"/>
    <cellStyle name="Обычный 3 13 4 6" xfId="19266"/>
    <cellStyle name="Обычный 3 13 4 6 2" xfId="19267"/>
    <cellStyle name="Обычный 3 13 4 7" xfId="19268"/>
    <cellStyle name="Обычный 3 13 4 7 2" xfId="19269"/>
    <cellStyle name="Обычный 3 13 4 8" xfId="19270"/>
    <cellStyle name="Обычный 3 13 4 8 2" xfId="19271"/>
    <cellStyle name="Обычный 3 13 4 9" xfId="19272"/>
    <cellStyle name="Обычный 3 13 5" xfId="19273"/>
    <cellStyle name="Обычный 3 13 5 2" xfId="19274"/>
    <cellStyle name="Обычный 3 13 5 2 2" xfId="19275"/>
    <cellStyle name="Обычный 3 13 5 2 2 2" xfId="19276"/>
    <cellStyle name="Обычный 3 13 5 2 3" xfId="19277"/>
    <cellStyle name="Обычный 3 13 5 2 3 2" xfId="19278"/>
    <cellStyle name="Обычный 3 13 5 2 4" xfId="19279"/>
    <cellStyle name="Обычный 3 13 5 3" xfId="19280"/>
    <cellStyle name="Обычный 3 13 5 3 2" xfId="19281"/>
    <cellStyle name="Обычный 3 13 5 4" xfId="19282"/>
    <cellStyle name="Обычный 3 13 5 4 2" xfId="19283"/>
    <cellStyle name="Обычный 3 13 5 5" xfId="19284"/>
    <cellStyle name="Обычный 3 13 5 5 2" xfId="19285"/>
    <cellStyle name="Обычный 3 13 5 6" xfId="19286"/>
    <cellStyle name="Обычный 3 13 6" xfId="19287"/>
    <cellStyle name="Обычный 3 13 6 2" xfId="19288"/>
    <cellStyle name="Обычный 3 13 6 2 2" xfId="19289"/>
    <cellStyle name="Обычный 3 13 6 2 2 2" xfId="19290"/>
    <cellStyle name="Обычный 3 13 6 2 3" xfId="19291"/>
    <cellStyle name="Обычный 3 13 6 2 3 2" xfId="19292"/>
    <cellStyle name="Обычный 3 13 6 2 4" xfId="19293"/>
    <cellStyle name="Обычный 3 13 6 3" xfId="19294"/>
    <cellStyle name="Обычный 3 13 6 3 2" xfId="19295"/>
    <cellStyle name="Обычный 3 13 6 4" xfId="19296"/>
    <cellStyle name="Обычный 3 13 6 4 2" xfId="19297"/>
    <cellStyle name="Обычный 3 13 6 5" xfId="19298"/>
    <cellStyle name="Обычный 3 13 6 5 2" xfId="19299"/>
    <cellStyle name="Обычный 3 13 6 6" xfId="19300"/>
    <cellStyle name="Обычный 3 13 7" xfId="19301"/>
    <cellStyle name="Обычный 3 13 7 2" xfId="19302"/>
    <cellStyle name="Обычный 3 13 7 2 2" xfId="19303"/>
    <cellStyle name="Обычный 3 13 7 2 2 2" xfId="19304"/>
    <cellStyle name="Обычный 3 13 7 2 3" xfId="19305"/>
    <cellStyle name="Обычный 3 13 7 2 3 2" xfId="19306"/>
    <cellStyle name="Обычный 3 13 7 2 4" xfId="19307"/>
    <cellStyle name="Обычный 3 13 7 3" xfId="19308"/>
    <cellStyle name="Обычный 3 13 7 3 2" xfId="19309"/>
    <cellStyle name="Обычный 3 13 7 4" xfId="19310"/>
    <cellStyle name="Обычный 3 13 7 4 2" xfId="19311"/>
    <cellStyle name="Обычный 3 13 7 5" xfId="19312"/>
    <cellStyle name="Обычный 3 13 7 5 2" xfId="19313"/>
    <cellStyle name="Обычный 3 13 7 6" xfId="19314"/>
    <cellStyle name="Обычный 3 13 8" xfId="19315"/>
    <cellStyle name="Обычный 3 13 8 2" xfId="19316"/>
    <cellStyle name="Обычный 3 13 8 2 2" xfId="19317"/>
    <cellStyle name="Обычный 3 13 8 2 2 2" xfId="19318"/>
    <cellStyle name="Обычный 3 13 8 2 3" xfId="19319"/>
    <cellStyle name="Обычный 3 13 8 2 3 2" xfId="19320"/>
    <cellStyle name="Обычный 3 13 8 2 4" xfId="19321"/>
    <cellStyle name="Обычный 3 13 8 3" xfId="19322"/>
    <cellStyle name="Обычный 3 13 8 3 2" xfId="19323"/>
    <cellStyle name="Обычный 3 13 8 4" xfId="19324"/>
    <cellStyle name="Обычный 3 13 8 4 2" xfId="19325"/>
    <cellStyle name="Обычный 3 13 8 5" xfId="19326"/>
    <cellStyle name="Обычный 3 13 8 5 2" xfId="19327"/>
    <cellStyle name="Обычный 3 13 8 6" xfId="19328"/>
    <cellStyle name="Обычный 3 13 9" xfId="19329"/>
    <cellStyle name="Обычный 3 13 9 2" xfId="19330"/>
    <cellStyle name="Обычный 3 13 9 2 2" xfId="19331"/>
    <cellStyle name="Обычный 3 13 9 3" xfId="19332"/>
    <cellStyle name="Обычный 3 13 9 3 2" xfId="19333"/>
    <cellStyle name="Обычный 3 13 9 4" xfId="19334"/>
    <cellStyle name="Обычный 3 14" xfId="19335"/>
    <cellStyle name="Обычный 3 14 10" xfId="19336"/>
    <cellStyle name="Обычный 3 14 10 2" xfId="19337"/>
    <cellStyle name="Обычный 3 14 10 2 2" xfId="19338"/>
    <cellStyle name="Обычный 3 14 10 3" xfId="19339"/>
    <cellStyle name="Обычный 3 14 11" xfId="19340"/>
    <cellStyle name="Обычный 3 14 11 2" xfId="19341"/>
    <cellStyle name="Обычный 3 14 12" xfId="19342"/>
    <cellStyle name="Обычный 3 14 12 2" xfId="19343"/>
    <cellStyle name="Обычный 3 14 13" xfId="19344"/>
    <cellStyle name="Обычный 3 14 14" xfId="19345"/>
    <cellStyle name="Обычный 3 14 2" xfId="19346"/>
    <cellStyle name="Обычный 3 14 2 10" xfId="19347"/>
    <cellStyle name="Обычный 3 14 2 10 2" xfId="19348"/>
    <cellStyle name="Обычный 3 14 2 11" xfId="19349"/>
    <cellStyle name="Обычный 3 14 2 11 2" xfId="19350"/>
    <cellStyle name="Обычный 3 14 2 12" xfId="19351"/>
    <cellStyle name="Обычный 3 14 2 13" xfId="19352"/>
    <cellStyle name="Обычный 3 14 2 2" xfId="19353"/>
    <cellStyle name="Обычный 3 14 2 2 10" xfId="19354"/>
    <cellStyle name="Обычный 3 14 2 2 2" xfId="19355"/>
    <cellStyle name="Обычный 3 14 2 2 2 2" xfId="19356"/>
    <cellStyle name="Обычный 3 14 2 2 2 2 2" xfId="19357"/>
    <cellStyle name="Обычный 3 14 2 2 2 2 2 2" xfId="19358"/>
    <cellStyle name="Обычный 3 14 2 2 2 2 3" xfId="19359"/>
    <cellStyle name="Обычный 3 14 2 2 2 2 3 2" xfId="19360"/>
    <cellStyle name="Обычный 3 14 2 2 2 2 4" xfId="19361"/>
    <cellStyle name="Обычный 3 14 2 2 2 3" xfId="19362"/>
    <cellStyle name="Обычный 3 14 2 2 2 3 2" xfId="19363"/>
    <cellStyle name="Обычный 3 14 2 2 2 4" xfId="19364"/>
    <cellStyle name="Обычный 3 14 2 2 2 4 2" xfId="19365"/>
    <cellStyle name="Обычный 3 14 2 2 2 5" xfId="19366"/>
    <cellStyle name="Обычный 3 14 2 2 2 5 2" xfId="19367"/>
    <cellStyle name="Обычный 3 14 2 2 2 6" xfId="19368"/>
    <cellStyle name="Обычный 3 14 2 2 3" xfId="19369"/>
    <cellStyle name="Обычный 3 14 2 2 3 2" xfId="19370"/>
    <cellStyle name="Обычный 3 14 2 2 3 2 2" xfId="19371"/>
    <cellStyle name="Обычный 3 14 2 2 3 2 2 2" xfId="19372"/>
    <cellStyle name="Обычный 3 14 2 2 3 2 3" xfId="19373"/>
    <cellStyle name="Обычный 3 14 2 2 3 2 3 2" xfId="19374"/>
    <cellStyle name="Обычный 3 14 2 2 3 2 4" xfId="19375"/>
    <cellStyle name="Обычный 3 14 2 2 3 3" xfId="19376"/>
    <cellStyle name="Обычный 3 14 2 2 3 3 2" xfId="19377"/>
    <cellStyle name="Обычный 3 14 2 2 3 4" xfId="19378"/>
    <cellStyle name="Обычный 3 14 2 2 3 4 2" xfId="19379"/>
    <cellStyle name="Обычный 3 14 2 2 3 5" xfId="19380"/>
    <cellStyle name="Обычный 3 14 2 2 3 5 2" xfId="19381"/>
    <cellStyle name="Обычный 3 14 2 2 3 6" xfId="19382"/>
    <cellStyle name="Обычный 3 14 2 2 4" xfId="19383"/>
    <cellStyle name="Обычный 3 14 2 2 4 2" xfId="19384"/>
    <cellStyle name="Обычный 3 14 2 2 4 2 2" xfId="19385"/>
    <cellStyle name="Обычный 3 14 2 2 4 2 2 2" xfId="19386"/>
    <cellStyle name="Обычный 3 14 2 2 4 2 3" xfId="19387"/>
    <cellStyle name="Обычный 3 14 2 2 4 2 3 2" xfId="19388"/>
    <cellStyle name="Обычный 3 14 2 2 4 2 4" xfId="19389"/>
    <cellStyle name="Обычный 3 14 2 2 4 3" xfId="19390"/>
    <cellStyle name="Обычный 3 14 2 2 4 3 2" xfId="19391"/>
    <cellStyle name="Обычный 3 14 2 2 4 4" xfId="19392"/>
    <cellStyle name="Обычный 3 14 2 2 4 4 2" xfId="19393"/>
    <cellStyle name="Обычный 3 14 2 2 4 5" xfId="19394"/>
    <cellStyle name="Обычный 3 14 2 2 4 5 2" xfId="19395"/>
    <cellStyle name="Обычный 3 14 2 2 4 6" xfId="19396"/>
    <cellStyle name="Обычный 3 14 2 2 5" xfId="19397"/>
    <cellStyle name="Обычный 3 14 2 2 5 2" xfId="19398"/>
    <cellStyle name="Обычный 3 14 2 2 5 2 2" xfId="19399"/>
    <cellStyle name="Обычный 3 14 2 2 5 2 2 2" xfId="19400"/>
    <cellStyle name="Обычный 3 14 2 2 5 2 3" xfId="19401"/>
    <cellStyle name="Обычный 3 14 2 2 5 2 3 2" xfId="19402"/>
    <cellStyle name="Обычный 3 14 2 2 5 2 4" xfId="19403"/>
    <cellStyle name="Обычный 3 14 2 2 5 3" xfId="19404"/>
    <cellStyle name="Обычный 3 14 2 2 5 3 2" xfId="19405"/>
    <cellStyle name="Обычный 3 14 2 2 5 4" xfId="19406"/>
    <cellStyle name="Обычный 3 14 2 2 5 4 2" xfId="19407"/>
    <cellStyle name="Обычный 3 14 2 2 5 5" xfId="19408"/>
    <cellStyle name="Обычный 3 14 2 2 5 5 2" xfId="19409"/>
    <cellStyle name="Обычный 3 14 2 2 5 6" xfId="19410"/>
    <cellStyle name="Обычный 3 14 2 2 6" xfId="19411"/>
    <cellStyle name="Обычный 3 14 2 2 6 2" xfId="19412"/>
    <cellStyle name="Обычный 3 14 2 2 6 2 2" xfId="19413"/>
    <cellStyle name="Обычный 3 14 2 2 6 3" xfId="19414"/>
    <cellStyle name="Обычный 3 14 2 2 6 3 2" xfId="19415"/>
    <cellStyle name="Обычный 3 14 2 2 6 4" xfId="19416"/>
    <cellStyle name="Обычный 3 14 2 2 7" xfId="19417"/>
    <cellStyle name="Обычный 3 14 2 2 7 2" xfId="19418"/>
    <cellStyle name="Обычный 3 14 2 2 8" xfId="19419"/>
    <cellStyle name="Обычный 3 14 2 2 8 2" xfId="19420"/>
    <cellStyle name="Обычный 3 14 2 2 9" xfId="19421"/>
    <cellStyle name="Обычный 3 14 2 2 9 2" xfId="19422"/>
    <cellStyle name="Обычный 3 14 2 3" xfId="19423"/>
    <cellStyle name="Обычный 3 14 2 3 2" xfId="19424"/>
    <cellStyle name="Обычный 3 14 2 3 2 2" xfId="19425"/>
    <cellStyle name="Обычный 3 14 2 3 2 2 2" xfId="19426"/>
    <cellStyle name="Обычный 3 14 2 3 2 2 2 2" xfId="19427"/>
    <cellStyle name="Обычный 3 14 2 3 2 2 3" xfId="19428"/>
    <cellStyle name="Обычный 3 14 2 3 2 2 3 2" xfId="19429"/>
    <cellStyle name="Обычный 3 14 2 3 2 2 4" xfId="19430"/>
    <cellStyle name="Обычный 3 14 2 3 2 3" xfId="19431"/>
    <cellStyle name="Обычный 3 14 2 3 2 3 2" xfId="19432"/>
    <cellStyle name="Обычный 3 14 2 3 2 4" xfId="19433"/>
    <cellStyle name="Обычный 3 14 2 3 2 4 2" xfId="19434"/>
    <cellStyle name="Обычный 3 14 2 3 2 5" xfId="19435"/>
    <cellStyle name="Обычный 3 14 2 3 2 5 2" xfId="19436"/>
    <cellStyle name="Обычный 3 14 2 3 2 6" xfId="19437"/>
    <cellStyle name="Обычный 3 14 2 3 3" xfId="19438"/>
    <cellStyle name="Обычный 3 14 2 3 3 2" xfId="19439"/>
    <cellStyle name="Обычный 3 14 2 3 3 2 2" xfId="19440"/>
    <cellStyle name="Обычный 3 14 2 3 3 2 2 2" xfId="19441"/>
    <cellStyle name="Обычный 3 14 2 3 3 2 3" xfId="19442"/>
    <cellStyle name="Обычный 3 14 2 3 3 2 3 2" xfId="19443"/>
    <cellStyle name="Обычный 3 14 2 3 3 2 4" xfId="19444"/>
    <cellStyle name="Обычный 3 14 2 3 3 3" xfId="19445"/>
    <cellStyle name="Обычный 3 14 2 3 3 3 2" xfId="19446"/>
    <cellStyle name="Обычный 3 14 2 3 3 4" xfId="19447"/>
    <cellStyle name="Обычный 3 14 2 3 3 4 2" xfId="19448"/>
    <cellStyle name="Обычный 3 14 2 3 3 5" xfId="19449"/>
    <cellStyle name="Обычный 3 14 2 3 3 5 2" xfId="19450"/>
    <cellStyle name="Обычный 3 14 2 3 3 6" xfId="19451"/>
    <cellStyle name="Обычный 3 14 2 3 4" xfId="19452"/>
    <cellStyle name="Обычный 3 14 2 3 4 2" xfId="19453"/>
    <cellStyle name="Обычный 3 14 2 3 4 2 2" xfId="19454"/>
    <cellStyle name="Обычный 3 14 2 3 4 2 2 2" xfId="19455"/>
    <cellStyle name="Обычный 3 14 2 3 4 2 3" xfId="19456"/>
    <cellStyle name="Обычный 3 14 2 3 4 2 3 2" xfId="19457"/>
    <cellStyle name="Обычный 3 14 2 3 4 2 4" xfId="19458"/>
    <cellStyle name="Обычный 3 14 2 3 4 3" xfId="19459"/>
    <cellStyle name="Обычный 3 14 2 3 4 3 2" xfId="19460"/>
    <cellStyle name="Обычный 3 14 2 3 4 4" xfId="19461"/>
    <cellStyle name="Обычный 3 14 2 3 4 4 2" xfId="19462"/>
    <cellStyle name="Обычный 3 14 2 3 4 5" xfId="19463"/>
    <cellStyle name="Обычный 3 14 2 3 4 5 2" xfId="19464"/>
    <cellStyle name="Обычный 3 14 2 3 4 6" xfId="19465"/>
    <cellStyle name="Обычный 3 14 2 3 5" xfId="19466"/>
    <cellStyle name="Обычный 3 14 2 3 5 2" xfId="19467"/>
    <cellStyle name="Обычный 3 14 2 3 5 2 2" xfId="19468"/>
    <cellStyle name="Обычный 3 14 2 3 5 3" xfId="19469"/>
    <cellStyle name="Обычный 3 14 2 3 5 3 2" xfId="19470"/>
    <cellStyle name="Обычный 3 14 2 3 5 4" xfId="19471"/>
    <cellStyle name="Обычный 3 14 2 3 6" xfId="19472"/>
    <cellStyle name="Обычный 3 14 2 3 6 2" xfId="19473"/>
    <cellStyle name="Обычный 3 14 2 3 7" xfId="19474"/>
    <cellStyle name="Обычный 3 14 2 3 7 2" xfId="19475"/>
    <cellStyle name="Обычный 3 14 2 3 8" xfId="19476"/>
    <cellStyle name="Обычный 3 14 2 3 8 2" xfId="19477"/>
    <cellStyle name="Обычный 3 14 2 3 9" xfId="19478"/>
    <cellStyle name="Обычный 3 14 2 4" xfId="19479"/>
    <cellStyle name="Обычный 3 14 2 4 2" xfId="19480"/>
    <cellStyle name="Обычный 3 14 2 4 2 2" xfId="19481"/>
    <cellStyle name="Обычный 3 14 2 4 2 2 2" xfId="19482"/>
    <cellStyle name="Обычный 3 14 2 4 2 3" xfId="19483"/>
    <cellStyle name="Обычный 3 14 2 4 2 3 2" xfId="19484"/>
    <cellStyle name="Обычный 3 14 2 4 2 4" xfId="19485"/>
    <cellStyle name="Обычный 3 14 2 4 3" xfId="19486"/>
    <cellStyle name="Обычный 3 14 2 4 3 2" xfId="19487"/>
    <cellStyle name="Обычный 3 14 2 4 4" xfId="19488"/>
    <cellStyle name="Обычный 3 14 2 4 4 2" xfId="19489"/>
    <cellStyle name="Обычный 3 14 2 4 5" xfId="19490"/>
    <cellStyle name="Обычный 3 14 2 4 5 2" xfId="19491"/>
    <cellStyle name="Обычный 3 14 2 4 6" xfId="19492"/>
    <cellStyle name="Обычный 3 14 2 5" xfId="19493"/>
    <cellStyle name="Обычный 3 14 2 5 2" xfId="19494"/>
    <cellStyle name="Обычный 3 14 2 5 2 2" xfId="19495"/>
    <cellStyle name="Обычный 3 14 2 5 2 2 2" xfId="19496"/>
    <cellStyle name="Обычный 3 14 2 5 2 3" xfId="19497"/>
    <cellStyle name="Обычный 3 14 2 5 2 3 2" xfId="19498"/>
    <cellStyle name="Обычный 3 14 2 5 2 4" xfId="19499"/>
    <cellStyle name="Обычный 3 14 2 5 3" xfId="19500"/>
    <cellStyle name="Обычный 3 14 2 5 3 2" xfId="19501"/>
    <cellStyle name="Обычный 3 14 2 5 4" xfId="19502"/>
    <cellStyle name="Обычный 3 14 2 5 4 2" xfId="19503"/>
    <cellStyle name="Обычный 3 14 2 5 5" xfId="19504"/>
    <cellStyle name="Обычный 3 14 2 5 5 2" xfId="19505"/>
    <cellStyle name="Обычный 3 14 2 5 6" xfId="19506"/>
    <cellStyle name="Обычный 3 14 2 6" xfId="19507"/>
    <cellStyle name="Обычный 3 14 2 6 2" xfId="19508"/>
    <cellStyle name="Обычный 3 14 2 6 2 2" xfId="19509"/>
    <cellStyle name="Обычный 3 14 2 6 2 2 2" xfId="19510"/>
    <cellStyle name="Обычный 3 14 2 6 2 3" xfId="19511"/>
    <cellStyle name="Обычный 3 14 2 6 2 3 2" xfId="19512"/>
    <cellStyle name="Обычный 3 14 2 6 2 4" xfId="19513"/>
    <cellStyle name="Обычный 3 14 2 6 3" xfId="19514"/>
    <cellStyle name="Обычный 3 14 2 6 3 2" xfId="19515"/>
    <cellStyle name="Обычный 3 14 2 6 4" xfId="19516"/>
    <cellStyle name="Обычный 3 14 2 6 4 2" xfId="19517"/>
    <cellStyle name="Обычный 3 14 2 6 5" xfId="19518"/>
    <cellStyle name="Обычный 3 14 2 6 5 2" xfId="19519"/>
    <cellStyle name="Обычный 3 14 2 6 6" xfId="19520"/>
    <cellStyle name="Обычный 3 14 2 7" xfId="19521"/>
    <cellStyle name="Обычный 3 14 2 7 2" xfId="19522"/>
    <cellStyle name="Обычный 3 14 2 7 2 2" xfId="19523"/>
    <cellStyle name="Обычный 3 14 2 7 2 2 2" xfId="19524"/>
    <cellStyle name="Обычный 3 14 2 7 2 3" xfId="19525"/>
    <cellStyle name="Обычный 3 14 2 7 2 3 2" xfId="19526"/>
    <cellStyle name="Обычный 3 14 2 7 2 4" xfId="19527"/>
    <cellStyle name="Обычный 3 14 2 7 3" xfId="19528"/>
    <cellStyle name="Обычный 3 14 2 7 3 2" xfId="19529"/>
    <cellStyle name="Обычный 3 14 2 7 4" xfId="19530"/>
    <cellStyle name="Обычный 3 14 2 7 4 2" xfId="19531"/>
    <cellStyle name="Обычный 3 14 2 7 5" xfId="19532"/>
    <cellStyle name="Обычный 3 14 2 7 5 2" xfId="19533"/>
    <cellStyle name="Обычный 3 14 2 7 6" xfId="19534"/>
    <cellStyle name="Обычный 3 14 2 8" xfId="19535"/>
    <cellStyle name="Обычный 3 14 2 8 2" xfId="19536"/>
    <cellStyle name="Обычный 3 14 2 8 2 2" xfId="19537"/>
    <cellStyle name="Обычный 3 14 2 8 3" xfId="19538"/>
    <cellStyle name="Обычный 3 14 2 8 3 2" xfId="19539"/>
    <cellStyle name="Обычный 3 14 2 8 4" xfId="19540"/>
    <cellStyle name="Обычный 3 14 2 9" xfId="19541"/>
    <cellStyle name="Обычный 3 14 2 9 2" xfId="19542"/>
    <cellStyle name="Обычный 3 14 2 9 2 2" xfId="19543"/>
    <cellStyle name="Обычный 3 14 2 9 3" xfId="19544"/>
    <cellStyle name="Обычный 3 14 3" xfId="19545"/>
    <cellStyle name="Обычный 3 14 3 10" xfId="19546"/>
    <cellStyle name="Обычный 3 14 3 2" xfId="19547"/>
    <cellStyle name="Обычный 3 14 3 2 2" xfId="19548"/>
    <cellStyle name="Обычный 3 14 3 2 2 2" xfId="19549"/>
    <cellStyle name="Обычный 3 14 3 2 2 2 2" xfId="19550"/>
    <cellStyle name="Обычный 3 14 3 2 2 3" xfId="19551"/>
    <cellStyle name="Обычный 3 14 3 2 2 3 2" xfId="19552"/>
    <cellStyle name="Обычный 3 14 3 2 2 4" xfId="19553"/>
    <cellStyle name="Обычный 3 14 3 2 3" xfId="19554"/>
    <cellStyle name="Обычный 3 14 3 2 3 2" xfId="19555"/>
    <cellStyle name="Обычный 3 14 3 2 4" xfId="19556"/>
    <cellStyle name="Обычный 3 14 3 2 4 2" xfId="19557"/>
    <cellStyle name="Обычный 3 14 3 2 5" xfId="19558"/>
    <cellStyle name="Обычный 3 14 3 2 5 2" xfId="19559"/>
    <cellStyle name="Обычный 3 14 3 2 6" xfId="19560"/>
    <cellStyle name="Обычный 3 14 3 3" xfId="19561"/>
    <cellStyle name="Обычный 3 14 3 3 2" xfId="19562"/>
    <cellStyle name="Обычный 3 14 3 3 2 2" xfId="19563"/>
    <cellStyle name="Обычный 3 14 3 3 2 2 2" xfId="19564"/>
    <cellStyle name="Обычный 3 14 3 3 2 3" xfId="19565"/>
    <cellStyle name="Обычный 3 14 3 3 2 3 2" xfId="19566"/>
    <cellStyle name="Обычный 3 14 3 3 2 4" xfId="19567"/>
    <cellStyle name="Обычный 3 14 3 3 3" xfId="19568"/>
    <cellStyle name="Обычный 3 14 3 3 3 2" xfId="19569"/>
    <cellStyle name="Обычный 3 14 3 3 4" xfId="19570"/>
    <cellStyle name="Обычный 3 14 3 3 4 2" xfId="19571"/>
    <cellStyle name="Обычный 3 14 3 3 5" xfId="19572"/>
    <cellStyle name="Обычный 3 14 3 3 5 2" xfId="19573"/>
    <cellStyle name="Обычный 3 14 3 3 6" xfId="19574"/>
    <cellStyle name="Обычный 3 14 3 4" xfId="19575"/>
    <cellStyle name="Обычный 3 14 3 4 2" xfId="19576"/>
    <cellStyle name="Обычный 3 14 3 4 2 2" xfId="19577"/>
    <cellStyle name="Обычный 3 14 3 4 2 2 2" xfId="19578"/>
    <cellStyle name="Обычный 3 14 3 4 2 3" xfId="19579"/>
    <cellStyle name="Обычный 3 14 3 4 2 3 2" xfId="19580"/>
    <cellStyle name="Обычный 3 14 3 4 2 4" xfId="19581"/>
    <cellStyle name="Обычный 3 14 3 4 3" xfId="19582"/>
    <cellStyle name="Обычный 3 14 3 4 3 2" xfId="19583"/>
    <cellStyle name="Обычный 3 14 3 4 4" xfId="19584"/>
    <cellStyle name="Обычный 3 14 3 4 4 2" xfId="19585"/>
    <cellStyle name="Обычный 3 14 3 4 5" xfId="19586"/>
    <cellStyle name="Обычный 3 14 3 4 5 2" xfId="19587"/>
    <cellStyle name="Обычный 3 14 3 4 6" xfId="19588"/>
    <cellStyle name="Обычный 3 14 3 5" xfId="19589"/>
    <cellStyle name="Обычный 3 14 3 5 2" xfId="19590"/>
    <cellStyle name="Обычный 3 14 3 5 2 2" xfId="19591"/>
    <cellStyle name="Обычный 3 14 3 5 2 2 2" xfId="19592"/>
    <cellStyle name="Обычный 3 14 3 5 2 3" xfId="19593"/>
    <cellStyle name="Обычный 3 14 3 5 2 3 2" xfId="19594"/>
    <cellStyle name="Обычный 3 14 3 5 2 4" xfId="19595"/>
    <cellStyle name="Обычный 3 14 3 5 3" xfId="19596"/>
    <cellStyle name="Обычный 3 14 3 5 3 2" xfId="19597"/>
    <cellStyle name="Обычный 3 14 3 5 4" xfId="19598"/>
    <cellStyle name="Обычный 3 14 3 5 4 2" xfId="19599"/>
    <cellStyle name="Обычный 3 14 3 5 5" xfId="19600"/>
    <cellStyle name="Обычный 3 14 3 5 5 2" xfId="19601"/>
    <cellStyle name="Обычный 3 14 3 5 6" xfId="19602"/>
    <cellStyle name="Обычный 3 14 3 6" xfId="19603"/>
    <cellStyle name="Обычный 3 14 3 6 2" xfId="19604"/>
    <cellStyle name="Обычный 3 14 3 6 2 2" xfId="19605"/>
    <cellStyle name="Обычный 3 14 3 6 3" xfId="19606"/>
    <cellStyle name="Обычный 3 14 3 6 3 2" xfId="19607"/>
    <cellStyle name="Обычный 3 14 3 6 4" xfId="19608"/>
    <cellStyle name="Обычный 3 14 3 7" xfId="19609"/>
    <cellStyle name="Обычный 3 14 3 7 2" xfId="19610"/>
    <cellStyle name="Обычный 3 14 3 8" xfId="19611"/>
    <cellStyle name="Обычный 3 14 3 8 2" xfId="19612"/>
    <cellStyle name="Обычный 3 14 3 9" xfId="19613"/>
    <cellStyle name="Обычный 3 14 3 9 2" xfId="19614"/>
    <cellStyle name="Обычный 3 14 4" xfId="19615"/>
    <cellStyle name="Обычный 3 14 4 2" xfId="19616"/>
    <cellStyle name="Обычный 3 14 4 2 2" xfId="19617"/>
    <cellStyle name="Обычный 3 14 4 2 2 2" xfId="19618"/>
    <cellStyle name="Обычный 3 14 4 2 2 2 2" xfId="19619"/>
    <cellStyle name="Обычный 3 14 4 2 2 3" xfId="19620"/>
    <cellStyle name="Обычный 3 14 4 2 2 3 2" xfId="19621"/>
    <cellStyle name="Обычный 3 14 4 2 2 4" xfId="19622"/>
    <cellStyle name="Обычный 3 14 4 2 3" xfId="19623"/>
    <cellStyle name="Обычный 3 14 4 2 3 2" xfId="19624"/>
    <cellStyle name="Обычный 3 14 4 2 4" xfId="19625"/>
    <cellStyle name="Обычный 3 14 4 2 4 2" xfId="19626"/>
    <cellStyle name="Обычный 3 14 4 2 5" xfId="19627"/>
    <cellStyle name="Обычный 3 14 4 2 5 2" xfId="19628"/>
    <cellStyle name="Обычный 3 14 4 2 6" xfId="19629"/>
    <cellStyle name="Обычный 3 14 4 3" xfId="19630"/>
    <cellStyle name="Обычный 3 14 4 3 2" xfId="19631"/>
    <cellStyle name="Обычный 3 14 4 3 2 2" xfId="19632"/>
    <cellStyle name="Обычный 3 14 4 3 2 2 2" xfId="19633"/>
    <cellStyle name="Обычный 3 14 4 3 2 3" xfId="19634"/>
    <cellStyle name="Обычный 3 14 4 3 2 3 2" xfId="19635"/>
    <cellStyle name="Обычный 3 14 4 3 2 4" xfId="19636"/>
    <cellStyle name="Обычный 3 14 4 3 3" xfId="19637"/>
    <cellStyle name="Обычный 3 14 4 3 3 2" xfId="19638"/>
    <cellStyle name="Обычный 3 14 4 3 4" xfId="19639"/>
    <cellStyle name="Обычный 3 14 4 3 4 2" xfId="19640"/>
    <cellStyle name="Обычный 3 14 4 3 5" xfId="19641"/>
    <cellStyle name="Обычный 3 14 4 3 5 2" xfId="19642"/>
    <cellStyle name="Обычный 3 14 4 3 6" xfId="19643"/>
    <cellStyle name="Обычный 3 14 4 4" xfId="19644"/>
    <cellStyle name="Обычный 3 14 4 4 2" xfId="19645"/>
    <cellStyle name="Обычный 3 14 4 4 2 2" xfId="19646"/>
    <cellStyle name="Обычный 3 14 4 4 2 2 2" xfId="19647"/>
    <cellStyle name="Обычный 3 14 4 4 2 3" xfId="19648"/>
    <cellStyle name="Обычный 3 14 4 4 2 3 2" xfId="19649"/>
    <cellStyle name="Обычный 3 14 4 4 2 4" xfId="19650"/>
    <cellStyle name="Обычный 3 14 4 4 3" xfId="19651"/>
    <cellStyle name="Обычный 3 14 4 4 3 2" xfId="19652"/>
    <cellStyle name="Обычный 3 14 4 4 4" xfId="19653"/>
    <cellStyle name="Обычный 3 14 4 4 4 2" xfId="19654"/>
    <cellStyle name="Обычный 3 14 4 4 5" xfId="19655"/>
    <cellStyle name="Обычный 3 14 4 4 5 2" xfId="19656"/>
    <cellStyle name="Обычный 3 14 4 4 6" xfId="19657"/>
    <cellStyle name="Обычный 3 14 4 5" xfId="19658"/>
    <cellStyle name="Обычный 3 14 4 5 2" xfId="19659"/>
    <cellStyle name="Обычный 3 14 4 5 2 2" xfId="19660"/>
    <cellStyle name="Обычный 3 14 4 5 3" xfId="19661"/>
    <cellStyle name="Обычный 3 14 4 5 3 2" xfId="19662"/>
    <cellStyle name="Обычный 3 14 4 5 4" xfId="19663"/>
    <cellStyle name="Обычный 3 14 4 6" xfId="19664"/>
    <cellStyle name="Обычный 3 14 4 6 2" xfId="19665"/>
    <cellStyle name="Обычный 3 14 4 7" xfId="19666"/>
    <cellStyle name="Обычный 3 14 4 7 2" xfId="19667"/>
    <cellStyle name="Обычный 3 14 4 8" xfId="19668"/>
    <cellStyle name="Обычный 3 14 4 8 2" xfId="19669"/>
    <cellStyle name="Обычный 3 14 4 9" xfId="19670"/>
    <cellStyle name="Обычный 3 14 5" xfId="19671"/>
    <cellStyle name="Обычный 3 14 5 2" xfId="19672"/>
    <cellStyle name="Обычный 3 14 5 2 2" xfId="19673"/>
    <cellStyle name="Обычный 3 14 5 2 2 2" xfId="19674"/>
    <cellStyle name="Обычный 3 14 5 2 3" xfId="19675"/>
    <cellStyle name="Обычный 3 14 5 2 3 2" xfId="19676"/>
    <cellStyle name="Обычный 3 14 5 2 4" xfId="19677"/>
    <cellStyle name="Обычный 3 14 5 3" xfId="19678"/>
    <cellStyle name="Обычный 3 14 5 3 2" xfId="19679"/>
    <cellStyle name="Обычный 3 14 5 4" xfId="19680"/>
    <cellStyle name="Обычный 3 14 5 4 2" xfId="19681"/>
    <cellStyle name="Обычный 3 14 5 5" xfId="19682"/>
    <cellStyle name="Обычный 3 14 5 5 2" xfId="19683"/>
    <cellStyle name="Обычный 3 14 5 6" xfId="19684"/>
    <cellStyle name="Обычный 3 14 6" xfId="19685"/>
    <cellStyle name="Обычный 3 14 6 2" xfId="19686"/>
    <cellStyle name="Обычный 3 14 6 2 2" xfId="19687"/>
    <cellStyle name="Обычный 3 14 6 2 2 2" xfId="19688"/>
    <cellStyle name="Обычный 3 14 6 2 3" xfId="19689"/>
    <cellStyle name="Обычный 3 14 6 2 3 2" xfId="19690"/>
    <cellStyle name="Обычный 3 14 6 2 4" xfId="19691"/>
    <cellStyle name="Обычный 3 14 6 3" xfId="19692"/>
    <cellStyle name="Обычный 3 14 6 3 2" xfId="19693"/>
    <cellStyle name="Обычный 3 14 6 4" xfId="19694"/>
    <cellStyle name="Обычный 3 14 6 4 2" xfId="19695"/>
    <cellStyle name="Обычный 3 14 6 5" xfId="19696"/>
    <cellStyle name="Обычный 3 14 6 5 2" xfId="19697"/>
    <cellStyle name="Обычный 3 14 6 6" xfId="19698"/>
    <cellStyle name="Обычный 3 14 7" xfId="19699"/>
    <cellStyle name="Обычный 3 14 7 2" xfId="19700"/>
    <cellStyle name="Обычный 3 14 7 2 2" xfId="19701"/>
    <cellStyle name="Обычный 3 14 7 2 2 2" xfId="19702"/>
    <cellStyle name="Обычный 3 14 7 2 3" xfId="19703"/>
    <cellStyle name="Обычный 3 14 7 2 3 2" xfId="19704"/>
    <cellStyle name="Обычный 3 14 7 2 4" xfId="19705"/>
    <cellStyle name="Обычный 3 14 7 3" xfId="19706"/>
    <cellStyle name="Обычный 3 14 7 3 2" xfId="19707"/>
    <cellStyle name="Обычный 3 14 7 4" xfId="19708"/>
    <cellStyle name="Обычный 3 14 7 4 2" xfId="19709"/>
    <cellStyle name="Обычный 3 14 7 5" xfId="19710"/>
    <cellStyle name="Обычный 3 14 7 5 2" xfId="19711"/>
    <cellStyle name="Обычный 3 14 7 6" xfId="19712"/>
    <cellStyle name="Обычный 3 14 8" xfId="19713"/>
    <cellStyle name="Обычный 3 14 8 2" xfId="19714"/>
    <cellStyle name="Обычный 3 14 8 2 2" xfId="19715"/>
    <cellStyle name="Обычный 3 14 8 2 2 2" xfId="19716"/>
    <cellStyle name="Обычный 3 14 8 2 3" xfId="19717"/>
    <cellStyle name="Обычный 3 14 8 2 3 2" xfId="19718"/>
    <cellStyle name="Обычный 3 14 8 2 4" xfId="19719"/>
    <cellStyle name="Обычный 3 14 8 3" xfId="19720"/>
    <cellStyle name="Обычный 3 14 8 3 2" xfId="19721"/>
    <cellStyle name="Обычный 3 14 8 4" xfId="19722"/>
    <cellStyle name="Обычный 3 14 8 4 2" xfId="19723"/>
    <cellStyle name="Обычный 3 14 8 5" xfId="19724"/>
    <cellStyle name="Обычный 3 14 8 5 2" xfId="19725"/>
    <cellStyle name="Обычный 3 14 8 6" xfId="19726"/>
    <cellStyle name="Обычный 3 14 9" xfId="19727"/>
    <cellStyle name="Обычный 3 14 9 2" xfId="19728"/>
    <cellStyle name="Обычный 3 14 9 2 2" xfId="19729"/>
    <cellStyle name="Обычный 3 14 9 3" xfId="19730"/>
    <cellStyle name="Обычный 3 14 9 3 2" xfId="19731"/>
    <cellStyle name="Обычный 3 14 9 4" xfId="19732"/>
    <cellStyle name="Обычный 3 15" xfId="19733"/>
    <cellStyle name="Обычный 3 15 10" xfId="19734"/>
    <cellStyle name="Обычный 3 15 10 2" xfId="19735"/>
    <cellStyle name="Обычный 3 15 10 2 2" xfId="19736"/>
    <cellStyle name="Обычный 3 15 10 3" xfId="19737"/>
    <cellStyle name="Обычный 3 15 11" xfId="19738"/>
    <cellStyle name="Обычный 3 15 11 2" xfId="19739"/>
    <cellStyle name="Обычный 3 15 12" xfId="19740"/>
    <cellStyle name="Обычный 3 15 12 2" xfId="19741"/>
    <cellStyle name="Обычный 3 15 13" xfId="19742"/>
    <cellStyle name="Обычный 3 15 14" xfId="19743"/>
    <cellStyle name="Обычный 3 15 2" xfId="19744"/>
    <cellStyle name="Обычный 3 15 2 10" xfId="19745"/>
    <cellStyle name="Обычный 3 15 2 10 2" xfId="19746"/>
    <cellStyle name="Обычный 3 15 2 11" xfId="19747"/>
    <cellStyle name="Обычный 3 15 2 11 2" xfId="19748"/>
    <cellStyle name="Обычный 3 15 2 12" xfId="19749"/>
    <cellStyle name="Обычный 3 15 2 13" xfId="19750"/>
    <cellStyle name="Обычный 3 15 2 2" xfId="19751"/>
    <cellStyle name="Обычный 3 15 2 2 10" xfId="19752"/>
    <cellStyle name="Обычный 3 15 2 2 2" xfId="19753"/>
    <cellStyle name="Обычный 3 15 2 2 2 2" xfId="19754"/>
    <cellStyle name="Обычный 3 15 2 2 2 2 2" xfId="19755"/>
    <cellStyle name="Обычный 3 15 2 2 2 2 2 2" xfId="19756"/>
    <cellStyle name="Обычный 3 15 2 2 2 2 3" xfId="19757"/>
    <cellStyle name="Обычный 3 15 2 2 2 2 3 2" xfId="19758"/>
    <cellStyle name="Обычный 3 15 2 2 2 2 4" xfId="19759"/>
    <cellStyle name="Обычный 3 15 2 2 2 3" xfId="19760"/>
    <cellStyle name="Обычный 3 15 2 2 2 3 2" xfId="19761"/>
    <cellStyle name="Обычный 3 15 2 2 2 4" xfId="19762"/>
    <cellStyle name="Обычный 3 15 2 2 2 4 2" xfId="19763"/>
    <cellStyle name="Обычный 3 15 2 2 2 5" xfId="19764"/>
    <cellStyle name="Обычный 3 15 2 2 2 5 2" xfId="19765"/>
    <cellStyle name="Обычный 3 15 2 2 2 6" xfId="19766"/>
    <cellStyle name="Обычный 3 15 2 2 3" xfId="19767"/>
    <cellStyle name="Обычный 3 15 2 2 3 2" xfId="19768"/>
    <cellStyle name="Обычный 3 15 2 2 3 2 2" xfId="19769"/>
    <cellStyle name="Обычный 3 15 2 2 3 2 2 2" xfId="19770"/>
    <cellStyle name="Обычный 3 15 2 2 3 2 3" xfId="19771"/>
    <cellStyle name="Обычный 3 15 2 2 3 2 3 2" xfId="19772"/>
    <cellStyle name="Обычный 3 15 2 2 3 2 4" xfId="19773"/>
    <cellStyle name="Обычный 3 15 2 2 3 3" xfId="19774"/>
    <cellStyle name="Обычный 3 15 2 2 3 3 2" xfId="19775"/>
    <cellStyle name="Обычный 3 15 2 2 3 4" xfId="19776"/>
    <cellStyle name="Обычный 3 15 2 2 3 4 2" xfId="19777"/>
    <cellStyle name="Обычный 3 15 2 2 3 5" xfId="19778"/>
    <cellStyle name="Обычный 3 15 2 2 3 5 2" xfId="19779"/>
    <cellStyle name="Обычный 3 15 2 2 3 6" xfId="19780"/>
    <cellStyle name="Обычный 3 15 2 2 4" xfId="19781"/>
    <cellStyle name="Обычный 3 15 2 2 4 2" xfId="19782"/>
    <cellStyle name="Обычный 3 15 2 2 4 2 2" xfId="19783"/>
    <cellStyle name="Обычный 3 15 2 2 4 2 2 2" xfId="19784"/>
    <cellStyle name="Обычный 3 15 2 2 4 2 3" xfId="19785"/>
    <cellStyle name="Обычный 3 15 2 2 4 2 3 2" xfId="19786"/>
    <cellStyle name="Обычный 3 15 2 2 4 2 4" xfId="19787"/>
    <cellStyle name="Обычный 3 15 2 2 4 3" xfId="19788"/>
    <cellStyle name="Обычный 3 15 2 2 4 3 2" xfId="19789"/>
    <cellStyle name="Обычный 3 15 2 2 4 4" xfId="19790"/>
    <cellStyle name="Обычный 3 15 2 2 4 4 2" xfId="19791"/>
    <cellStyle name="Обычный 3 15 2 2 4 5" xfId="19792"/>
    <cellStyle name="Обычный 3 15 2 2 4 5 2" xfId="19793"/>
    <cellStyle name="Обычный 3 15 2 2 4 6" xfId="19794"/>
    <cellStyle name="Обычный 3 15 2 2 5" xfId="19795"/>
    <cellStyle name="Обычный 3 15 2 2 5 2" xfId="19796"/>
    <cellStyle name="Обычный 3 15 2 2 5 2 2" xfId="19797"/>
    <cellStyle name="Обычный 3 15 2 2 5 2 2 2" xfId="19798"/>
    <cellStyle name="Обычный 3 15 2 2 5 2 3" xfId="19799"/>
    <cellStyle name="Обычный 3 15 2 2 5 2 3 2" xfId="19800"/>
    <cellStyle name="Обычный 3 15 2 2 5 2 4" xfId="19801"/>
    <cellStyle name="Обычный 3 15 2 2 5 3" xfId="19802"/>
    <cellStyle name="Обычный 3 15 2 2 5 3 2" xfId="19803"/>
    <cellStyle name="Обычный 3 15 2 2 5 4" xfId="19804"/>
    <cellStyle name="Обычный 3 15 2 2 5 4 2" xfId="19805"/>
    <cellStyle name="Обычный 3 15 2 2 5 5" xfId="19806"/>
    <cellStyle name="Обычный 3 15 2 2 5 5 2" xfId="19807"/>
    <cellStyle name="Обычный 3 15 2 2 5 6" xfId="19808"/>
    <cellStyle name="Обычный 3 15 2 2 6" xfId="19809"/>
    <cellStyle name="Обычный 3 15 2 2 6 2" xfId="19810"/>
    <cellStyle name="Обычный 3 15 2 2 6 2 2" xfId="19811"/>
    <cellStyle name="Обычный 3 15 2 2 6 3" xfId="19812"/>
    <cellStyle name="Обычный 3 15 2 2 6 3 2" xfId="19813"/>
    <cellStyle name="Обычный 3 15 2 2 6 4" xfId="19814"/>
    <cellStyle name="Обычный 3 15 2 2 7" xfId="19815"/>
    <cellStyle name="Обычный 3 15 2 2 7 2" xfId="19816"/>
    <cellStyle name="Обычный 3 15 2 2 8" xfId="19817"/>
    <cellStyle name="Обычный 3 15 2 2 8 2" xfId="19818"/>
    <cellStyle name="Обычный 3 15 2 2 9" xfId="19819"/>
    <cellStyle name="Обычный 3 15 2 2 9 2" xfId="19820"/>
    <cellStyle name="Обычный 3 15 2 3" xfId="19821"/>
    <cellStyle name="Обычный 3 15 2 3 2" xfId="19822"/>
    <cellStyle name="Обычный 3 15 2 3 2 2" xfId="19823"/>
    <cellStyle name="Обычный 3 15 2 3 2 2 2" xfId="19824"/>
    <cellStyle name="Обычный 3 15 2 3 2 2 2 2" xfId="19825"/>
    <cellStyle name="Обычный 3 15 2 3 2 2 3" xfId="19826"/>
    <cellStyle name="Обычный 3 15 2 3 2 2 3 2" xfId="19827"/>
    <cellStyle name="Обычный 3 15 2 3 2 2 4" xfId="19828"/>
    <cellStyle name="Обычный 3 15 2 3 2 3" xfId="19829"/>
    <cellStyle name="Обычный 3 15 2 3 2 3 2" xfId="19830"/>
    <cellStyle name="Обычный 3 15 2 3 2 4" xfId="19831"/>
    <cellStyle name="Обычный 3 15 2 3 2 4 2" xfId="19832"/>
    <cellStyle name="Обычный 3 15 2 3 2 5" xfId="19833"/>
    <cellStyle name="Обычный 3 15 2 3 2 5 2" xfId="19834"/>
    <cellStyle name="Обычный 3 15 2 3 2 6" xfId="19835"/>
    <cellStyle name="Обычный 3 15 2 3 3" xfId="19836"/>
    <cellStyle name="Обычный 3 15 2 3 3 2" xfId="19837"/>
    <cellStyle name="Обычный 3 15 2 3 3 2 2" xfId="19838"/>
    <cellStyle name="Обычный 3 15 2 3 3 2 2 2" xfId="19839"/>
    <cellStyle name="Обычный 3 15 2 3 3 2 3" xfId="19840"/>
    <cellStyle name="Обычный 3 15 2 3 3 2 3 2" xfId="19841"/>
    <cellStyle name="Обычный 3 15 2 3 3 2 4" xfId="19842"/>
    <cellStyle name="Обычный 3 15 2 3 3 3" xfId="19843"/>
    <cellStyle name="Обычный 3 15 2 3 3 3 2" xfId="19844"/>
    <cellStyle name="Обычный 3 15 2 3 3 4" xfId="19845"/>
    <cellStyle name="Обычный 3 15 2 3 3 4 2" xfId="19846"/>
    <cellStyle name="Обычный 3 15 2 3 3 5" xfId="19847"/>
    <cellStyle name="Обычный 3 15 2 3 3 5 2" xfId="19848"/>
    <cellStyle name="Обычный 3 15 2 3 3 6" xfId="19849"/>
    <cellStyle name="Обычный 3 15 2 3 4" xfId="19850"/>
    <cellStyle name="Обычный 3 15 2 3 4 2" xfId="19851"/>
    <cellStyle name="Обычный 3 15 2 3 4 2 2" xfId="19852"/>
    <cellStyle name="Обычный 3 15 2 3 4 2 2 2" xfId="19853"/>
    <cellStyle name="Обычный 3 15 2 3 4 2 3" xfId="19854"/>
    <cellStyle name="Обычный 3 15 2 3 4 2 3 2" xfId="19855"/>
    <cellStyle name="Обычный 3 15 2 3 4 2 4" xfId="19856"/>
    <cellStyle name="Обычный 3 15 2 3 4 3" xfId="19857"/>
    <cellStyle name="Обычный 3 15 2 3 4 3 2" xfId="19858"/>
    <cellStyle name="Обычный 3 15 2 3 4 4" xfId="19859"/>
    <cellStyle name="Обычный 3 15 2 3 4 4 2" xfId="19860"/>
    <cellStyle name="Обычный 3 15 2 3 4 5" xfId="19861"/>
    <cellStyle name="Обычный 3 15 2 3 4 5 2" xfId="19862"/>
    <cellStyle name="Обычный 3 15 2 3 4 6" xfId="19863"/>
    <cellStyle name="Обычный 3 15 2 3 5" xfId="19864"/>
    <cellStyle name="Обычный 3 15 2 3 5 2" xfId="19865"/>
    <cellStyle name="Обычный 3 15 2 3 5 2 2" xfId="19866"/>
    <cellStyle name="Обычный 3 15 2 3 5 3" xfId="19867"/>
    <cellStyle name="Обычный 3 15 2 3 5 3 2" xfId="19868"/>
    <cellStyle name="Обычный 3 15 2 3 5 4" xfId="19869"/>
    <cellStyle name="Обычный 3 15 2 3 6" xfId="19870"/>
    <cellStyle name="Обычный 3 15 2 3 6 2" xfId="19871"/>
    <cellStyle name="Обычный 3 15 2 3 7" xfId="19872"/>
    <cellStyle name="Обычный 3 15 2 3 7 2" xfId="19873"/>
    <cellStyle name="Обычный 3 15 2 3 8" xfId="19874"/>
    <cellStyle name="Обычный 3 15 2 3 8 2" xfId="19875"/>
    <cellStyle name="Обычный 3 15 2 3 9" xfId="19876"/>
    <cellStyle name="Обычный 3 15 2 4" xfId="19877"/>
    <cellStyle name="Обычный 3 15 2 4 2" xfId="19878"/>
    <cellStyle name="Обычный 3 15 2 4 2 2" xfId="19879"/>
    <cellStyle name="Обычный 3 15 2 4 2 2 2" xfId="19880"/>
    <cellStyle name="Обычный 3 15 2 4 2 3" xfId="19881"/>
    <cellStyle name="Обычный 3 15 2 4 2 3 2" xfId="19882"/>
    <cellStyle name="Обычный 3 15 2 4 2 4" xfId="19883"/>
    <cellStyle name="Обычный 3 15 2 4 3" xfId="19884"/>
    <cellStyle name="Обычный 3 15 2 4 3 2" xfId="19885"/>
    <cellStyle name="Обычный 3 15 2 4 4" xfId="19886"/>
    <cellStyle name="Обычный 3 15 2 4 4 2" xfId="19887"/>
    <cellStyle name="Обычный 3 15 2 4 5" xfId="19888"/>
    <cellStyle name="Обычный 3 15 2 4 5 2" xfId="19889"/>
    <cellStyle name="Обычный 3 15 2 4 6" xfId="19890"/>
    <cellStyle name="Обычный 3 15 2 5" xfId="19891"/>
    <cellStyle name="Обычный 3 15 2 5 2" xfId="19892"/>
    <cellStyle name="Обычный 3 15 2 5 2 2" xfId="19893"/>
    <cellStyle name="Обычный 3 15 2 5 2 2 2" xfId="19894"/>
    <cellStyle name="Обычный 3 15 2 5 2 3" xfId="19895"/>
    <cellStyle name="Обычный 3 15 2 5 2 3 2" xfId="19896"/>
    <cellStyle name="Обычный 3 15 2 5 2 4" xfId="19897"/>
    <cellStyle name="Обычный 3 15 2 5 3" xfId="19898"/>
    <cellStyle name="Обычный 3 15 2 5 3 2" xfId="19899"/>
    <cellStyle name="Обычный 3 15 2 5 4" xfId="19900"/>
    <cellStyle name="Обычный 3 15 2 5 4 2" xfId="19901"/>
    <cellStyle name="Обычный 3 15 2 5 5" xfId="19902"/>
    <cellStyle name="Обычный 3 15 2 5 5 2" xfId="19903"/>
    <cellStyle name="Обычный 3 15 2 5 6" xfId="19904"/>
    <cellStyle name="Обычный 3 15 2 6" xfId="19905"/>
    <cellStyle name="Обычный 3 15 2 6 2" xfId="19906"/>
    <cellStyle name="Обычный 3 15 2 6 2 2" xfId="19907"/>
    <cellStyle name="Обычный 3 15 2 6 2 2 2" xfId="19908"/>
    <cellStyle name="Обычный 3 15 2 6 2 3" xfId="19909"/>
    <cellStyle name="Обычный 3 15 2 6 2 3 2" xfId="19910"/>
    <cellStyle name="Обычный 3 15 2 6 2 4" xfId="19911"/>
    <cellStyle name="Обычный 3 15 2 6 3" xfId="19912"/>
    <cellStyle name="Обычный 3 15 2 6 3 2" xfId="19913"/>
    <cellStyle name="Обычный 3 15 2 6 4" xfId="19914"/>
    <cellStyle name="Обычный 3 15 2 6 4 2" xfId="19915"/>
    <cellStyle name="Обычный 3 15 2 6 5" xfId="19916"/>
    <cellStyle name="Обычный 3 15 2 6 5 2" xfId="19917"/>
    <cellStyle name="Обычный 3 15 2 6 6" xfId="19918"/>
    <cellStyle name="Обычный 3 15 2 7" xfId="19919"/>
    <cellStyle name="Обычный 3 15 2 7 2" xfId="19920"/>
    <cellStyle name="Обычный 3 15 2 7 2 2" xfId="19921"/>
    <cellStyle name="Обычный 3 15 2 7 2 2 2" xfId="19922"/>
    <cellStyle name="Обычный 3 15 2 7 2 3" xfId="19923"/>
    <cellStyle name="Обычный 3 15 2 7 2 3 2" xfId="19924"/>
    <cellStyle name="Обычный 3 15 2 7 2 4" xfId="19925"/>
    <cellStyle name="Обычный 3 15 2 7 3" xfId="19926"/>
    <cellStyle name="Обычный 3 15 2 7 3 2" xfId="19927"/>
    <cellStyle name="Обычный 3 15 2 7 4" xfId="19928"/>
    <cellStyle name="Обычный 3 15 2 7 4 2" xfId="19929"/>
    <cellStyle name="Обычный 3 15 2 7 5" xfId="19930"/>
    <cellStyle name="Обычный 3 15 2 7 5 2" xfId="19931"/>
    <cellStyle name="Обычный 3 15 2 7 6" xfId="19932"/>
    <cellStyle name="Обычный 3 15 2 8" xfId="19933"/>
    <cellStyle name="Обычный 3 15 2 8 2" xfId="19934"/>
    <cellStyle name="Обычный 3 15 2 8 2 2" xfId="19935"/>
    <cellStyle name="Обычный 3 15 2 8 3" xfId="19936"/>
    <cellStyle name="Обычный 3 15 2 8 3 2" xfId="19937"/>
    <cellStyle name="Обычный 3 15 2 8 4" xfId="19938"/>
    <cellStyle name="Обычный 3 15 2 9" xfId="19939"/>
    <cellStyle name="Обычный 3 15 2 9 2" xfId="19940"/>
    <cellStyle name="Обычный 3 15 2 9 2 2" xfId="19941"/>
    <cellStyle name="Обычный 3 15 2 9 3" xfId="19942"/>
    <cellStyle name="Обычный 3 15 3" xfId="19943"/>
    <cellStyle name="Обычный 3 15 3 10" xfId="19944"/>
    <cellStyle name="Обычный 3 15 3 2" xfId="19945"/>
    <cellStyle name="Обычный 3 15 3 2 2" xfId="19946"/>
    <cellStyle name="Обычный 3 15 3 2 2 2" xfId="19947"/>
    <cellStyle name="Обычный 3 15 3 2 2 2 2" xfId="19948"/>
    <cellStyle name="Обычный 3 15 3 2 2 3" xfId="19949"/>
    <cellStyle name="Обычный 3 15 3 2 2 3 2" xfId="19950"/>
    <cellStyle name="Обычный 3 15 3 2 2 4" xfId="19951"/>
    <cellStyle name="Обычный 3 15 3 2 3" xfId="19952"/>
    <cellStyle name="Обычный 3 15 3 2 3 2" xfId="19953"/>
    <cellStyle name="Обычный 3 15 3 2 4" xfId="19954"/>
    <cellStyle name="Обычный 3 15 3 2 4 2" xfId="19955"/>
    <cellStyle name="Обычный 3 15 3 2 5" xfId="19956"/>
    <cellStyle name="Обычный 3 15 3 2 5 2" xfId="19957"/>
    <cellStyle name="Обычный 3 15 3 2 6" xfId="19958"/>
    <cellStyle name="Обычный 3 15 3 3" xfId="19959"/>
    <cellStyle name="Обычный 3 15 3 3 2" xfId="19960"/>
    <cellStyle name="Обычный 3 15 3 3 2 2" xfId="19961"/>
    <cellStyle name="Обычный 3 15 3 3 2 2 2" xfId="19962"/>
    <cellStyle name="Обычный 3 15 3 3 2 3" xfId="19963"/>
    <cellStyle name="Обычный 3 15 3 3 2 3 2" xfId="19964"/>
    <cellStyle name="Обычный 3 15 3 3 2 4" xfId="19965"/>
    <cellStyle name="Обычный 3 15 3 3 3" xfId="19966"/>
    <cellStyle name="Обычный 3 15 3 3 3 2" xfId="19967"/>
    <cellStyle name="Обычный 3 15 3 3 4" xfId="19968"/>
    <cellStyle name="Обычный 3 15 3 3 4 2" xfId="19969"/>
    <cellStyle name="Обычный 3 15 3 3 5" xfId="19970"/>
    <cellStyle name="Обычный 3 15 3 3 5 2" xfId="19971"/>
    <cellStyle name="Обычный 3 15 3 3 6" xfId="19972"/>
    <cellStyle name="Обычный 3 15 3 4" xfId="19973"/>
    <cellStyle name="Обычный 3 15 3 4 2" xfId="19974"/>
    <cellStyle name="Обычный 3 15 3 4 2 2" xfId="19975"/>
    <cellStyle name="Обычный 3 15 3 4 2 2 2" xfId="19976"/>
    <cellStyle name="Обычный 3 15 3 4 2 3" xfId="19977"/>
    <cellStyle name="Обычный 3 15 3 4 2 3 2" xfId="19978"/>
    <cellStyle name="Обычный 3 15 3 4 2 4" xfId="19979"/>
    <cellStyle name="Обычный 3 15 3 4 3" xfId="19980"/>
    <cellStyle name="Обычный 3 15 3 4 3 2" xfId="19981"/>
    <cellStyle name="Обычный 3 15 3 4 4" xfId="19982"/>
    <cellStyle name="Обычный 3 15 3 4 4 2" xfId="19983"/>
    <cellStyle name="Обычный 3 15 3 4 5" xfId="19984"/>
    <cellStyle name="Обычный 3 15 3 4 5 2" xfId="19985"/>
    <cellStyle name="Обычный 3 15 3 4 6" xfId="19986"/>
    <cellStyle name="Обычный 3 15 3 5" xfId="19987"/>
    <cellStyle name="Обычный 3 15 3 5 2" xfId="19988"/>
    <cellStyle name="Обычный 3 15 3 5 2 2" xfId="19989"/>
    <cellStyle name="Обычный 3 15 3 5 2 2 2" xfId="19990"/>
    <cellStyle name="Обычный 3 15 3 5 2 3" xfId="19991"/>
    <cellStyle name="Обычный 3 15 3 5 2 3 2" xfId="19992"/>
    <cellStyle name="Обычный 3 15 3 5 2 4" xfId="19993"/>
    <cellStyle name="Обычный 3 15 3 5 3" xfId="19994"/>
    <cellStyle name="Обычный 3 15 3 5 3 2" xfId="19995"/>
    <cellStyle name="Обычный 3 15 3 5 4" xfId="19996"/>
    <cellStyle name="Обычный 3 15 3 5 4 2" xfId="19997"/>
    <cellStyle name="Обычный 3 15 3 5 5" xfId="19998"/>
    <cellStyle name="Обычный 3 15 3 5 5 2" xfId="19999"/>
    <cellStyle name="Обычный 3 15 3 5 6" xfId="20000"/>
    <cellStyle name="Обычный 3 15 3 6" xfId="20001"/>
    <cellStyle name="Обычный 3 15 3 6 2" xfId="20002"/>
    <cellStyle name="Обычный 3 15 3 6 2 2" xfId="20003"/>
    <cellStyle name="Обычный 3 15 3 6 3" xfId="20004"/>
    <cellStyle name="Обычный 3 15 3 6 3 2" xfId="20005"/>
    <cellStyle name="Обычный 3 15 3 6 4" xfId="20006"/>
    <cellStyle name="Обычный 3 15 3 7" xfId="20007"/>
    <cellStyle name="Обычный 3 15 3 7 2" xfId="20008"/>
    <cellStyle name="Обычный 3 15 3 8" xfId="20009"/>
    <cellStyle name="Обычный 3 15 3 8 2" xfId="20010"/>
    <cellStyle name="Обычный 3 15 3 9" xfId="20011"/>
    <cellStyle name="Обычный 3 15 3 9 2" xfId="20012"/>
    <cellStyle name="Обычный 3 15 4" xfId="20013"/>
    <cellStyle name="Обычный 3 15 4 2" xfId="20014"/>
    <cellStyle name="Обычный 3 15 4 2 2" xfId="20015"/>
    <cellStyle name="Обычный 3 15 4 2 2 2" xfId="20016"/>
    <cellStyle name="Обычный 3 15 4 2 2 2 2" xfId="20017"/>
    <cellStyle name="Обычный 3 15 4 2 2 3" xfId="20018"/>
    <cellStyle name="Обычный 3 15 4 2 2 3 2" xfId="20019"/>
    <cellStyle name="Обычный 3 15 4 2 2 4" xfId="20020"/>
    <cellStyle name="Обычный 3 15 4 2 3" xfId="20021"/>
    <cellStyle name="Обычный 3 15 4 2 3 2" xfId="20022"/>
    <cellStyle name="Обычный 3 15 4 2 4" xfId="20023"/>
    <cellStyle name="Обычный 3 15 4 2 4 2" xfId="20024"/>
    <cellStyle name="Обычный 3 15 4 2 5" xfId="20025"/>
    <cellStyle name="Обычный 3 15 4 2 5 2" xfId="20026"/>
    <cellStyle name="Обычный 3 15 4 2 6" xfId="20027"/>
    <cellStyle name="Обычный 3 15 4 3" xfId="20028"/>
    <cellStyle name="Обычный 3 15 4 3 2" xfId="20029"/>
    <cellStyle name="Обычный 3 15 4 3 2 2" xfId="20030"/>
    <cellStyle name="Обычный 3 15 4 3 2 2 2" xfId="20031"/>
    <cellStyle name="Обычный 3 15 4 3 2 3" xfId="20032"/>
    <cellStyle name="Обычный 3 15 4 3 2 3 2" xfId="20033"/>
    <cellStyle name="Обычный 3 15 4 3 2 4" xfId="20034"/>
    <cellStyle name="Обычный 3 15 4 3 3" xfId="20035"/>
    <cellStyle name="Обычный 3 15 4 3 3 2" xfId="20036"/>
    <cellStyle name="Обычный 3 15 4 3 4" xfId="20037"/>
    <cellStyle name="Обычный 3 15 4 3 4 2" xfId="20038"/>
    <cellStyle name="Обычный 3 15 4 3 5" xfId="20039"/>
    <cellStyle name="Обычный 3 15 4 3 5 2" xfId="20040"/>
    <cellStyle name="Обычный 3 15 4 3 6" xfId="20041"/>
    <cellStyle name="Обычный 3 15 4 4" xfId="20042"/>
    <cellStyle name="Обычный 3 15 4 4 2" xfId="20043"/>
    <cellStyle name="Обычный 3 15 4 4 2 2" xfId="20044"/>
    <cellStyle name="Обычный 3 15 4 4 2 2 2" xfId="20045"/>
    <cellStyle name="Обычный 3 15 4 4 2 3" xfId="20046"/>
    <cellStyle name="Обычный 3 15 4 4 2 3 2" xfId="20047"/>
    <cellStyle name="Обычный 3 15 4 4 2 4" xfId="20048"/>
    <cellStyle name="Обычный 3 15 4 4 3" xfId="20049"/>
    <cellStyle name="Обычный 3 15 4 4 3 2" xfId="20050"/>
    <cellStyle name="Обычный 3 15 4 4 4" xfId="20051"/>
    <cellStyle name="Обычный 3 15 4 4 4 2" xfId="20052"/>
    <cellStyle name="Обычный 3 15 4 4 5" xfId="20053"/>
    <cellStyle name="Обычный 3 15 4 4 5 2" xfId="20054"/>
    <cellStyle name="Обычный 3 15 4 4 6" xfId="20055"/>
    <cellStyle name="Обычный 3 15 4 5" xfId="20056"/>
    <cellStyle name="Обычный 3 15 4 5 2" xfId="20057"/>
    <cellStyle name="Обычный 3 15 4 5 2 2" xfId="20058"/>
    <cellStyle name="Обычный 3 15 4 5 3" xfId="20059"/>
    <cellStyle name="Обычный 3 15 4 5 3 2" xfId="20060"/>
    <cellStyle name="Обычный 3 15 4 5 4" xfId="20061"/>
    <cellStyle name="Обычный 3 15 4 6" xfId="20062"/>
    <cellStyle name="Обычный 3 15 4 6 2" xfId="20063"/>
    <cellStyle name="Обычный 3 15 4 7" xfId="20064"/>
    <cellStyle name="Обычный 3 15 4 7 2" xfId="20065"/>
    <cellStyle name="Обычный 3 15 4 8" xfId="20066"/>
    <cellStyle name="Обычный 3 15 4 8 2" xfId="20067"/>
    <cellStyle name="Обычный 3 15 4 9" xfId="20068"/>
    <cellStyle name="Обычный 3 15 5" xfId="20069"/>
    <cellStyle name="Обычный 3 15 5 2" xfId="20070"/>
    <cellStyle name="Обычный 3 15 5 2 2" xfId="20071"/>
    <cellStyle name="Обычный 3 15 5 2 2 2" xfId="20072"/>
    <cellStyle name="Обычный 3 15 5 2 3" xfId="20073"/>
    <cellStyle name="Обычный 3 15 5 2 3 2" xfId="20074"/>
    <cellStyle name="Обычный 3 15 5 2 4" xfId="20075"/>
    <cellStyle name="Обычный 3 15 5 3" xfId="20076"/>
    <cellStyle name="Обычный 3 15 5 3 2" xfId="20077"/>
    <cellStyle name="Обычный 3 15 5 4" xfId="20078"/>
    <cellStyle name="Обычный 3 15 5 4 2" xfId="20079"/>
    <cellStyle name="Обычный 3 15 5 5" xfId="20080"/>
    <cellStyle name="Обычный 3 15 5 5 2" xfId="20081"/>
    <cellStyle name="Обычный 3 15 5 6" xfId="20082"/>
    <cellStyle name="Обычный 3 15 6" xfId="20083"/>
    <cellStyle name="Обычный 3 15 6 2" xfId="20084"/>
    <cellStyle name="Обычный 3 15 6 2 2" xfId="20085"/>
    <cellStyle name="Обычный 3 15 6 2 2 2" xfId="20086"/>
    <cellStyle name="Обычный 3 15 6 2 3" xfId="20087"/>
    <cellStyle name="Обычный 3 15 6 2 3 2" xfId="20088"/>
    <cellStyle name="Обычный 3 15 6 2 4" xfId="20089"/>
    <cellStyle name="Обычный 3 15 6 3" xfId="20090"/>
    <cellStyle name="Обычный 3 15 6 3 2" xfId="20091"/>
    <cellStyle name="Обычный 3 15 6 4" xfId="20092"/>
    <cellStyle name="Обычный 3 15 6 4 2" xfId="20093"/>
    <cellStyle name="Обычный 3 15 6 5" xfId="20094"/>
    <cellStyle name="Обычный 3 15 6 5 2" xfId="20095"/>
    <cellStyle name="Обычный 3 15 6 6" xfId="20096"/>
    <cellStyle name="Обычный 3 15 7" xfId="20097"/>
    <cellStyle name="Обычный 3 15 7 2" xfId="20098"/>
    <cellStyle name="Обычный 3 15 7 2 2" xfId="20099"/>
    <cellStyle name="Обычный 3 15 7 2 2 2" xfId="20100"/>
    <cellStyle name="Обычный 3 15 7 2 3" xfId="20101"/>
    <cellStyle name="Обычный 3 15 7 2 3 2" xfId="20102"/>
    <cellStyle name="Обычный 3 15 7 2 4" xfId="20103"/>
    <cellStyle name="Обычный 3 15 7 3" xfId="20104"/>
    <cellStyle name="Обычный 3 15 7 3 2" xfId="20105"/>
    <cellStyle name="Обычный 3 15 7 4" xfId="20106"/>
    <cellStyle name="Обычный 3 15 7 4 2" xfId="20107"/>
    <cellStyle name="Обычный 3 15 7 5" xfId="20108"/>
    <cellStyle name="Обычный 3 15 7 5 2" xfId="20109"/>
    <cellStyle name="Обычный 3 15 7 6" xfId="20110"/>
    <cellStyle name="Обычный 3 15 8" xfId="20111"/>
    <cellStyle name="Обычный 3 15 8 2" xfId="20112"/>
    <cellStyle name="Обычный 3 15 8 2 2" xfId="20113"/>
    <cellStyle name="Обычный 3 15 8 2 2 2" xfId="20114"/>
    <cellStyle name="Обычный 3 15 8 2 3" xfId="20115"/>
    <cellStyle name="Обычный 3 15 8 2 3 2" xfId="20116"/>
    <cellStyle name="Обычный 3 15 8 2 4" xfId="20117"/>
    <cellStyle name="Обычный 3 15 8 3" xfId="20118"/>
    <cellStyle name="Обычный 3 15 8 3 2" xfId="20119"/>
    <cellStyle name="Обычный 3 15 8 4" xfId="20120"/>
    <cellStyle name="Обычный 3 15 8 4 2" xfId="20121"/>
    <cellStyle name="Обычный 3 15 8 5" xfId="20122"/>
    <cellStyle name="Обычный 3 15 8 5 2" xfId="20123"/>
    <cellStyle name="Обычный 3 15 8 6" xfId="20124"/>
    <cellStyle name="Обычный 3 15 9" xfId="20125"/>
    <cellStyle name="Обычный 3 15 9 2" xfId="20126"/>
    <cellStyle name="Обычный 3 15 9 2 2" xfId="20127"/>
    <cellStyle name="Обычный 3 15 9 3" xfId="20128"/>
    <cellStyle name="Обычный 3 15 9 3 2" xfId="20129"/>
    <cellStyle name="Обычный 3 15 9 4" xfId="20130"/>
    <cellStyle name="Обычный 3 16" xfId="20131"/>
    <cellStyle name="Обычный 3 16 10" xfId="20132"/>
    <cellStyle name="Обычный 3 16 10 2" xfId="20133"/>
    <cellStyle name="Обычный 3 16 11" xfId="20134"/>
    <cellStyle name="Обычный 3 16 11 2" xfId="20135"/>
    <cellStyle name="Обычный 3 16 12" xfId="20136"/>
    <cellStyle name="Обычный 3 16 13" xfId="20137"/>
    <cellStyle name="Обычный 3 16 2" xfId="20138"/>
    <cellStyle name="Обычный 3 16 2 10" xfId="20139"/>
    <cellStyle name="Обычный 3 16 2 2" xfId="20140"/>
    <cellStyle name="Обычный 3 16 2 2 2" xfId="20141"/>
    <cellStyle name="Обычный 3 16 2 2 2 2" xfId="20142"/>
    <cellStyle name="Обычный 3 16 2 2 2 2 2" xfId="20143"/>
    <cellStyle name="Обычный 3 16 2 2 2 3" xfId="20144"/>
    <cellStyle name="Обычный 3 16 2 2 2 3 2" xfId="20145"/>
    <cellStyle name="Обычный 3 16 2 2 2 4" xfId="20146"/>
    <cellStyle name="Обычный 3 16 2 2 3" xfId="20147"/>
    <cellStyle name="Обычный 3 16 2 2 3 2" xfId="20148"/>
    <cellStyle name="Обычный 3 16 2 2 4" xfId="20149"/>
    <cellStyle name="Обычный 3 16 2 2 4 2" xfId="20150"/>
    <cellStyle name="Обычный 3 16 2 2 5" xfId="20151"/>
    <cellStyle name="Обычный 3 16 2 2 5 2" xfId="20152"/>
    <cellStyle name="Обычный 3 16 2 2 6" xfId="20153"/>
    <cellStyle name="Обычный 3 16 2 3" xfId="20154"/>
    <cellStyle name="Обычный 3 16 2 3 2" xfId="20155"/>
    <cellStyle name="Обычный 3 16 2 3 2 2" xfId="20156"/>
    <cellStyle name="Обычный 3 16 2 3 2 2 2" xfId="20157"/>
    <cellStyle name="Обычный 3 16 2 3 2 3" xfId="20158"/>
    <cellStyle name="Обычный 3 16 2 3 2 3 2" xfId="20159"/>
    <cellStyle name="Обычный 3 16 2 3 2 4" xfId="20160"/>
    <cellStyle name="Обычный 3 16 2 3 3" xfId="20161"/>
    <cellStyle name="Обычный 3 16 2 3 3 2" xfId="20162"/>
    <cellStyle name="Обычный 3 16 2 3 4" xfId="20163"/>
    <cellStyle name="Обычный 3 16 2 3 4 2" xfId="20164"/>
    <cellStyle name="Обычный 3 16 2 3 5" xfId="20165"/>
    <cellStyle name="Обычный 3 16 2 3 5 2" xfId="20166"/>
    <cellStyle name="Обычный 3 16 2 3 6" xfId="20167"/>
    <cellStyle name="Обычный 3 16 2 4" xfId="20168"/>
    <cellStyle name="Обычный 3 16 2 4 2" xfId="20169"/>
    <cellStyle name="Обычный 3 16 2 4 2 2" xfId="20170"/>
    <cellStyle name="Обычный 3 16 2 4 2 2 2" xfId="20171"/>
    <cellStyle name="Обычный 3 16 2 4 2 3" xfId="20172"/>
    <cellStyle name="Обычный 3 16 2 4 2 3 2" xfId="20173"/>
    <cellStyle name="Обычный 3 16 2 4 2 4" xfId="20174"/>
    <cellStyle name="Обычный 3 16 2 4 3" xfId="20175"/>
    <cellStyle name="Обычный 3 16 2 4 3 2" xfId="20176"/>
    <cellStyle name="Обычный 3 16 2 4 4" xfId="20177"/>
    <cellStyle name="Обычный 3 16 2 4 4 2" xfId="20178"/>
    <cellStyle name="Обычный 3 16 2 4 5" xfId="20179"/>
    <cellStyle name="Обычный 3 16 2 4 5 2" xfId="20180"/>
    <cellStyle name="Обычный 3 16 2 4 6" xfId="20181"/>
    <cellStyle name="Обычный 3 16 2 5" xfId="20182"/>
    <cellStyle name="Обычный 3 16 2 5 2" xfId="20183"/>
    <cellStyle name="Обычный 3 16 2 5 2 2" xfId="20184"/>
    <cellStyle name="Обычный 3 16 2 5 2 2 2" xfId="20185"/>
    <cellStyle name="Обычный 3 16 2 5 2 3" xfId="20186"/>
    <cellStyle name="Обычный 3 16 2 5 2 3 2" xfId="20187"/>
    <cellStyle name="Обычный 3 16 2 5 2 4" xfId="20188"/>
    <cellStyle name="Обычный 3 16 2 5 3" xfId="20189"/>
    <cellStyle name="Обычный 3 16 2 5 3 2" xfId="20190"/>
    <cellStyle name="Обычный 3 16 2 5 4" xfId="20191"/>
    <cellStyle name="Обычный 3 16 2 5 4 2" xfId="20192"/>
    <cellStyle name="Обычный 3 16 2 5 5" xfId="20193"/>
    <cellStyle name="Обычный 3 16 2 5 5 2" xfId="20194"/>
    <cellStyle name="Обычный 3 16 2 5 6" xfId="20195"/>
    <cellStyle name="Обычный 3 16 2 6" xfId="20196"/>
    <cellStyle name="Обычный 3 16 2 6 2" xfId="20197"/>
    <cellStyle name="Обычный 3 16 2 6 2 2" xfId="20198"/>
    <cellStyle name="Обычный 3 16 2 6 3" xfId="20199"/>
    <cellStyle name="Обычный 3 16 2 6 3 2" xfId="20200"/>
    <cellStyle name="Обычный 3 16 2 6 4" xfId="20201"/>
    <cellStyle name="Обычный 3 16 2 7" xfId="20202"/>
    <cellStyle name="Обычный 3 16 2 7 2" xfId="20203"/>
    <cellStyle name="Обычный 3 16 2 8" xfId="20204"/>
    <cellStyle name="Обычный 3 16 2 8 2" xfId="20205"/>
    <cellStyle name="Обычный 3 16 2 9" xfId="20206"/>
    <cellStyle name="Обычный 3 16 2 9 2" xfId="20207"/>
    <cellStyle name="Обычный 3 16 3" xfId="20208"/>
    <cellStyle name="Обычный 3 16 3 2" xfId="20209"/>
    <cellStyle name="Обычный 3 16 3 2 2" xfId="20210"/>
    <cellStyle name="Обычный 3 16 3 2 2 2" xfId="20211"/>
    <cellStyle name="Обычный 3 16 3 2 2 2 2" xfId="20212"/>
    <cellStyle name="Обычный 3 16 3 2 2 3" xfId="20213"/>
    <cellStyle name="Обычный 3 16 3 2 2 3 2" xfId="20214"/>
    <cellStyle name="Обычный 3 16 3 2 2 4" xfId="20215"/>
    <cellStyle name="Обычный 3 16 3 2 3" xfId="20216"/>
    <cellStyle name="Обычный 3 16 3 2 3 2" xfId="20217"/>
    <cellStyle name="Обычный 3 16 3 2 4" xfId="20218"/>
    <cellStyle name="Обычный 3 16 3 2 4 2" xfId="20219"/>
    <cellStyle name="Обычный 3 16 3 2 5" xfId="20220"/>
    <cellStyle name="Обычный 3 16 3 2 5 2" xfId="20221"/>
    <cellStyle name="Обычный 3 16 3 2 6" xfId="20222"/>
    <cellStyle name="Обычный 3 16 3 3" xfId="20223"/>
    <cellStyle name="Обычный 3 16 3 3 2" xfId="20224"/>
    <cellStyle name="Обычный 3 16 3 3 2 2" xfId="20225"/>
    <cellStyle name="Обычный 3 16 3 3 2 2 2" xfId="20226"/>
    <cellStyle name="Обычный 3 16 3 3 2 3" xfId="20227"/>
    <cellStyle name="Обычный 3 16 3 3 2 3 2" xfId="20228"/>
    <cellStyle name="Обычный 3 16 3 3 2 4" xfId="20229"/>
    <cellStyle name="Обычный 3 16 3 3 3" xfId="20230"/>
    <cellStyle name="Обычный 3 16 3 3 3 2" xfId="20231"/>
    <cellStyle name="Обычный 3 16 3 3 4" xfId="20232"/>
    <cellStyle name="Обычный 3 16 3 3 4 2" xfId="20233"/>
    <cellStyle name="Обычный 3 16 3 3 5" xfId="20234"/>
    <cellStyle name="Обычный 3 16 3 3 5 2" xfId="20235"/>
    <cellStyle name="Обычный 3 16 3 3 6" xfId="20236"/>
    <cellStyle name="Обычный 3 16 3 4" xfId="20237"/>
    <cellStyle name="Обычный 3 16 3 4 2" xfId="20238"/>
    <cellStyle name="Обычный 3 16 3 4 2 2" xfId="20239"/>
    <cellStyle name="Обычный 3 16 3 4 2 2 2" xfId="20240"/>
    <cellStyle name="Обычный 3 16 3 4 2 3" xfId="20241"/>
    <cellStyle name="Обычный 3 16 3 4 2 3 2" xfId="20242"/>
    <cellStyle name="Обычный 3 16 3 4 2 4" xfId="20243"/>
    <cellStyle name="Обычный 3 16 3 4 3" xfId="20244"/>
    <cellStyle name="Обычный 3 16 3 4 3 2" xfId="20245"/>
    <cellStyle name="Обычный 3 16 3 4 4" xfId="20246"/>
    <cellStyle name="Обычный 3 16 3 4 4 2" xfId="20247"/>
    <cellStyle name="Обычный 3 16 3 4 5" xfId="20248"/>
    <cellStyle name="Обычный 3 16 3 4 5 2" xfId="20249"/>
    <cellStyle name="Обычный 3 16 3 4 6" xfId="20250"/>
    <cellStyle name="Обычный 3 16 3 5" xfId="20251"/>
    <cellStyle name="Обычный 3 16 3 5 2" xfId="20252"/>
    <cellStyle name="Обычный 3 16 3 5 2 2" xfId="20253"/>
    <cellStyle name="Обычный 3 16 3 5 3" xfId="20254"/>
    <cellStyle name="Обычный 3 16 3 5 3 2" xfId="20255"/>
    <cellStyle name="Обычный 3 16 3 5 4" xfId="20256"/>
    <cellStyle name="Обычный 3 16 3 6" xfId="20257"/>
    <cellStyle name="Обычный 3 16 3 6 2" xfId="20258"/>
    <cellStyle name="Обычный 3 16 3 7" xfId="20259"/>
    <cellStyle name="Обычный 3 16 3 7 2" xfId="20260"/>
    <cellStyle name="Обычный 3 16 3 8" xfId="20261"/>
    <cellStyle name="Обычный 3 16 3 8 2" xfId="20262"/>
    <cellStyle name="Обычный 3 16 3 9" xfId="20263"/>
    <cellStyle name="Обычный 3 16 4" xfId="20264"/>
    <cellStyle name="Обычный 3 16 4 2" xfId="20265"/>
    <cellStyle name="Обычный 3 16 4 2 2" xfId="20266"/>
    <cellStyle name="Обычный 3 16 4 2 2 2" xfId="20267"/>
    <cellStyle name="Обычный 3 16 4 2 3" xfId="20268"/>
    <cellStyle name="Обычный 3 16 4 2 3 2" xfId="20269"/>
    <cellStyle name="Обычный 3 16 4 2 4" xfId="20270"/>
    <cellStyle name="Обычный 3 16 4 3" xfId="20271"/>
    <cellStyle name="Обычный 3 16 4 3 2" xfId="20272"/>
    <cellStyle name="Обычный 3 16 4 4" xfId="20273"/>
    <cellStyle name="Обычный 3 16 4 4 2" xfId="20274"/>
    <cellStyle name="Обычный 3 16 4 5" xfId="20275"/>
    <cellStyle name="Обычный 3 16 4 5 2" xfId="20276"/>
    <cellStyle name="Обычный 3 16 4 6" xfId="20277"/>
    <cellStyle name="Обычный 3 16 5" xfId="20278"/>
    <cellStyle name="Обычный 3 16 5 2" xfId="20279"/>
    <cellStyle name="Обычный 3 16 5 2 2" xfId="20280"/>
    <cellStyle name="Обычный 3 16 5 2 2 2" xfId="20281"/>
    <cellStyle name="Обычный 3 16 5 2 3" xfId="20282"/>
    <cellStyle name="Обычный 3 16 5 2 3 2" xfId="20283"/>
    <cellStyle name="Обычный 3 16 5 2 4" xfId="20284"/>
    <cellStyle name="Обычный 3 16 5 3" xfId="20285"/>
    <cellStyle name="Обычный 3 16 5 3 2" xfId="20286"/>
    <cellStyle name="Обычный 3 16 5 4" xfId="20287"/>
    <cellStyle name="Обычный 3 16 5 4 2" xfId="20288"/>
    <cellStyle name="Обычный 3 16 5 5" xfId="20289"/>
    <cellStyle name="Обычный 3 16 5 5 2" xfId="20290"/>
    <cellStyle name="Обычный 3 16 5 6" xfId="20291"/>
    <cellStyle name="Обычный 3 16 6" xfId="20292"/>
    <cellStyle name="Обычный 3 16 6 2" xfId="20293"/>
    <cellStyle name="Обычный 3 16 6 2 2" xfId="20294"/>
    <cellStyle name="Обычный 3 16 6 2 2 2" xfId="20295"/>
    <cellStyle name="Обычный 3 16 6 2 3" xfId="20296"/>
    <cellStyle name="Обычный 3 16 6 2 3 2" xfId="20297"/>
    <cellStyle name="Обычный 3 16 6 2 4" xfId="20298"/>
    <cellStyle name="Обычный 3 16 6 3" xfId="20299"/>
    <cellStyle name="Обычный 3 16 6 3 2" xfId="20300"/>
    <cellStyle name="Обычный 3 16 6 4" xfId="20301"/>
    <cellStyle name="Обычный 3 16 6 4 2" xfId="20302"/>
    <cellStyle name="Обычный 3 16 6 5" xfId="20303"/>
    <cellStyle name="Обычный 3 16 6 5 2" xfId="20304"/>
    <cellStyle name="Обычный 3 16 6 6" xfId="20305"/>
    <cellStyle name="Обычный 3 16 7" xfId="20306"/>
    <cellStyle name="Обычный 3 16 7 2" xfId="20307"/>
    <cellStyle name="Обычный 3 16 7 2 2" xfId="20308"/>
    <cellStyle name="Обычный 3 16 7 2 2 2" xfId="20309"/>
    <cellStyle name="Обычный 3 16 7 2 3" xfId="20310"/>
    <cellStyle name="Обычный 3 16 7 2 3 2" xfId="20311"/>
    <cellStyle name="Обычный 3 16 7 2 4" xfId="20312"/>
    <cellStyle name="Обычный 3 16 7 3" xfId="20313"/>
    <cellStyle name="Обычный 3 16 7 3 2" xfId="20314"/>
    <cellStyle name="Обычный 3 16 7 4" xfId="20315"/>
    <cellStyle name="Обычный 3 16 7 4 2" xfId="20316"/>
    <cellStyle name="Обычный 3 16 7 5" xfId="20317"/>
    <cellStyle name="Обычный 3 16 7 5 2" xfId="20318"/>
    <cellStyle name="Обычный 3 16 7 6" xfId="20319"/>
    <cellStyle name="Обычный 3 16 8" xfId="20320"/>
    <cellStyle name="Обычный 3 16 8 2" xfId="20321"/>
    <cellStyle name="Обычный 3 16 8 2 2" xfId="20322"/>
    <cellStyle name="Обычный 3 16 8 3" xfId="20323"/>
    <cellStyle name="Обычный 3 16 8 3 2" xfId="20324"/>
    <cellStyle name="Обычный 3 16 8 4" xfId="20325"/>
    <cellStyle name="Обычный 3 16 9" xfId="20326"/>
    <cellStyle name="Обычный 3 16 9 2" xfId="20327"/>
    <cellStyle name="Обычный 3 16 9 2 2" xfId="20328"/>
    <cellStyle name="Обычный 3 16 9 3" xfId="20329"/>
    <cellStyle name="Обычный 3 17" xfId="20330"/>
    <cellStyle name="Обычный 3 17 10" xfId="20331"/>
    <cellStyle name="Обычный 3 17 10 2" xfId="20332"/>
    <cellStyle name="Обычный 3 17 11" xfId="20333"/>
    <cellStyle name="Обычный 3 17 11 2" xfId="20334"/>
    <cellStyle name="Обычный 3 17 12" xfId="20335"/>
    <cellStyle name="Обычный 3 17 13" xfId="20336"/>
    <cellStyle name="Обычный 3 17 2" xfId="20337"/>
    <cellStyle name="Обычный 3 17 2 10" xfId="20338"/>
    <cellStyle name="Обычный 3 17 2 2" xfId="20339"/>
    <cellStyle name="Обычный 3 17 2 2 2" xfId="20340"/>
    <cellStyle name="Обычный 3 17 2 2 2 2" xfId="20341"/>
    <cellStyle name="Обычный 3 17 2 2 2 2 2" xfId="20342"/>
    <cellStyle name="Обычный 3 17 2 2 2 3" xfId="20343"/>
    <cellStyle name="Обычный 3 17 2 2 2 3 2" xfId="20344"/>
    <cellStyle name="Обычный 3 17 2 2 2 4" xfId="20345"/>
    <cellStyle name="Обычный 3 17 2 2 3" xfId="20346"/>
    <cellStyle name="Обычный 3 17 2 2 3 2" xfId="20347"/>
    <cellStyle name="Обычный 3 17 2 2 4" xfId="20348"/>
    <cellStyle name="Обычный 3 17 2 2 4 2" xfId="20349"/>
    <cellStyle name="Обычный 3 17 2 2 5" xfId="20350"/>
    <cellStyle name="Обычный 3 17 2 2 5 2" xfId="20351"/>
    <cellStyle name="Обычный 3 17 2 2 6" xfId="20352"/>
    <cellStyle name="Обычный 3 17 2 3" xfId="20353"/>
    <cellStyle name="Обычный 3 17 2 3 2" xfId="20354"/>
    <cellStyle name="Обычный 3 17 2 3 2 2" xfId="20355"/>
    <cellStyle name="Обычный 3 17 2 3 2 2 2" xfId="20356"/>
    <cellStyle name="Обычный 3 17 2 3 2 3" xfId="20357"/>
    <cellStyle name="Обычный 3 17 2 3 2 3 2" xfId="20358"/>
    <cellStyle name="Обычный 3 17 2 3 2 4" xfId="20359"/>
    <cellStyle name="Обычный 3 17 2 3 3" xfId="20360"/>
    <cellStyle name="Обычный 3 17 2 3 3 2" xfId="20361"/>
    <cellStyle name="Обычный 3 17 2 3 4" xfId="20362"/>
    <cellStyle name="Обычный 3 17 2 3 4 2" xfId="20363"/>
    <cellStyle name="Обычный 3 17 2 3 5" xfId="20364"/>
    <cellStyle name="Обычный 3 17 2 3 5 2" xfId="20365"/>
    <cellStyle name="Обычный 3 17 2 3 6" xfId="20366"/>
    <cellStyle name="Обычный 3 17 2 4" xfId="20367"/>
    <cellStyle name="Обычный 3 17 2 4 2" xfId="20368"/>
    <cellStyle name="Обычный 3 17 2 4 2 2" xfId="20369"/>
    <cellStyle name="Обычный 3 17 2 4 2 2 2" xfId="20370"/>
    <cellStyle name="Обычный 3 17 2 4 2 3" xfId="20371"/>
    <cellStyle name="Обычный 3 17 2 4 2 3 2" xfId="20372"/>
    <cellStyle name="Обычный 3 17 2 4 2 4" xfId="20373"/>
    <cellStyle name="Обычный 3 17 2 4 3" xfId="20374"/>
    <cellStyle name="Обычный 3 17 2 4 3 2" xfId="20375"/>
    <cellStyle name="Обычный 3 17 2 4 4" xfId="20376"/>
    <cellStyle name="Обычный 3 17 2 4 4 2" xfId="20377"/>
    <cellStyle name="Обычный 3 17 2 4 5" xfId="20378"/>
    <cellStyle name="Обычный 3 17 2 4 5 2" xfId="20379"/>
    <cellStyle name="Обычный 3 17 2 4 6" xfId="20380"/>
    <cellStyle name="Обычный 3 17 2 5" xfId="20381"/>
    <cellStyle name="Обычный 3 17 2 5 2" xfId="20382"/>
    <cellStyle name="Обычный 3 17 2 5 2 2" xfId="20383"/>
    <cellStyle name="Обычный 3 17 2 5 2 2 2" xfId="20384"/>
    <cellStyle name="Обычный 3 17 2 5 2 3" xfId="20385"/>
    <cellStyle name="Обычный 3 17 2 5 2 3 2" xfId="20386"/>
    <cellStyle name="Обычный 3 17 2 5 2 4" xfId="20387"/>
    <cellStyle name="Обычный 3 17 2 5 3" xfId="20388"/>
    <cellStyle name="Обычный 3 17 2 5 3 2" xfId="20389"/>
    <cellStyle name="Обычный 3 17 2 5 4" xfId="20390"/>
    <cellStyle name="Обычный 3 17 2 5 4 2" xfId="20391"/>
    <cellStyle name="Обычный 3 17 2 5 5" xfId="20392"/>
    <cellStyle name="Обычный 3 17 2 5 5 2" xfId="20393"/>
    <cellStyle name="Обычный 3 17 2 5 6" xfId="20394"/>
    <cellStyle name="Обычный 3 17 2 6" xfId="20395"/>
    <cellStyle name="Обычный 3 17 2 6 2" xfId="20396"/>
    <cellStyle name="Обычный 3 17 2 6 2 2" xfId="20397"/>
    <cellStyle name="Обычный 3 17 2 6 3" xfId="20398"/>
    <cellStyle name="Обычный 3 17 2 6 3 2" xfId="20399"/>
    <cellStyle name="Обычный 3 17 2 6 4" xfId="20400"/>
    <cellStyle name="Обычный 3 17 2 7" xfId="20401"/>
    <cellStyle name="Обычный 3 17 2 7 2" xfId="20402"/>
    <cellStyle name="Обычный 3 17 2 8" xfId="20403"/>
    <cellStyle name="Обычный 3 17 2 8 2" xfId="20404"/>
    <cellStyle name="Обычный 3 17 2 9" xfId="20405"/>
    <cellStyle name="Обычный 3 17 2 9 2" xfId="20406"/>
    <cellStyle name="Обычный 3 17 3" xfId="20407"/>
    <cellStyle name="Обычный 3 17 3 2" xfId="20408"/>
    <cellStyle name="Обычный 3 17 3 2 2" xfId="20409"/>
    <cellStyle name="Обычный 3 17 3 2 2 2" xfId="20410"/>
    <cellStyle name="Обычный 3 17 3 2 2 2 2" xfId="20411"/>
    <cellStyle name="Обычный 3 17 3 2 2 3" xfId="20412"/>
    <cellStyle name="Обычный 3 17 3 2 2 3 2" xfId="20413"/>
    <cellStyle name="Обычный 3 17 3 2 2 4" xfId="20414"/>
    <cellStyle name="Обычный 3 17 3 2 3" xfId="20415"/>
    <cellStyle name="Обычный 3 17 3 2 3 2" xfId="20416"/>
    <cellStyle name="Обычный 3 17 3 2 4" xfId="20417"/>
    <cellStyle name="Обычный 3 17 3 2 4 2" xfId="20418"/>
    <cellStyle name="Обычный 3 17 3 2 5" xfId="20419"/>
    <cellStyle name="Обычный 3 17 3 2 5 2" xfId="20420"/>
    <cellStyle name="Обычный 3 17 3 2 6" xfId="20421"/>
    <cellStyle name="Обычный 3 17 3 3" xfId="20422"/>
    <cellStyle name="Обычный 3 17 3 3 2" xfId="20423"/>
    <cellStyle name="Обычный 3 17 3 3 2 2" xfId="20424"/>
    <cellStyle name="Обычный 3 17 3 3 2 2 2" xfId="20425"/>
    <cellStyle name="Обычный 3 17 3 3 2 3" xfId="20426"/>
    <cellStyle name="Обычный 3 17 3 3 2 3 2" xfId="20427"/>
    <cellStyle name="Обычный 3 17 3 3 2 4" xfId="20428"/>
    <cellStyle name="Обычный 3 17 3 3 3" xfId="20429"/>
    <cellStyle name="Обычный 3 17 3 3 3 2" xfId="20430"/>
    <cellStyle name="Обычный 3 17 3 3 4" xfId="20431"/>
    <cellStyle name="Обычный 3 17 3 3 4 2" xfId="20432"/>
    <cellStyle name="Обычный 3 17 3 3 5" xfId="20433"/>
    <cellStyle name="Обычный 3 17 3 3 5 2" xfId="20434"/>
    <cellStyle name="Обычный 3 17 3 3 6" xfId="20435"/>
    <cellStyle name="Обычный 3 17 3 4" xfId="20436"/>
    <cellStyle name="Обычный 3 17 3 4 2" xfId="20437"/>
    <cellStyle name="Обычный 3 17 3 4 2 2" xfId="20438"/>
    <cellStyle name="Обычный 3 17 3 4 2 2 2" xfId="20439"/>
    <cellStyle name="Обычный 3 17 3 4 2 3" xfId="20440"/>
    <cellStyle name="Обычный 3 17 3 4 2 3 2" xfId="20441"/>
    <cellStyle name="Обычный 3 17 3 4 2 4" xfId="20442"/>
    <cellStyle name="Обычный 3 17 3 4 3" xfId="20443"/>
    <cellStyle name="Обычный 3 17 3 4 3 2" xfId="20444"/>
    <cellStyle name="Обычный 3 17 3 4 4" xfId="20445"/>
    <cellStyle name="Обычный 3 17 3 4 4 2" xfId="20446"/>
    <cellStyle name="Обычный 3 17 3 4 5" xfId="20447"/>
    <cellStyle name="Обычный 3 17 3 4 5 2" xfId="20448"/>
    <cellStyle name="Обычный 3 17 3 4 6" xfId="20449"/>
    <cellStyle name="Обычный 3 17 3 5" xfId="20450"/>
    <cellStyle name="Обычный 3 17 3 5 2" xfId="20451"/>
    <cellStyle name="Обычный 3 17 3 5 2 2" xfId="20452"/>
    <cellStyle name="Обычный 3 17 3 5 3" xfId="20453"/>
    <cellStyle name="Обычный 3 17 3 5 3 2" xfId="20454"/>
    <cellStyle name="Обычный 3 17 3 5 4" xfId="20455"/>
    <cellStyle name="Обычный 3 17 3 6" xfId="20456"/>
    <cellStyle name="Обычный 3 17 3 6 2" xfId="20457"/>
    <cellStyle name="Обычный 3 17 3 7" xfId="20458"/>
    <cellStyle name="Обычный 3 17 3 7 2" xfId="20459"/>
    <cellStyle name="Обычный 3 17 3 8" xfId="20460"/>
    <cellStyle name="Обычный 3 17 3 8 2" xfId="20461"/>
    <cellStyle name="Обычный 3 17 3 9" xfId="20462"/>
    <cellStyle name="Обычный 3 17 4" xfId="20463"/>
    <cellStyle name="Обычный 3 17 4 2" xfId="20464"/>
    <cellStyle name="Обычный 3 17 4 2 2" xfId="20465"/>
    <cellStyle name="Обычный 3 17 4 2 2 2" xfId="20466"/>
    <cellStyle name="Обычный 3 17 4 2 3" xfId="20467"/>
    <cellStyle name="Обычный 3 17 4 2 3 2" xfId="20468"/>
    <cellStyle name="Обычный 3 17 4 2 4" xfId="20469"/>
    <cellStyle name="Обычный 3 17 4 3" xfId="20470"/>
    <cellStyle name="Обычный 3 17 4 3 2" xfId="20471"/>
    <cellStyle name="Обычный 3 17 4 4" xfId="20472"/>
    <cellStyle name="Обычный 3 17 4 4 2" xfId="20473"/>
    <cellStyle name="Обычный 3 17 4 5" xfId="20474"/>
    <cellStyle name="Обычный 3 17 4 5 2" xfId="20475"/>
    <cellStyle name="Обычный 3 17 4 6" xfId="20476"/>
    <cellStyle name="Обычный 3 17 5" xfId="20477"/>
    <cellStyle name="Обычный 3 17 5 2" xfId="20478"/>
    <cellStyle name="Обычный 3 17 5 2 2" xfId="20479"/>
    <cellStyle name="Обычный 3 17 5 2 2 2" xfId="20480"/>
    <cellStyle name="Обычный 3 17 5 2 3" xfId="20481"/>
    <cellStyle name="Обычный 3 17 5 2 3 2" xfId="20482"/>
    <cellStyle name="Обычный 3 17 5 2 4" xfId="20483"/>
    <cellStyle name="Обычный 3 17 5 3" xfId="20484"/>
    <cellStyle name="Обычный 3 17 5 3 2" xfId="20485"/>
    <cellStyle name="Обычный 3 17 5 4" xfId="20486"/>
    <cellStyle name="Обычный 3 17 5 4 2" xfId="20487"/>
    <cellStyle name="Обычный 3 17 5 5" xfId="20488"/>
    <cellStyle name="Обычный 3 17 5 5 2" xfId="20489"/>
    <cellStyle name="Обычный 3 17 5 6" xfId="20490"/>
    <cellStyle name="Обычный 3 17 6" xfId="20491"/>
    <cellStyle name="Обычный 3 17 6 2" xfId="20492"/>
    <cellStyle name="Обычный 3 17 6 2 2" xfId="20493"/>
    <cellStyle name="Обычный 3 17 6 2 2 2" xfId="20494"/>
    <cellStyle name="Обычный 3 17 6 2 3" xfId="20495"/>
    <cellStyle name="Обычный 3 17 6 2 3 2" xfId="20496"/>
    <cellStyle name="Обычный 3 17 6 2 4" xfId="20497"/>
    <cellStyle name="Обычный 3 17 6 3" xfId="20498"/>
    <cellStyle name="Обычный 3 17 6 3 2" xfId="20499"/>
    <cellStyle name="Обычный 3 17 6 4" xfId="20500"/>
    <cellStyle name="Обычный 3 17 6 4 2" xfId="20501"/>
    <cellStyle name="Обычный 3 17 6 5" xfId="20502"/>
    <cellStyle name="Обычный 3 17 6 5 2" xfId="20503"/>
    <cellStyle name="Обычный 3 17 6 6" xfId="20504"/>
    <cellStyle name="Обычный 3 17 7" xfId="20505"/>
    <cellStyle name="Обычный 3 17 7 2" xfId="20506"/>
    <cellStyle name="Обычный 3 17 7 2 2" xfId="20507"/>
    <cellStyle name="Обычный 3 17 7 2 2 2" xfId="20508"/>
    <cellStyle name="Обычный 3 17 7 2 3" xfId="20509"/>
    <cellStyle name="Обычный 3 17 7 2 3 2" xfId="20510"/>
    <cellStyle name="Обычный 3 17 7 2 4" xfId="20511"/>
    <cellStyle name="Обычный 3 17 7 3" xfId="20512"/>
    <cellStyle name="Обычный 3 17 7 3 2" xfId="20513"/>
    <cellStyle name="Обычный 3 17 7 4" xfId="20514"/>
    <cellStyle name="Обычный 3 17 7 4 2" xfId="20515"/>
    <cellStyle name="Обычный 3 17 7 5" xfId="20516"/>
    <cellStyle name="Обычный 3 17 7 5 2" xfId="20517"/>
    <cellStyle name="Обычный 3 17 7 6" xfId="20518"/>
    <cellStyle name="Обычный 3 17 8" xfId="20519"/>
    <cellStyle name="Обычный 3 17 8 2" xfId="20520"/>
    <cellStyle name="Обычный 3 17 8 2 2" xfId="20521"/>
    <cellStyle name="Обычный 3 17 8 3" xfId="20522"/>
    <cellStyle name="Обычный 3 17 8 3 2" xfId="20523"/>
    <cellStyle name="Обычный 3 17 8 4" xfId="20524"/>
    <cellStyle name="Обычный 3 17 9" xfId="20525"/>
    <cellStyle name="Обычный 3 17 9 2" xfId="20526"/>
    <cellStyle name="Обычный 3 17 9 2 2" xfId="20527"/>
    <cellStyle name="Обычный 3 17 9 3" xfId="20528"/>
    <cellStyle name="Обычный 3 18" xfId="20529"/>
    <cellStyle name="Обычный 3 18 10" xfId="20530"/>
    <cellStyle name="Обычный 3 18 10 2" xfId="20531"/>
    <cellStyle name="Обычный 3 18 11" xfId="20532"/>
    <cellStyle name="Обычный 3 18 11 2" xfId="20533"/>
    <cellStyle name="Обычный 3 18 12" xfId="20534"/>
    <cellStyle name="Обычный 3 18 13" xfId="20535"/>
    <cellStyle name="Обычный 3 18 2" xfId="20536"/>
    <cellStyle name="Обычный 3 18 2 10" xfId="20537"/>
    <cellStyle name="Обычный 3 18 2 2" xfId="20538"/>
    <cellStyle name="Обычный 3 18 2 2 2" xfId="20539"/>
    <cellStyle name="Обычный 3 18 2 2 2 2" xfId="20540"/>
    <cellStyle name="Обычный 3 18 2 2 2 2 2" xfId="20541"/>
    <cellStyle name="Обычный 3 18 2 2 2 3" xfId="20542"/>
    <cellStyle name="Обычный 3 18 2 2 2 3 2" xfId="20543"/>
    <cellStyle name="Обычный 3 18 2 2 2 4" xfId="20544"/>
    <cellStyle name="Обычный 3 18 2 2 3" xfId="20545"/>
    <cellStyle name="Обычный 3 18 2 2 3 2" xfId="20546"/>
    <cellStyle name="Обычный 3 18 2 2 4" xfId="20547"/>
    <cellStyle name="Обычный 3 18 2 2 4 2" xfId="20548"/>
    <cellStyle name="Обычный 3 18 2 2 5" xfId="20549"/>
    <cellStyle name="Обычный 3 18 2 2 5 2" xfId="20550"/>
    <cellStyle name="Обычный 3 18 2 2 6" xfId="20551"/>
    <cellStyle name="Обычный 3 18 2 3" xfId="20552"/>
    <cellStyle name="Обычный 3 18 2 3 2" xfId="20553"/>
    <cellStyle name="Обычный 3 18 2 3 2 2" xfId="20554"/>
    <cellStyle name="Обычный 3 18 2 3 2 2 2" xfId="20555"/>
    <cellStyle name="Обычный 3 18 2 3 2 3" xfId="20556"/>
    <cellStyle name="Обычный 3 18 2 3 2 3 2" xfId="20557"/>
    <cellStyle name="Обычный 3 18 2 3 2 4" xfId="20558"/>
    <cellStyle name="Обычный 3 18 2 3 3" xfId="20559"/>
    <cellStyle name="Обычный 3 18 2 3 3 2" xfId="20560"/>
    <cellStyle name="Обычный 3 18 2 3 4" xfId="20561"/>
    <cellStyle name="Обычный 3 18 2 3 4 2" xfId="20562"/>
    <cellStyle name="Обычный 3 18 2 3 5" xfId="20563"/>
    <cellStyle name="Обычный 3 18 2 3 5 2" xfId="20564"/>
    <cellStyle name="Обычный 3 18 2 3 6" xfId="20565"/>
    <cellStyle name="Обычный 3 18 2 4" xfId="20566"/>
    <cellStyle name="Обычный 3 18 2 4 2" xfId="20567"/>
    <cellStyle name="Обычный 3 18 2 4 2 2" xfId="20568"/>
    <cellStyle name="Обычный 3 18 2 4 2 2 2" xfId="20569"/>
    <cellStyle name="Обычный 3 18 2 4 2 3" xfId="20570"/>
    <cellStyle name="Обычный 3 18 2 4 2 3 2" xfId="20571"/>
    <cellStyle name="Обычный 3 18 2 4 2 4" xfId="20572"/>
    <cellStyle name="Обычный 3 18 2 4 3" xfId="20573"/>
    <cellStyle name="Обычный 3 18 2 4 3 2" xfId="20574"/>
    <cellStyle name="Обычный 3 18 2 4 4" xfId="20575"/>
    <cellStyle name="Обычный 3 18 2 4 4 2" xfId="20576"/>
    <cellStyle name="Обычный 3 18 2 4 5" xfId="20577"/>
    <cellStyle name="Обычный 3 18 2 4 5 2" xfId="20578"/>
    <cellStyle name="Обычный 3 18 2 4 6" xfId="20579"/>
    <cellStyle name="Обычный 3 18 2 5" xfId="20580"/>
    <cellStyle name="Обычный 3 18 2 5 2" xfId="20581"/>
    <cellStyle name="Обычный 3 18 2 5 2 2" xfId="20582"/>
    <cellStyle name="Обычный 3 18 2 5 2 2 2" xfId="20583"/>
    <cellStyle name="Обычный 3 18 2 5 2 3" xfId="20584"/>
    <cellStyle name="Обычный 3 18 2 5 2 3 2" xfId="20585"/>
    <cellStyle name="Обычный 3 18 2 5 2 4" xfId="20586"/>
    <cellStyle name="Обычный 3 18 2 5 3" xfId="20587"/>
    <cellStyle name="Обычный 3 18 2 5 3 2" xfId="20588"/>
    <cellStyle name="Обычный 3 18 2 5 4" xfId="20589"/>
    <cellStyle name="Обычный 3 18 2 5 4 2" xfId="20590"/>
    <cellStyle name="Обычный 3 18 2 5 5" xfId="20591"/>
    <cellStyle name="Обычный 3 18 2 5 5 2" xfId="20592"/>
    <cellStyle name="Обычный 3 18 2 5 6" xfId="20593"/>
    <cellStyle name="Обычный 3 18 2 6" xfId="20594"/>
    <cellStyle name="Обычный 3 18 2 6 2" xfId="20595"/>
    <cellStyle name="Обычный 3 18 2 6 2 2" xfId="20596"/>
    <cellStyle name="Обычный 3 18 2 6 3" xfId="20597"/>
    <cellStyle name="Обычный 3 18 2 6 3 2" xfId="20598"/>
    <cellStyle name="Обычный 3 18 2 6 4" xfId="20599"/>
    <cellStyle name="Обычный 3 18 2 7" xfId="20600"/>
    <cellStyle name="Обычный 3 18 2 7 2" xfId="20601"/>
    <cellStyle name="Обычный 3 18 2 8" xfId="20602"/>
    <cellStyle name="Обычный 3 18 2 8 2" xfId="20603"/>
    <cellStyle name="Обычный 3 18 2 9" xfId="20604"/>
    <cellStyle name="Обычный 3 18 2 9 2" xfId="20605"/>
    <cellStyle name="Обычный 3 18 3" xfId="20606"/>
    <cellStyle name="Обычный 3 18 3 2" xfId="20607"/>
    <cellStyle name="Обычный 3 18 3 2 2" xfId="20608"/>
    <cellStyle name="Обычный 3 18 3 2 2 2" xfId="20609"/>
    <cellStyle name="Обычный 3 18 3 2 2 2 2" xfId="20610"/>
    <cellStyle name="Обычный 3 18 3 2 2 3" xfId="20611"/>
    <cellStyle name="Обычный 3 18 3 2 2 3 2" xfId="20612"/>
    <cellStyle name="Обычный 3 18 3 2 2 4" xfId="20613"/>
    <cellStyle name="Обычный 3 18 3 2 3" xfId="20614"/>
    <cellStyle name="Обычный 3 18 3 2 3 2" xfId="20615"/>
    <cellStyle name="Обычный 3 18 3 2 4" xfId="20616"/>
    <cellStyle name="Обычный 3 18 3 2 4 2" xfId="20617"/>
    <cellStyle name="Обычный 3 18 3 2 5" xfId="20618"/>
    <cellStyle name="Обычный 3 18 3 2 5 2" xfId="20619"/>
    <cellStyle name="Обычный 3 18 3 2 6" xfId="20620"/>
    <cellStyle name="Обычный 3 18 3 3" xfId="20621"/>
    <cellStyle name="Обычный 3 18 3 3 2" xfId="20622"/>
    <cellStyle name="Обычный 3 18 3 3 2 2" xfId="20623"/>
    <cellStyle name="Обычный 3 18 3 3 2 2 2" xfId="20624"/>
    <cellStyle name="Обычный 3 18 3 3 2 3" xfId="20625"/>
    <cellStyle name="Обычный 3 18 3 3 2 3 2" xfId="20626"/>
    <cellStyle name="Обычный 3 18 3 3 2 4" xfId="20627"/>
    <cellStyle name="Обычный 3 18 3 3 3" xfId="20628"/>
    <cellStyle name="Обычный 3 18 3 3 3 2" xfId="20629"/>
    <cellStyle name="Обычный 3 18 3 3 4" xfId="20630"/>
    <cellStyle name="Обычный 3 18 3 3 4 2" xfId="20631"/>
    <cellStyle name="Обычный 3 18 3 3 5" xfId="20632"/>
    <cellStyle name="Обычный 3 18 3 3 5 2" xfId="20633"/>
    <cellStyle name="Обычный 3 18 3 3 6" xfId="20634"/>
    <cellStyle name="Обычный 3 18 3 4" xfId="20635"/>
    <cellStyle name="Обычный 3 18 3 4 2" xfId="20636"/>
    <cellStyle name="Обычный 3 18 3 4 2 2" xfId="20637"/>
    <cellStyle name="Обычный 3 18 3 4 2 2 2" xfId="20638"/>
    <cellStyle name="Обычный 3 18 3 4 2 3" xfId="20639"/>
    <cellStyle name="Обычный 3 18 3 4 2 3 2" xfId="20640"/>
    <cellStyle name="Обычный 3 18 3 4 2 4" xfId="20641"/>
    <cellStyle name="Обычный 3 18 3 4 3" xfId="20642"/>
    <cellStyle name="Обычный 3 18 3 4 3 2" xfId="20643"/>
    <cellStyle name="Обычный 3 18 3 4 4" xfId="20644"/>
    <cellStyle name="Обычный 3 18 3 4 4 2" xfId="20645"/>
    <cellStyle name="Обычный 3 18 3 4 5" xfId="20646"/>
    <cellStyle name="Обычный 3 18 3 4 5 2" xfId="20647"/>
    <cellStyle name="Обычный 3 18 3 4 6" xfId="20648"/>
    <cellStyle name="Обычный 3 18 3 5" xfId="20649"/>
    <cellStyle name="Обычный 3 18 3 5 2" xfId="20650"/>
    <cellStyle name="Обычный 3 18 3 5 2 2" xfId="20651"/>
    <cellStyle name="Обычный 3 18 3 5 3" xfId="20652"/>
    <cellStyle name="Обычный 3 18 3 5 3 2" xfId="20653"/>
    <cellStyle name="Обычный 3 18 3 5 4" xfId="20654"/>
    <cellStyle name="Обычный 3 18 3 6" xfId="20655"/>
    <cellStyle name="Обычный 3 18 3 6 2" xfId="20656"/>
    <cellStyle name="Обычный 3 18 3 7" xfId="20657"/>
    <cellStyle name="Обычный 3 18 3 7 2" xfId="20658"/>
    <cellStyle name="Обычный 3 18 3 8" xfId="20659"/>
    <cellStyle name="Обычный 3 18 3 8 2" xfId="20660"/>
    <cellStyle name="Обычный 3 18 3 9" xfId="20661"/>
    <cellStyle name="Обычный 3 18 4" xfId="20662"/>
    <cellStyle name="Обычный 3 18 4 2" xfId="20663"/>
    <cellStyle name="Обычный 3 18 4 2 2" xfId="20664"/>
    <cellStyle name="Обычный 3 18 4 2 2 2" xfId="20665"/>
    <cellStyle name="Обычный 3 18 4 2 3" xfId="20666"/>
    <cellStyle name="Обычный 3 18 4 2 3 2" xfId="20667"/>
    <cellStyle name="Обычный 3 18 4 2 4" xfId="20668"/>
    <cellStyle name="Обычный 3 18 4 3" xfId="20669"/>
    <cellStyle name="Обычный 3 18 4 3 2" xfId="20670"/>
    <cellStyle name="Обычный 3 18 4 4" xfId="20671"/>
    <cellStyle name="Обычный 3 18 4 4 2" xfId="20672"/>
    <cellStyle name="Обычный 3 18 4 5" xfId="20673"/>
    <cellStyle name="Обычный 3 18 4 5 2" xfId="20674"/>
    <cellStyle name="Обычный 3 18 4 6" xfId="20675"/>
    <cellStyle name="Обычный 3 18 5" xfId="20676"/>
    <cellStyle name="Обычный 3 18 5 2" xfId="20677"/>
    <cellStyle name="Обычный 3 18 5 2 2" xfId="20678"/>
    <cellStyle name="Обычный 3 18 5 2 2 2" xfId="20679"/>
    <cellStyle name="Обычный 3 18 5 2 3" xfId="20680"/>
    <cellStyle name="Обычный 3 18 5 2 3 2" xfId="20681"/>
    <cellStyle name="Обычный 3 18 5 2 4" xfId="20682"/>
    <cellStyle name="Обычный 3 18 5 3" xfId="20683"/>
    <cellStyle name="Обычный 3 18 5 3 2" xfId="20684"/>
    <cellStyle name="Обычный 3 18 5 4" xfId="20685"/>
    <cellStyle name="Обычный 3 18 5 4 2" xfId="20686"/>
    <cellStyle name="Обычный 3 18 5 5" xfId="20687"/>
    <cellStyle name="Обычный 3 18 5 5 2" xfId="20688"/>
    <cellStyle name="Обычный 3 18 5 6" xfId="20689"/>
    <cellStyle name="Обычный 3 18 6" xfId="20690"/>
    <cellStyle name="Обычный 3 18 6 2" xfId="20691"/>
    <cellStyle name="Обычный 3 18 6 2 2" xfId="20692"/>
    <cellStyle name="Обычный 3 18 6 2 2 2" xfId="20693"/>
    <cellStyle name="Обычный 3 18 6 2 3" xfId="20694"/>
    <cellStyle name="Обычный 3 18 6 2 3 2" xfId="20695"/>
    <cellStyle name="Обычный 3 18 6 2 4" xfId="20696"/>
    <cellStyle name="Обычный 3 18 6 3" xfId="20697"/>
    <cellStyle name="Обычный 3 18 6 3 2" xfId="20698"/>
    <cellStyle name="Обычный 3 18 6 4" xfId="20699"/>
    <cellStyle name="Обычный 3 18 6 4 2" xfId="20700"/>
    <cellStyle name="Обычный 3 18 6 5" xfId="20701"/>
    <cellStyle name="Обычный 3 18 6 5 2" xfId="20702"/>
    <cellStyle name="Обычный 3 18 6 6" xfId="20703"/>
    <cellStyle name="Обычный 3 18 7" xfId="20704"/>
    <cellStyle name="Обычный 3 18 7 2" xfId="20705"/>
    <cellStyle name="Обычный 3 18 7 2 2" xfId="20706"/>
    <cellStyle name="Обычный 3 18 7 2 2 2" xfId="20707"/>
    <cellStyle name="Обычный 3 18 7 2 3" xfId="20708"/>
    <cellStyle name="Обычный 3 18 7 2 3 2" xfId="20709"/>
    <cellStyle name="Обычный 3 18 7 2 4" xfId="20710"/>
    <cellStyle name="Обычный 3 18 7 3" xfId="20711"/>
    <cellStyle name="Обычный 3 18 7 3 2" xfId="20712"/>
    <cellStyle name="Обычный 3 18 7 4" xfId="20713"/>
    <cellStyle name="Обычный 3 18 7 4 2" xfId="20714"/>
    <cellStyle name="Обычный 3 18 7 5" xfId="20715"/>
    <cellStyle name="Обычный 3 18 7 5 2" xfId="20716"/>
    <cellStyle name="Обычный 3 18 7 6" xfId="20717"/>
    <cellStyle name="Обычный 3 18 8" xfId="20718"/>
    <cellStyle name="Обычный 3 18 8 2" xfId="20719"/>
    <cellStyle name="Обычный 3 18 8 2 2" xfId="20720"/>
    <cellStyle name="Обычный 3 18 8 3" xfId="20721"/>
    <cellStyle name="Обычный 3 18 8 3 2" xfId="20722"/>
    <cellStyle name="Обычный 3 18 8 4" xfId="20723"/>
    <cellStyle name="Обычный 3 18 9" xfId="20724"/>
    <cellStyle name="Обычный 3 18 9 2" xfId="20725"/>
    <cellStyle name="Обычный 3 18 9 2 2" xfId="20726"/>
    <cellStyle name="Обычный 3 18 9 3" xfId="20727"/>
    <cellStyle name="Обычный 3 19" xfId="20728"/>
    <cellStyle name="Обычный 3 19 10" xfId="20729"/>
    <cellStyle name="Обычный 3 19 10 2" xfId="20730"/>
    <cellStyle name="Обычный 3 19 11" xfId="20731"/>
    <cellStyle name="Обычный 3 19 11 2" xfId="20732"/>
    <cellStyle name="Обычный 3 19 12" xfId="20733"/>
    <cellStyle name="Обычный 3 19 13" xfId="20734"/>
    <cellStyle name="Обычный 3 19 2" xfId="20735"/>
    <cellStyle name="Обычный 3 19 2 10" xfId="20736"/>
    <cellStyle name="Обычный 3 19 2 2" xfId="20737"/>
    <cellStyle name="Обычный 3 19 2 2 2" xfId="20738"/>
    <cellStyle name="Обычный 3 19 2 2 2 2" xfId="20739"/>
    <cellStyle name="Обычный 3 19 2 2 2 2 2" xfId="20740"/>
    <cellStyle name="Обычный 3 19 2 2 2 3" xfId="20741"/>
    <cellStyle name="Обычный 3 19 2 2 2 3 2" xfId="20742"/>
    <cellStyle name="Обычный 3 19 2 2 2 4" xfId="20743"/>
    <cellStyle name="Обычный 3 19 2 2 3" xfId="20744"/>
    <cellStyle name="Обычный 3 19 2 2 3 2" xfId="20745"/>
    <cellStyle name="Обычный 3 19 2 2 4" xfId="20746"/>
    <cellStyle name="Обычный 3 19 2 2 4 2" xfId="20747"/>
    <cellStyle name="Обычный 3 19 2 2 5" xfId="20748"/>
    <cellStyle name="Обычный 3 19 2 2 5 2" xfId="20749"/>
    <cellStyle name="Обычный 3 19 2 2 6" xfId="20750"/>
    <cellStyle name="Обычный 3 19 2 3" xfId="20751"/>
    <cellStyle name="Обычный 3 19 2 3 2" xfId="20752"/>
    <cellStyle name="Обычный 3 19 2 3 2 2" xfId="20753"/>
    <cellStyle name="Обычный 3 19 2 3 2 2 2" xfId="20754"/>
    <cellStyle name="Обычный 3 19 2 3 2 3" xfId="20755"/>
    <cellStyle name="Обычный 3 19 2 3 2 3 2" xfId="20756"/>
    <cellStyle name="Обычный 3 19 2 3 2 4" xfId="20757"/>
    <cellStyle name="Обычный 3 19 2 3 3" xfId="20758"/>
    <cellStyle name="Обычный 3 19 2 3 3 2" xfId="20759"/>
    <cellStyle name="Обычный 3 19 2 3 4" xfId="20760"/>
    <cellStyle name="Обычный 3 19 2 3 4 2" xfId="20761"/>
    <cellStyle name="Обычный 3 19 2 3 5" xfId="20762"/>
    <cellStyle name="Обычный 3 19 2 3 5 2" xfId="20763"/>
    <cellStyle name="Обычный 3 19 2 3 6" xfId="20764"/>
    <cellStyle name="Обычный 3 19 2 4" xfId="20765"/>
    <cellStyle name="Обычный 3 19 2 4 2" xfId="20766"/>
    <cellStyle name="Обычный 3 19 2 4 2 2" xfId="20767"/>
    <cellStyle name="Обычный 3 19 2 4 2 2 2" xfId="20768"/>
    <cellStyle name="Обычный 3 19 2 4 2 3" xfId="20769"/>
    <cellStyle name="Обычный 3 19 2 4 2 3 2" xfId="20770"/>
    <cellStyle name="Обычный 3 19 2 4 2 4" xfId="20771"/>
    <cellStyle name="Обычный 3 19 2 4 3" xfId="20772"/>
    <cellStyle name="Обычный 3 19 2 4 3 2" xfId="20773"/>
    <cellStyle name="Обычный 3 19 2 4 4" xfId="20774"/>
    <cellStyle name="Обычный 3 19 2 4 4 2" xfId="20775"/>
    <cellStyle name="Обычный 3 19 2 4 5" xfId="20776"/>
    <cellStyle name="Обычный 3 19 2 4 5 2" xfId="20777"/>
    <cellStyle name="Обычный 3 19 2 4 6" xfId="20778"/>
    <cellStyle name="Обычный 3 19 2 5" xfId="20779"/>
    <cellStyle name="Обычный 3 19 2 5 2" xfId="20780"/>
    <cellStyle name="Обычный 3 19 2 5 2 2" xfId="20781"/>
    <cellStyle name="Обычный 3 19 2 5 2 2 2" xfId="20782"/>
    <cellStyle name="Обычный 3 19 2 5 2 3" xfId="20783"/>
    <cellStyle name="Обычный 3 19 2 5 2 3 2" xfId="20784"/>
    <cellStyle name="Обычный 3 19 2 5 2 4" xfId="20785"/>
    <cellStyle name="Обычный 3 19 2 5 3" xfId="20786"/>
    <cellStyle name="Обычный 3 19 2 5 3 2" xfId="20787"/>
    <cellStyle name="Обычный 3 19 2 5 4" xfId="20788"/>
    <cellStyle name="Обычный 3 19 2 5 4 2" xfId="20789"/>
    <cellStyle name="Обычный 3 19 2 5 5" xfId="20790"/>
    <cellStyle name="Обычный 3 19 2 5 5 2" xfId="20791"/>
    <cellStyle name="Обычный 3 19 2 5 6" xfId="20792"/>
    <cellStyle name="Обычный 3 19 2 6" xfId="20793"/>
    <cellStyle name="Обычный 3 19 2 6 2" xfId="20794"/>
    <cellStyle name="Обычный 3 19 2 6 2 2" xfId="20795"/>
    <cellStyle name="Обычный 3 19 2 6 3" xfId="20796"/>
    <cellStyle name="Обычный 3 19 2 6 3 2" xfId="20797"/>
    <cellStyle name="Обычный 3 19 2 6 4" xfId="20798"/>
    <cellStyle name="Обычный 3 19 2 7" xfId="20799"/>
    <cellStyle name="Обычный 3 19 2 7 2" xfId="20800"/>
    <cellStyle name="Обычный 3 19 2 8" xfId="20801"/>
    <cellStyle name="Обычный 3 19 2 8 2" xfId="20802"/>
    <cellStyle name="Обычный 3 19 2 9" xfId="20803"/>
    <cellStyle name="Обычный 3 19 2 9 2" xfId="20804"/>
    <cellStyle name="Обычный 3 19 3" xfId="20805"/>
    <cellStyle name="Обычный 3 19 3 2" xfId="20806"/>
    <cellStyle name="Обычный 3 19 3 2 2" xfId="20807"/>
    <cellStyle name="Обычный 3 19 3 2 2 2" xfId="20808"/>
    <cellStyle name="Обычный 3 19 3 2 2 2 2" xfId="20809"/>
    <cellStyle name="Обычный 3 19 3 2 2 3" xfId="20810"/>
    <cellStyle name="Обычный 3 19 3 2 2 3 2" xfId="20811"/>
    <cellStyle name="Обычный 3 19 3 2 2 4" xfId="20812"/>
    <cellStyle name="Обычный 3 19 3 2 3" xfId="20813"/>
    <cellStyle name="Обычный 3 19 3 2 3 2" xfId="20814"/>
    <cellStyle name="Обычный 3 19 3 2 4" xfId="20815"/>
    <cellStyle name="Обычный 3 19 3 2 4 2" xfId="20816"/>
    <cellStyle name="Обычный 3 19 3 2 5" xfId="20817"/>
    <cellStyle name="Обычный 3 19 3 2 5 2" xfId="20818"/>
    <cellStyle name="Обычный 3 19 3 2 6" xfId="20819"/>
    <cellStyle name="Обычный 3 19 3 3" xfId="20820"/>
    <cellStyle name="Обычный 3 19 3 3 2" xfId="20821"/>
    <cellStyle name="Обычный 3 19 3 3 2 2" xfId="20822"/>
    <cellStyle name="Обычный 3 19 3 3 2 2 2" xfId="20823"/>
    <cellStyle name="Обычный 3 19 3 3 2 3" xfId="20824"/>
    <cellStyle name="Обычный 3 19 3 3 2 3 2" xfId="20825"/>
    <cellStyle name="Обычный 3 19 3 3 2 4" xfId="20826"/>
    <cellStyle name="Обычный 3 19 3 3 3" xfId="20827"/>
    <cellStyle name="Обычный 3 19 3 3 3 2" xfId="20828"/>
    <cellStyle name="Обычный 3 19 3 3 4" xfId="20829"/>
    <cellStyle name="Обычный 3 19 3 3 4 2" xfId="20830"/>
    <cellStyle name="Обычный 3 19 3 3 5" xfId="20831"/>
    <cellStyle name="Обычный 3 19 3 3 5 2" xfId="20832"/>
    <cellStyle name="Обычный 3 19 3 3 6" xfId="20833"/>
    <cellStyle name="Обычный 3 19 3 4" xfId="20834"/>
    <cellStyle name="Обычный 3 19 3 4 2" xfId="20835"/>
    <cellStyle name="Обычный 3 19 3 4 2 2" xfId="20836"/>
    <cellStyle name="Обычный 3 19 3 4 2 2 2" xfId="20837"/>
    <cellStyle name="Обычный 3 19 3 4 2 3" xfId="20838"/>
    <cellStyle name="Обычный 3 19 3 4 2 3 2" xfId="20839"/>
    <cellStyle name="Обычный 3 19 3 4 2 4" xfId="20840"/>
    <cellStyle name="Обычный 3 19 3 4 3" xfId="20841"/>
    <cellStyle name="Обычный 3 19 3 4 3 2" xfId="20842"/>
    <cellStyle name="Обычный 3 19 3 4 4" xfId="20843"/>
    <cellStyle name="Обычный 3 19 3 4 4 2" xfId="20844"/>
    <cellStyle name="Обычный 3 19 3 4 5" xfId="20845"/>
    <cellStyle name="Обычный 3 19 3 4 5 2" xfId="20846"/>
    <cellStyle name="Обычный 3 19 3 4 6" xfId="20847"/>
    <cellStyle name="Обычный 3 19 3 5" xfId="20848"/>
    <cellStyle name="Обычный 3 19 3 5 2" xfId="20849"/>
    <cellStyle name="Обычный 3 19 3 5 2 2" xfId="20850"/>
    <cellStyle name="Обычный 3 19 3 5 3" xfId="20851"/>
    <cellStyle name="Обычный 3 19 3 5 3 2" xfId="20852"/>
    <cellStyle name="Обычный 3 19 3 5 4" xfId="20853"/>
    <cellStyle name="Обычный 3 19 3 6" xfId="20854"/>
    <cellStyle name="Обычный 3 19 3 6 2" xfId="20855"/>
    <cellStyle name="Обычный 3 19 3 7" xfId="20856"/>
    <cellStyle name="Обычный 3 19 3 7 2" xfId="20857"/>
    <cellStyle name="Обычный 3 19 3 8" xfId="20858"/>
    <cellStyle name="Обычный 3 19 3 8 2" xfId="20859"/>
    <cellStyle name="Обычный 3 19 3 9" xfId="20860"/>
    <cellStyle name="Обычный 3 19 4" xfId="20861"/>
    <cellStyle name="Обычный 3 19 4 2" xfId="20862"/>
    <cellStyle name="Обычный 3 19 4 2 2" xfId="20863"/>
    <cellStyle name="Обычный 3 19 4 2 2 2" xfId="20864"/>
    <cellStyle name="Обычный 3 19 4 2 3" xfId="20865"/>
    <cellStyle name="Обычный 3 19 4 2 3 2" xfId="20866"/>
    <cellStyle name="Обычный 3 19 4 2 4" xfId="20867"/>
    <cellStyle name="Обычный 3 19 4 3" xfId="20868"/>
    <cellStyle name="Обычный 3 19 4 3 2" xfId="20869"/>
    <cellStyle name="Обычный 3 19 4 4" xfId="20870"/>
    <cellStyle name="Обычный 3 19 4 4 2" xfId="20871"/>
    <cellStyle name="Обычный 3 19 4 5" xfId="20872"/>
    <cellStyle name="Обычный 3 19 4 5 2" xfId="20873"/>
    <cellStyle name="Обычный 3 19 4 6" xfId="20874"/>
    <cellStyle name="Обычный 3 19 5" xfId="20875"/>
    <cellStyle name="Обычный 3 19 5 2" xfId="20876"/>
    <cellStyle name="Обычный 3 19 5 2 2" xfId="20877"/>
    <cellStyle name="Обычный 3 19 5 2 2 2" xfId="20878"/>
    <cellStyle name="Обычный 3 19 5 2 3" xfId="20879"/>
    <cellStyle name="Обычный 3 19 5 2 3 2" xfId="20880"/>
    <cellStyle name="Обычный 3 19 5 2 4" xfId="20881"/>
    <cellStyle name="Обычный 3 19 5 3" xfId="20882"/>
    <cellStyle name="Обычный 3 19 5 3 2" xfId="20883"/>
    <cellStyle name="Обычный 3 19 5 4" xfId="20884"/>
    <cellStyle name="Обычный 3 19 5 4 2" xfId="20885"/>
    <cellStyle name="Обычный 3 19 5 5" xfId="20886"/>
    <cellStyle name="Обычный 3 19 5 5 2" xfId="20887"/>
    <cellStyle name="Обычный 3 19 5 6" xfId="20888"/>
    <cellStyle name="Обычный 3 19 6" xfId="20889"/>
    <cellStyle name="Обычный 3 19 6 2" xfId="20890"/>
    <cellStyle name="Обычный 3 19 6 2 2" xfId="20891"/>
    <cellStyle name="Обычный 3 19 6 2 2 2" xfId="20892"/>
    <cellStyle name="Обычный 3 19 6 2 3" xfId="20893"/>
    <cellStyle name="Обычный 3 19 6 2 3 2" xfId="20894"/>
    <cellStyle name="Обычный 3 19 6 2 4" xfId="20895"/>
    <cellStyle name="Обычный 3 19 6 3" xfId="20896"/>
    <cellStyle name="Обычный 3 19 6 3 2" xfId="20897"/>
    <cellStyle name="Обычный 3 19 6 4" xfId="20898"/>
    <cellStyle name="Обычный 3 19 6 4 2" xfId="20899"/>
    <cellStyle name="Обычный 3 19 6 5" xfId="20900"/>
    <cellStyle name="Обычный 3 19 6 5 2" xfId="20901"/>
    <cellStyle name="Обычный 3 19 6 6" xfId="20902"/>
    <cellStyle name="Обычный 3 19 7" xfId="20903"/>
    <cellStyle name="Обычный 3 19 7 2" xfId="20904"/>
    <cellStyle name="Обычный 3 19 7 2 2" xfId="20905"/>
    <cellStyle name="Обычный 3 19 7 2 2 2" xfId="20906"/>
    <cellStyle name="Обычный 3 19 7 2 3" xfId="20907"/>
    <cellStyle name="Обычный 3 19 7 2 3 2" xfId="20908"/>
    <cellStyle name="Обычный 3 19 7 2 4" xfId="20909"/>
    <cellStyle name="Обычный 3 19 7 3" xfId="20910"/>
    <cellStyle name="Обычный 3 19 7 3 2" xfId="20911"/>
    <cellStyle name="Обычный 3 19 7 4" xfId="20912"/>
    <cellStyle name="Обычный 3 19 7 4 2" xfId="20913"/>
    <cellStyle name="Обычный 3 19 7 5" xfId="20914"/>
    <cellStyle name="Обычный 3 19 7 5 2" xfId="20915"/>
    <cellStyle name="Обычный 3 19 7 6" xfId="20916"/>
    <cellStyle name="Обычный 3 19 8" xfId="20917"/>
    <cellStyle name="Обычный 3 19 8 2" xfId="20918"/>
    <cellStyle name="Обычный 3 19 8 2 2" xfId="20919"/>
    <cellStyle name="Обычный 3 19 8 3" xfId="20920"/>
    <cellStyle name="Обычный 3 19 8 3 2" xfId="20921"/>
    <cellStyle name="Обычный 3 19 8 4" xfId="20922"/>
    <cellStyle name="Обычный 3 19 9" xfId="20923"/>
    <cellStyle name="Обычный 3 19 9 2" xfId="20924"/>
    <cellStyle name="Обычный 3 19 9 2 2" xfId="20925"/>
    <cellStyle name="Обычный 3 19 9 3" xfId="20926"/>
    <cellStyle name="Обычный 3 2" xfId="20927"/>
    <cellStyle name="Обычный 3 2 10" xfId="20928"/>
    <cellStyle name="Обычный 3 2 10 10" xfId="20929"/>
    <cellStyle name="Обычный 3 2 10 10 2" xfId="20930"/>
    <cellStyle name="Обычный 3 2 10 10 2 2" xfId="20931"/>
    <cellStyle name="Обычный 3 2 10 10 3" xfId="20932"/>
    <cellStyle name="Обычный 3 2 10 11" xfId="20933"/>
    <cellStyle name="Обычный 3 2 10 11 2" xfId="20934"/>
    <cellStyle name="Обычный 3 2 10 12" xfId="20935"/>
    <cellStyle name="Обычный 3 2 10 12 2" xfId="20936"/>
    <cellStyle name="Обычный 3 2 10 13" xfId="20937"/>
    <cellStyle name="Обычный 3 2 10 14" xfId="20938"/>
    <cellStyle name="Обычный 3 2 10 2" xfId="20939"/>
    <cellStyle name="Обычный 3 2 10 2 10" xfId="20940"/>
    <cellStyle name="Обычный 3 2 10 2 10 2" xfId="20941"/>
    <cellStyle name="Обычный 3 2 10 2 11" xfId="20942"/>
    <cellStyle name="Обычный 3 2 10 2 11 2" xfId="20943"/>
    <cellStyle name="Обычный 3 2 10 2 12" xfId="20944"/>
    <cellStyle name="Обычный 3 2 10 2 13" xfId="20945"/>
    <cellStyle name="Обычный 3 2 10 2 2" xfId="20946"/>
    <cellStyle name="Обычный 3 2 10 2 2 10" xfId="20947"/>
    <cellStyle name="Обычный 3 2 10 2 2 2" xfId="20948"/>
    <cellStyle name="Обычный 3 2 10 2 2 2 2" xfId="20949"/>
    <cellStyle name="Обычный 3 2 10 2 2 2 2 2" xfId="20950"/>
    <cellStyle name="Обычный 3 2 10 2 2 2 2 2 2" xfId="20951"/>
    <cellStyle name="Обычный 3 2 10 2 2 2 2 3" xfId="20952"/>
    <cellStyle name="Обычный 3 2 10 2 2 2 2 3 2" xfId="20953"/>
    <cellStyle name="Обычный 3 2 10 2 2 2 2 4" xfId="20954"/>
    <cellStyle name="Обычный 3 2 10 2 2 2 3" xfId="20955"/>
    <cellStyle name="Обычный 3 2 10 2 2 2 3 2" xfId="20956"/>
    <cellStyle name="Обычный 3 2 10 2 2 2 4" xfId="20957"/>
    <cellStyle name="Обычный 3 2 10 2 2 2 4 2" xfId="20958"/>
    <cellStyle name="Обычный 3 2 10 2 2 2 5" xfId="20959"/>
    <cellStyle name="Обычный 3 2 10 2 2 2 5 2" xfId="20960"/>
    <cellStyle name="Обычный 3 2 10 2 2 2 6" xfId="20961"/>
    <cellStyle name="Обычный 3 2 10 2 2 3" xfId="20962"/>
    <cellStyle name="Обычный 3 2 10 2 2 3 2" xfId="20963"/>
    <cellStyle name="Обычный 3 2 10 2 2 3 2 2" xfId="20964"/>
    <cellStyle name="Обычный 3 2 10 2 2 3 2 2 2" xfId="20965"/>
    <cellStyle name="Обычный 3 2 10 2 2 3 2 3" xfId="20966"/>
    <cellStyle name="Обычный 3 2 10 2 2 3 2 3 2" xfId="20967"/>
    <cellStyle name="Обычный 3 2 10 2 2 3 2 4" xfId="20968"/>
    <cellStyle name="Обычный 3 2 10 2 2 3 3" xfId="20969"/>
    <cellStyle name="Обычный 3 2 10 2 2 3 3 2" xfId="20970"/>
    <cellStyle name="Обычный 3 2 10 2 2 3 4" xfId="20971"/>
    <cellStyle name="Обычный 3 2 10 2 2 3 4 2" xfId="20972"/>
    <cellStyle name="Обычный 3 2 10 2 2 3 5" xfId="20973"/>
    <cellStyle name="Обычный 3 2 10 2 2 3 5 2" xfId="20974"/>
    <cellStyle name="Обычный 3 2 10 2 2 3 6" xfId="20975"/>
    <cellStyle name="Обычный 3 2 10 2 2 4" xfId="20976"/>
    <cellStyle name="Обычный 3 2 10 2 2 4 2" xfId="20977"/>
    <cellStyle name="Обычный 3 2 10 2 2 4 2 2" xfId="20978"/>
    <cellStyle name="Обычный 3 2 10 2 2 4 2 2 2" xfId="20979"/>
    <cellStyle name="Обычный 3 2 10 2 2 4 2 3" xfId="20980"/>
    <cellStyle name="Обычный 3 2 10 2 2 4 2 3 2" xfId="20981"/>
    <cellStyle name="Обычный 3 2 10 2 2 4 2 4" xfId="20982"/>
    <cellStyle name="Обычный 3 2 10 2 2 4 3" xfId="20983"/>
    <cellStyle name="Обычный 3 2 10 2 2 4 3 2" xfId="20984"/>
    <cellStyle name="Обычный 3 2 10 2 2 4 4" xfId="20985"/>
    <cellStyle name="Обычный 3 2 10 2 2 4 4 2" xfId="20986"/>
    <cellStyle name="Обычный 3 2 10 2 2 4 5" xfId="20987"/>
    <cellStyle name="Обычный 3 2 10 2 2 4 5 2" xfId="20988"/>
    <cellStyle name="Обычный 3 2 10 2 2 4 6" xfId="20989"/>
    <cellStyle name="Обычный 3 2 10 2 2 5" xfId="20990"/>
    <cellStyle name="Обычный 3 2 10 2 2 5 2" xfId="20991"/>
    <cellStyle name="Обычный 3 2 10 2 2 5 2 2" xfId="20992"/>
    <cellStyle name="Обычный 3 2 10 2 2 5 2 2 2" xfId="20993"/>
    <cellStyle name="Обычный 3 2 10 2 2 5 2 3" xfId="20994"/>
    <cellStyle name="Обычный 3 2 10 2 2 5 2 3 2" xfId="20995"/>
    <cellStyle name="Обычный 3 2 10 2 2 5 2 4" xfId="20996"/>
    <cellStyle name="Обычный 3 2 10 2 2 5 3" xfId="20997"/>
    <cellStyle name="Обычный 3 2 10 2 2 5 3 2" xfId="20998"/>
    <cellStyle name="Обычный 3 2 10 2 2 5 4" xfId="20999"/>
    <cellStyle name="Обычный 3 2 10 2 2 5 4 2" xfId="21000"/>
    <cellStyle name="Обычный 3 2 10 2 2 5 5" xfId="21001"/>
    <cellStyle name="Обычный 3 2 10 2 2 5 5 2" xfId="21002"/>
    <cellStyle name="Обычный 3 2 10 2 2 5 6" xfId="21003"/>
    <cellStyle name="Обычный 3 2 10 2 2 6" xfId="21004"/>
    <cellStyle name="Обычный 3 2 10 2 2 6 2" xfId="21005"/>
    <cellStyle name="Обычный 3 2 10 2 2 6 2 2" xfId="21006"/>
    <cellStyle name="Обычный 3 2 10 2 2 6 3" xfId="21007"/>
    <cellStyle name="Обычный 3 2 10 2 2 6 3 2" xfId="21008"/>
    <cellStyle name="Обычный 3 2 10 2 2 6 4" xfId="21009"/>
    <cellStyle name="Обычный 3 2 10 2 2 7" xfId="21010"/>
    <cellStyle name="Обычный 3 2 10 2 2 7 2" xfId="21011"/>
    <cellStyle name="Обычный 3 2 10 2 2 8" xfId="21012"/>
    <cellStyle name="Обычный 3 2 10 2 2 8 2" xfId="21013"/>
    <cellStyle name="Обычный 3 2 10 2 2 9" xfId="21014"/>
    <cellStyle name="Обычный 3 2 10 2 2 9 2" xfId="21015"/>
    <cellStyle name="Обычный 3 2 10 2 3" xfId="21016"/>
    <cellStyle name="Обычный 3 2 10 2 3 2" xfId="21017"/>
    <cellStyle name="Обычный 3 2 10 2 3 2 2" xfId="21018"/>
    <cellStyle name="Обычный 3 2 10 2 3 2 2 2" xfId="21019"/>
    <cellStyle name="Обычный 3 2 10 2 3 2 2 2 2" xfId="21020"/>
    <cellStyle name="Обычный 3 2 10 2 3 2 2 3" xfId="21021"/>
    <cellStyle name="Обычный 3 2 10 2 3 2 2 3 2" xfId="21022"/>
    <cellStyle name="Обычный 3 2 10 2 3 2 2 4" xfId="21023"/>
    <cellStyle name="Обычный 3 2 10 2 3 2 3" xfId="21024"/>
    <cellStyle name="Обычный 3 2 10 2 3 2 3 2" xfId="21025"/>
    <cellStyle name="Обычный 3 2 10 2 3 2 4" xfId="21026"/>
    <cellStyle name="Обычный 3 2 10 2 3 2 4 2" xfId="21027"/>
    <cellStyle name="Обычный 3 2 10 2 3 2 5" xfId="21028"/>
    <cellStyle name="Обычный 3 2 10 2 3 2 5 2" xfId="21029"/>
    <cellStyle name="Обычный 3 2 10 2 3 2 6" xfId="21030"/>
    <cellStyle name="Обычный 3 2 10 2 3 3" xfId="21031"/>
    <cellStyle name="Обычный 3 2 10 2 3 3 2" xfId="21032"/>
    <cellStyle name="Обычный 3 2 10 2 3 3 2 2" xfId="21033"/>
    <cellStyle name="Обычный 3 2 10 2 3 3 2 2 2" xfId="21034"/>
    <cellStyle name="Обычный 3 2 10 2 3 3 2 3" xfId="21035"/>
    <cellStyle name="Обычный 3 2 10 2 3 3 2 3 2" xfId="21036"/>
    <cellStyle name="Обычный 3 2 10 2 3 3 2 4" xfId="21037"/>
    <cellStyle name="Обычный 3 2 10 2 3 3 3" xfId="21038"/>
    <cellStyle name="Обычный 3 2 10 2 3 3 3 2" xfId="21039"/>
    <cellStyle name="Обычный 3 2 10 2 3 3 4" xfId="21040"/>
    <cellStyle name="Обычный 3 2 10 2 3 3 4 2" xfId="21041"/>
    <cellStyle name="Обычный 3 2 10 2 3 3 5" xfId="21042"/>
    <cellStyle name="Обычный 3 2 10 2 3 3 5 2" xfId="21043"/>
    <cellStyle name="Обычный 3 2 10 2 3 3 6" xfId="21044"/>
    <cellStyle name="Обычный 3 2 10 2 3 4" xfId="21045"/>
    <cellStyle name="Обычный 3 2 10 2 3 4 2" xfId="21046"/>
    <cellStyle name="Обычный 3 2 10 2 3 4 2 2" xfId="21047"/>
    <cellStyle name="Обычный 3 2 10 2 3 4 2 2 2" xfId="21048"/>
    <cellStyle name="Обычный 3 2 10 2 3 4 2 3" xfId="21049"/>
    <cellStyle name="Обычный 3 2 10 2 3 4 2 3 2" xfId="21050"/>
    <cellStyle name="Обычный 3 2 10 2 3 4 2 4" xfId="21051"/>
    <cellStyle name="Обычный 3 2 10 2 3 4 3" xfId="21052"/>
    <cellStyle name="Обычный 3 2 10 2 3 4 3 2" xfId="21053"/>
    <cellStyle name="Обычный 3 2 10 2 3 4 4" xfId="21054"/>
    <cellStyle name="Обычный 3 2 10 2 3 4 4 2" xfId="21055"/>
    <cellStyle name="Обычный 3 2 10 2 3 4 5" xfId="21056"/>
    <cellStyle name="Обычный 3 2 10 2 3 4 5 2" xfId="21057"/>
    <cellStyle name="Обычный 3 2 10 2 3 4 6" xfId="21058"/>
    <cellStyle name="Обычный 3 2 10 2 3 5" xfId="21059"/>
    <cellStyle name="Обычный 3 2 10 2 3 5 2" xfId="21060"/>
    <cellStyle name="Обычный 3 2 10 2 3 5 2 2" xfId="21061"/>
    <cellStyle name="Обычный 3 2 10 2 3 5 3" xfId="21062"/>
    <cellStyle name="Обычный 3 2 10 2 3 5 3 2" xfId="21063"/>
    <cellStyle name="Обычный 3 2 10 2 3 5 4" xfId="21064"/>
    <cellStyle name="Обычный 3 2 10 2 3 6" xfId="21065"/>
    <cellStyle name="Обычный 3 2 10 2 3 6 2" xfId="21066"/>
    <cellStyle name="Обычный 3 2 10 2 3 7" xfId="21067"/>
    <cellStyle name="Обычный 3 2 10 2 3 7 2" xfId="21068"/>
    <cellStyle name="Обычный 3 2 10 2 3 8" xfId="21069"/>
    <cellStyle name="Обычный 3 2 10 2 3 8 2" xfId="21070"/>
    <cellStyle name="Обычный 3 2 10 2 3 9" xfId="21071"/>
    <cellStyle name="Обычный 3 2 10 2 4" xfId="21072"/>
    <cellStyle name="Обычный 3 2 10 2 4 2" xfId="21073"/>
    <cellStyle name="Обычный 3 2 10 2 4 2 2" xfId="21074"/>
    <cellStyle name="Обычный 3 2 10 2 4 2 2 2" xfId="21075"/>
    <cellStyle name="Обычный 3 2 10 2 4 2 3" xfId="21076"/>
    <cellStyle name="Обычный 3 2 10 2 4 2 3 2" xfId="21077"/>
    <cellStyle name="Обычный 3 2 10 2 4 2 4" xfId="21078"/>
    <cellStyle name="Обычный 3 2 10 2 4 3" xfId="21079"/>
    <cellStyle name="Обычный 3 2 10 2 4 3 2" xfId="21080"/>
    <cellStyle name="Обычный 3 2 10 2 4 4" xfId="21081"/>
    <cellStyle name="Обычный 3 2 10 2 4 4 2" xfId="21082"/>
    <cellStyle name="Обычный 3 2 10 2 4 5" xfId="21083"/>
    <cellStyle name="Обычный 3 2 10 2 4 5 2" xfId="21084"/>
    <cellStyle name="Обычный 3 2 10 2 4 6" xfId="21085"/>
    <cellStyle name="Обычный 3 2 10 2 5" xfId="21086"/>
    <cellStyle name="Обычный 3 2 10 2 5 2" xfId="21087"/>
    <cellStyle name="Обычный 3 2 10 2 5 2 2" xfId="21088"/>
    <cellStyle name="Обычный 3 2 10 2 5 2 2 2" xfId="21089"/>
    <cellStyle name="Обычный 3 2 10 2 5 2 3" xfId="21090"/>
    <cellStyle name="Обычный 3 2 10 2 5 2 3 2" xfId="21091"/>
    <cellStyle name="Обычный 3 2 10 2 5 2 4" xfId="21092"/>
    <cellStyle name="Обычный 3 2 10 2 5 3" xfId="21093"/>
    <cellStyle name="Обычный 3 2 10 2 5 3 2" xfId="21094"/>
    <cellStyle name="Обычный 3 2 10 2 5 4" xfId="21095"/>
    <cellStyle name="Обычный 3 2 10 2 5 4 2" xfId="21096"/>
    <cellStyle name="Обычный 3 2 10 2 5 5" xfId="21097"/>
    <cellStyle name="Обычный 3 2 10 2 5 5 2" xfId="21098"/>
    <cellStyle name="Обычный 3 2 10 2 5 6" xfId="21099"/>
    <cellStyle name="Обычный 3 2 10 2 6" xfId="21100"/>
    <cellStyle name="Обычный 3 2 10 2 6 2" xfId="21101"/>
    <cellStyle name="Обычный 3 2 10 2 6 2 2" xfId="21102"/>
    <cellStyle name="Обычный 3 2 10 2 6 2 2 2" xfId="21103"/>
    <cellStyle name="Обычный 3 2 10 2 6 2 3" xfId="21104"/>
    <cellStyle name="Обычный 3 2 10 2 6 2 3 2" xfId="21105"/>
    <cellStyle name="Обычный 3 2 10 2 6 2 4" xfId="21106"/>
    <cellStyle name="Обычный 3 2 10 2 6 3" xfId="21107"/>
    <cellStyle name="Обычный 3 2 10 2 6 3 2" xfId="21108"/>
    <cellStyle name="Обычный 3 2 10 2 6 4" xfId="21109"/>
    <cellStyle name="Обычный 3 2 10 2 6 4 2" xfId="21110"/>
    <cellStyle name="Обычный 3 2 10 2 6 5" xfId="21111"/>
    <cellStyle name="Обычный 3 2 10 2 6 5 2" xfId="21112"/>
    <cellStyle name="Обычный 3 2 10 2 6 6" xfId="21113"/>
    <cellStyle name="Обычный 3 2 10 2 7" xfId="21114"/>
    <cellStyle name="Обычный 3 2 10 2 7 2" xfId="21115"/>
    <cellStyle name="Обычный 3 2 10 2 7 2 2" xfId="21116"/>
    <cellStyle name="Обычный 3 2 10 2 7 2 2 2" xfId="21117"/>
    <cellStyle name="Обычный 3 2 10 2 7 2 3" xfId="21118"/>
    <cellStyle name="Обычный 3 2 10 2 7 2 3 2" xfId="21119"/>
    <cellStyle name="Обычный 3 2 10 2 7 2 4" xfId="21120"/>
    <cellStyle name="Обычный 3 2 10 2 7 3" xfId="21121"/>
    <cellStyle name="Обычный 3 2 10 2 7 3 2" xfId="21122"/>
    <cellStyle name="Обычный 3 2 10 2 7 4" xfId="21123"/>
    <cellStyle name="Обычный 3 2 10 2 7 4 2" xfId="21124"/>
    <cellStyle name="Обычный 3 2 10 2 7 5" xfId="21125"/>
    <cellStyle name="Обычный 3 2 10 2 7 5 2" xfId="21126"/>
    <cellStyle name="Обычный 3 2 10 2 7 6" xfId="21127"/>
    <cellStyle name="Обычный 3 2 10 2 8" xfId="21128"/>
    <cellStyle name="Обычный 3 2 10 2 8 2" xfId="21129"/>
    <cellStyle name="Обычный 3 2 10 2 8 2 2" xfId="21130"/>
    <cellStyle name="Обычный 3 2 10 2 8 3" xfId="21131"/>
    <cellStyle name="Обычный 3 2 10 2 8 3 2" xfId="21132"/>
    <cellStyle name="Обычный 3 2 10 2 8 4" xfId="21133"/>
    <cellStyle name="Обычный 3 2 10 2 9" xfId="21134"/>
    <cellStyle name="Обычный 3 2 10 2 9 2" xfId="21135"/>
    <cellStyle name="Обычный 3 2 10 2 9 2 2" xfId="21136"/>
    <cellStyle name="Обычный 3 2 10 2 9 3" xfId="21137"/>
    <cellStyle name="Обычный 3 2 10 3" xfId="21138"/>
    <cellStyle name="Обычный 3 2 10 3 10" xfId="21139"/>
    <cellStyle name="Обычный 3 2 10 3 2" xfId="21140"/>
    <cellStyle name="Обычный 3 2 10 3 2 2" xfId="21141"/>
    <cellStyle name="Обычный 3 2 10 3 2 2 2" xfId="21142"/>
    <cellStyle name="Обычный 3 2 10 3 2 2 2 2" xfId="21143"/>
    <cellStyle name="Обычный 3 2 10 3 2 2 3" xfId="21144"/>
    <cellStyle name="Обычный 3 2 10 3 2 2 3 2" xfId="21145"/>
    <cellStyle name="Обычный 3 2 10 3 2 2 4" xfId="21146"/>
    <cellStyle name="Обычный 3 2 10 3 2 3" xfId="21147"/>
    <cellStyle name="Обычный 3 2 10 3 2 3 2" xfId="21148"/>
    <cellStyle name="Обычный 3 2 10 3 2 4" xfId="21149"/>
    <cellStyle name="Обычный 3 2 10 3 2 4 2" xfId="21150"/>
    <cellStyle name="Обычный 3 2 10 3 2 5" xfId="21151"/>
    <cellStyle name="Обычный 3 2 10 3 2 5 2" xfId="21152"/>
    <cellStyle name="Обычный 3 2 10 3 2 6" xfId="21153"/>
    <cellStyle name="Обычный 3 2 10 3 3" xfId="21154"/>
    <cellStyle name="Обычный 3 2 10 3 3 2" xfId="21155"/>
    <cellStyle name="Обычный 3 2 10 3 3 2 2" xfId="21156"/>
    <cellStyle name="Обычный 3 2 10 3 3 2 2 2" xfId="21157"/>
    <cellStyle name="Обычный 3 2 10 3 3 2 3" xfId="21158"/>
    <cellStyle name="Обычный 3 2 10 3 3 2 3 2" xfId="21159"/>
    <cellStyle name="Обычный 3 2 10 3 3 2 4" xfId="21160"/>
    <cellStyle name="Обычный 3 2 10 3 3 3" xfId="21161"/>
    <cellStyle name="Обычный 3 2 10 3 3 3 2" xfId="21162"/>
    <cellStyle name="Обычный 3 2 10 3 3 4" xfId="21163"/>
    <cellStyle name="Обычный 3 2 10 3 3 4 2" xfId="21164"/>
    <cellStyle name="Обычный 3 2 10 3 3 5" xfId="21165"/>
    <cellStyle name="Обычный 3 2 10 3 3 5 2" xfId="21166"/>
    <cellStyle name="Обычный 3 2 10 3 3 6" xfId="21167"/>
    <cellStyle name="Обычный 3 2 10 3 4" xfId="21168"/>
    <cellStyle name="Обычный 3 2 10 3 4 2" xfId="21169"/>
    <cellStyle name="Обычный 3 2 10 3 4 2 2" xfId="21170"/>
    <cellStyle name="Обычный 3 2 10 3 4 2 2 2" xfId="21171"/>
    <cellStyle name="Обычный 3 2 10 3 4 2 3" xfId="21172"/>
    <cellStyle name="Обычный 3 2 10 3 4 2 3 2" xfId="21173"/>
    <cellStyle name="Обычный 3 2 10 3 4 2 4" xfId="21174"/>
    <cellStyle name="Обычный 3 2 10 3 4 3" xfId="21175"/>
    <cellStyle name="Обычный 3 2 10 3 4 3 2" xfId="21176"/>
    <cellStyle name="Обычный 3 2 10 3 4 4" xfId="21177"/>
    <cellStyle name="Обычный 3 2 10 3 4 4 2" xfId="21178"/>
    <cellStyle name="Обычный 3 2 10 3 4 5" xfId="21179"/>
    <cellStyle name="Обычный 3 2 10 3 4 5 2" xfId="21180"/>
    <cellStyle name="Обычный 3 2 10 3 4 6" xfId="21181"/>
    <cellStyle name="Обычный 3 2 10 3 5" xfId="21182"/>
    <cellStyle name="Обычный 3 2 10 3 5 2" xfId="21183"/>
    <cellStyle name="Обычный 3 2 10 3 5 2 2" xfId="21184"/>
    <cellStyle name="Обычный 3 2 10 3 5 2 2 2" xfId="21185"/>
    <cellStyle name="Обычный 3 2 10 3 5 2 3" xfId="21186"/>
    <cellStyle name="Обычный 3 2 10 3 5 2 3 2" xfId="21187"/>
    <cellStyle name="Обычный 3 2 10 3 5 2 4" xfId="21188"/>
    <cellStyle name="Обычный 3 2 10 3 5 3" xfId="21189"/>
    <cellStyle name="Обычный 3 2 10 3 5 3 2" xfId="21190"/>
    <cellStyle name="Обычный 3 2 10 3 5 4" xfId="21191"/>
    <cellStyle name="Обычный 3 2 10 3 5 4 2" xfId="21192"/>
    <cellStyle name="Обычный 3 2 10 3 5 5" xfId="21193"/>
    <cellStyle name="Обычный 3 2 10 3 5 5 2" xfId="21194"/>
    <cellStyle name="Обычный 3 2 10 3 5 6" xfId="21195"/>
    <cellStyle name="Обычный 3 2 10 3 6" xfId="21196"/>
    <cellStyle name="Обычный 3 2 10 3 6 2" xfId="21197"/>
    <cellStyle name="Обычный 3 2 10 3 6 2 2" xfId="21198"/>
    <cellStyle name="Обычный 3 2 10 3 6 3" xfId="21199"/>
    <cellStyle name="Обычный 3 2 10 3 6 3 2" xfId="21200"/>
    <cellStyle name="Обычный 3 2 10 3 6 4" xfId="21201"/>
    <cellStyle name="Обычный 3 2 10 3 7" xfId="21202"/>
    <cellStyle name="Обычный 3 2 10 3 7 2" xfId="21203"/>
    <cellStyle name="Обычный 3 2 10 3 8" xfId="21204"/>
    <cellStyle name="Обычный 3 2 10 3 8 2" xfId="21205"/>
    <cellStyle name="Обычный 3 2 10 3 9" xfId="21206"/>
    <cellStyle name="Обычный 3 2 10 3 9 2" xfId="21207"/>
    <cellStyle name="Обычный 3 2 10 4" xfId="21208"/>
    <cellStyle name="Обычный 3 2 10 4 2" xfId="21209"/>
    <cellStyle name="Обычный 3 2 10 4 2 2" xfId="21210"/>
    <cellStyle name="Обычный 3 2 10 4 2 2 2" xfId="21211"/>
    <cellStyle name="Обычный 3 2 10 4 2 2 2 2" xfId="21212"/>
    <cellStyle name="Обычный 3 2 10 4 2 2 3" xfId="21213"/>
    <cellStyle name="Обычный 3 2 10 4 2 2 3 2" xfId="21214"/>
    <cellStyle name="Обычный 3 2 10 4 2 2 4" xfId="21215"/>
    <cellStyle name="Обычный 3 2 10 4 2 3" xfId="21216"/>
    <cellStyle name="Обычный 3 2 10 4 2 3 2" xfId="21217"/>
    <cellStyle name="Обычный 3 2 10 4 2 4" xfId="21218"/>
    <cellStyle name="Обычный 3 2 10 4 2 4 2" xfId="21219"/>
    <cellStyle name="Обычный 3 2 10 4 2 5" xfId="21220"/>
    <cellStyle name="Обычный 3 2 10 4 2 5 2" xfId="21221"/>
    <cellStyle name="Обычный 3 2 10 4 2 6" xfId="21222"/>
    <cellStyle name="Обычный 3 2 10 4 3" xfId="21223"/>
    <cellStyle name="Обычный 3 2 10 4 3 2" xfId="21224"/>
    <cellStyle name="Обычный 3 2 10 4 3 2 2" xfId="21225"/>
    <cellStyle name="Обычный 3 2 10 4 3 2 2 2" xfId="21226"/>
    <cellStyle name="Обычный 3 2 10 4 3 2 3" xfId="21227"/>
    <cellStyle name="Обычный 3 2 10 4 3 2 3 2" xfId="21228"/>
    <cellStyle name="Обычный 3 2 10 4 3 2 4" xfId="21229"/>
    <cellStyle name="Обычный 3 2 10 4 3 3" xfId="21230"/>
    <cellStyle name="Обычный 3 2 10 4 3 3 2" xfId="21231"/>
    <cellStyle name="Обычный 3 2 10 4 3 4" xfId="21232"/>
    <cellStyle name="Обычный 3 2 10 4 3 4 2" xfId="21233"/>
    <cellStyle name="Обычный 3 2 10 4 3 5" xfId="21234"/>
    <cellStyle name="Обычный 3 2 10 4 3 5 2" xfId="21235"/>
    <cellStyle name="Обычный 3 2 10 4 3 6" xfId="21236"/>
    <cellStyle name="Обычный 3 2 10 4 4" xfId="21237"/>
    <cellStyle name="Обычный 3 2 10 4 4 2" xfId="21238"/>
    <cellStyle name="Обычный 3 2 10 4 4 2 2" xfId="21239"/>
    <cellStyle name="Обычный 3 2 10 4 4 2 2 2" xfId="21240"/>
    <cellStyle name="Обычный 3 2 10 4 4 2 3" xfId="21241"/>
    <cellStyle name="Обычный 3 2 10 4 4 2 3 2" xfId="21242"/>
    <cellStyle name="Обычный 3 2 10 4 4 2 4" xfId="21243"/>
    <cellStyle name="Обычный 3 2 10 4 4 3" xfId="21244"/>
    <cellStyle name="Обычный 3 2 10 4 4 3 2" xfId="21245"/>
    <cellStyle name="Обычный 3 2 10 4 4 4" xfId="21246"/>
    <cellStyle name="Обычный 3 2 10 4 4 4 2" xfId="21247"/>
    <cellStyle name="Обычный 3 2 10 4 4 5" xfId="21248"/>
    <cellStyle name="Обычный 3 2 10 4 4 5 2" xfId="21249"/>
    <cellStyle name="Обычный 3 2 10 4 4 6" xfId="21250"/>
    <cellStyle name="Обычный 3 2 10 4 5" xfId="21251"/>
    <cellStyle name="Обычный 3 2 10 4 5 2" xfId="21252"/>
    <cellStyle name="Обычный 3 2 10 4 5 2 2" xfId="21253"/>
    <cellStyle name="Обычный 3 2 10 4 5 3" xfId="21254"/>
    <cellStyle name="Обычный 3 2 10 4 5 3 2" xfId="21255"/>
    <cellStyle name="Обычный 3 2 10 4 5 4" xfId="21256"/>
    <cellStyle name="Обычный 3 2 10 4 6" xfId="21257"/>
    <cellStyle name="Обычный 3 2 10 4 6 2" xfId="21258"/>
    <cellStyle name="Обычный 3 2 10 4 7" xfId="21259"/>
    <cellStyle name="Обычный 3 2 10 4 7 2" xfId="21260"/>
    <cellStyle name="Обычный 3 2 10 4 8" xfId="21261"/>
    <cellStyle name="Обычный 3 2 10 4 8 2" xfId="21262"/>
    <cellStyle name="Обычный 3 2 10 4 9" xfId="21263"/>
    <cellStyle name="Обычный 3 2 10 5" xfId="21264"/>
    <cellStyle name="Обычный 3 2 10 5 2" xfId="21265"/>
    <cellStyle name="Обычный 3 2 10 5 2 2" xfId="21266"/>
    <cellStyle name="Обычный 3 2 10 5 2 2 2" xfId="21267"/>
    <cellStyle name="Обычный 3 2 10 5 2 3" xfId="21268"/>
    <cellStyle name="Обычный 3 2 10 5 2 3 2" xfId="21269"/>
    <cellStyle name="Обычный 3 2 10 5 2 4" xfId="21270"/>
    <cellStyle name="Обычный 3 2 10 5 3" xfId="21271"/>
    <cellStyle name="Обычный 3 2 10 5 3 2" xfId="21272"/>
    <cellStyle name="Обычный 3 2 10 5 4" xfId="21273"/>
    <cellStyle name="Обычный 3 2 10 5 4 2" xfId="21274"/>
    <cellStyle name="Обычный 3 2 10 5 5" xfId="21275"/>
    <cellStyle name="Обычный 3 2 10 5 5 2" xfId="21276"/>
    <cellStyle name="Обычный 3 2 10 5 6" xfId="21277"/>
    <cellStyle name="Обычный 3 2 10 6" xfId="21278"/>
    <cellStyle name="Обычный 3 2 10 6 2" xfId="21279"/>
    <cellStyle name="Обычный 3 2 10 6 2 2" xfId="21280"/>
    <cellStyle name="Обычный 3 2 10 6 2 2 2" xfId="21281"/>
    <cellStyle name="Обычный 3 2 10 6 2 3" xfId="21282"/>
    <cellStyle name="Обычный 3 2 10 6 2 3 2" xfId="21283"/>
    <cellStyle name="Обычный 3 2 10 6 2 4" xfId="21284"/>
    <cellStyle name="Обычный 3 2 10 6 3" xfId="21285"/>
    <cellStyle name="Обычный 3 2 10 6 3 2" xfId="21286"/>
    <cellStyle name="Обычный 3 2 10 6 4" xfId="21287"/>
    <cellStyle name="Обычный 3 2 10 6 4 2" xfId="21288"/>
    <cellStyle name="Обычный 3 2 10 6 5" xfId="21289"/>
    <cellStyle name="Обычный 3 2 10 6 5 2" xfId="21290"/>
    <cellStyle name="Обычный 3 2 10 6 6" xfId="21291"/>
    <cellStyle name="Обычный 3 2 10 7" xfId="21292"/>
    <cellStyle name="Обычный 3 2 10 7 2" xfId="21293"/>
    <cellStyle name="Обычный 3 2 10 7 2 2" xfId="21294"/>
    <cellStyle name="Обычный 3 2 10 7 2 2 2" xfId="21295"/>
    <cellStyle name="Обычный 3 2 10 7 2 3" xfId="21296"/>
    <cellStyle name="Обычный 3 2 10 7 2 3 2" xfId="21297"/>
    <cellStyle name="Обычный 3 2 10 7 2 4" xfId="21298"/>
    <cellStyle name="Обычный 3 2 10 7 3" xfId="21299"/>
    <cellStyle name="Обычный 3 2 10 7 3 2" xfId="21300"/>
    <cellStyle name="Обычный 3 2 10 7 4" xfId="21301"/>
    <cellStyle name="Обычный 3 2 10 7 4 2" xfId="21302"/>
    <cellStyle name="Обычный 3 2 10 7 5" xfId="21303"/>
    <cellStyle name="Обычный 3 2 10 7 5 2" xfId="21304"/>
    <cellStyle name="Обычный 3 2 10 7 6" xfId="21305"/>
    <cellStyle name="Обычный 3 2 10 8" xfId="21306"/>
    <cellStyle name="Обычный 3 2 10 8 2" xfId="21307"/>
    <cellStyle name="Обычный 3 2 10 8 2 2" xfId="21308"/>
    <cellStyle name="Обычный 3 2 10 8 2 2 2" xfId="21309"/>
    <cellStyle name="Обычный 3 2 10 8 2 3" xfId="21310"/>
    <cellStyle name="Обычный 3 2 10 8 2 3 2" xfId="21311"/>
    <cellStyle name="Обычный 3 2 10 8 2 4" xfId="21312"/>
    <cellStyle name="Обычный 3 2 10 8 3" xfId="21313"/>
    <cellStyle name="Обычный 3 2 10 8 3 2" xfId="21314"/>
    <cellStyle name="Обычный 3 2 10 8 4" xfId="21315"/>
    <cellStyle name="Обычный 3 2 10 8 4 2" xfId="21316"/>
    <cellStyle name="Обычный 3 2 10 8 5" xfId="21317"/>
    <cellStyle name="Обычный 3 2 10 8 5 2" xfId="21318"/>
    <cellStyle name="Обычный 3 2 10 8 6" xfId="21319"/>
    <cellStyle name="Обычный 3 2 10 9" xfId="21320"/>
    <cellStyle name="Обычный 3 2 10 9 2" xfId="21321"/>
    <cellStyle name="Обычный 3 2 10 9 2 2" xfId="21322"/>
    <cellStyle name="Обычный 3 2 10 9 3" xfId="21323"/>
    <cellStyle name="Обычный 3 2 10 9 3 2" xfId="21324"/>
    <cellStyle name="Обычный 3 2 10 9 4" xfId="21325"/>
    <cellStyle name="Обычный 3 2 11" xfId="21326"/>
    <cellStyle name="Обычный 3 2 11 10" xfId="21327"/>
    <cellStyle name="Обычный 3 2 11 10 2" xfId="21328"/>
    <cellStyle name="Обычный 3 2 11 10 2 2" xfId="21329"/>
    <cellStyle name="Обычный 3 2 11 10 3" xfId="21330"/>
    <cellStyle name="Обычный 3 2 11 11" xfId="21331"/>
    <cellStyle name="Обычный 3 2 11 11 2" xfId="21332"/>
    <cellStyle name="Обычный 3 2 11 12" xfId="21333"/>
    <cellStyle name="Обычный 3 2 11 12 2" xfId="21334"/>
    <cellStyle name="Обычный 3 2 11 13" xfId="21335"/>
    <cellStyle name="Обычный 3 2 11 14" xfId="21336"/>
    <cellStyle name="Обычный 3 2 11 2" xfId="21337"/>
    <cellStyle name="Обычный 3 2 11 2 10" xfId="21338"/>
    <cellStyle name="Обычный 3 2 11 2 10 2" xfId="21339"/>
    <cellStyle name="Обычный 3 2 11 2 11" xfId="21340"/>
    <cellStyle name="Обычный 3 2 11 2 11 2" xfId="21341"/>
    <cellStyle name="Обычный 3 2 11 2 12" xfId="21342"/>
    <cellStyle name="Обычный 3 2 11 2 13" xfId="21343"/>
    <cellStyle name="Обычный 3 2 11 2 2" xfId="21344"/>
    <cellStyle name="Обычный 3 2 11 2 2 10" xfId="21345"/>
    <cellStyle name="Обычный 3 2 11 2 2 2" xfId="21346"/>
    <cellStyle name="Обычный 3 2 11 2 2 2 2" xfId="21347"/>
    <cellStyle name="Обычный 3 2 11 2 2 2 2 2" xfId="21348"/>
    <cellStyle name="Обычный 3 2 11 2 2 2 2 2 2" xfId="21349"/>
    <cellStyle name="Обычный 3 2 11 2 2 2 2 3" xfId="21350"/>
    <cellStyle name="Обычный 3 2 11 2 2 2 2 3 2" xfId="21351"/>
    <cellStyle name="Обычный 3 2 11 2 2 2 2 4" xfId="21352"/>
    <cellStyle name="Обычный 3 2 11 2 2 2 3" xfId="21353"/>
    <cellStyle name="Обычный 3 2 11 2 2 2 3 2" xfId="21354"/>
    <cellStyle name="Обычный 3 2 11 2 2 2 4" xfId="21355"/>
    <cellStyle name="Обычный 3 2 11 2 2 2 4 2" xfId="21356"/>
    <cellStyle name="Обычный 3 2 11 2 2 2 5" xfId="21357"/>
    <cellStyle name="Обычный 3 2 11 2 2 2 5 2" xfId="21358"/>
    <cellStyle name="Обычный 3 2 11 2 2 2 6" xfId="21359"/>
    <cellStyle name="Обычный 3 2 11 2 2 3" xfId="21360"/>
    <cellStyle name="Обычный 3 2 11 2 2 3 2" xfId="21361"/>
    <cellStyle name="Обычный 3 2 11 2 2 3 2 2" xfId="21362"/>
    <cellStyle name="Обычный 3 2 11 2 2 3 2 2 2" xfId="21363"/>
    <cellStyle name="Обычный 3 2 11 2 2 3 2 3" xfId="21364"/>
    <cellStyle name="Обычный 3 2 11 2 2 3 2 3 2" xfId="21365"/>
    <cellStyle name="Обычный 3 2 11 2 2 3 2 4" xfId="21366"/>
    <cellStyle name="Обычный 3 2 11 2 2 3 3" xfId="21367"/>
    <cellStyle name="Обычный 3 2 11 2 2 3 3 2" xfId="21368"/>
    <cellStyle name="Обычный 3 2 11 2 2 3 4" xfId="21369"/>
    <cellStyle name="Обычный 3 2 11 2 2 3 4 2" xfId="21370"/>
    <cellStyle name="Обычный 3 2 11 2 2 3 5" xfId="21371"/>
    <cellStyle name="Обычный 3 2 11 2 2 3 5 2" xfId="21372"/>
    <cellStyle name="Обычный 3 2 11 2 2 3 6" xfId="21373"/>
    <cellStyle name="Обычный 3 2 11 2 2 4" xfId="21374"/>
    <cellStyle name="Обычный 3 2 11 2 2 4 2" xfId="21375"/>
    <cellStyle name="Обычный 3 2 11 2 2 4 2 2" xfId="21376"/>
    <cellStyle name="Обычный 3 2 11 2 2 4 2 2 2" xfId="21377"/>
    <cellStyle name="Обычный 3 2 11 2 2 4 2 3" xfId="21378"/>
    <cellStyle name="Обычный 3 2 11 2 2 4 2 3 2" xfId="21379"/>
    <cellStyle name="Обычный 3 2 11 2 2 4 2 4" xfId="21380"/>
    <cellStyle name="Обычный 3 2 11 2 2 4 3" xfId="21381"/>
    <cellStyle name="Обычный 3 2 11 2 2 4 3 2" xfId="21382"/>
    <cellStyle name="Обычный 3 2 11 2 2 4 4" xfId="21383"/>
    <cellStyle name="Обычный 3 2 11 2 2 4 4 2" xfId="21384"/>
    <cellStyle name="Обычный 3 2 11 2 2 4 5" xfId="21385"/>
    <cellStyle name="Обычный 3 2 11 2 2 4 5 2" xfId="21386"/>
    <cellStyle name="Обычный 3 2 11 2 2 4 6" xfId="21387"/>
    <cellStyle name="Обычный 3 2 11 2 2 5" xfId="21388"/>
    <cellStyle name="Обычный 3 2 11 2 2 5 2" xfId="21389"/>
    <cellStyle name="Обычный 3 2 11 2 2 5 2 2" xfId="21390"/>
    <cellStyle name="Обычный 3 2 11 2 2 5 2 2 2" xfId="21391"/>
    <cellStyle name="Обычный 3 2 11 2 2 5 2 3" xfId="21392"/>
    <cellStyle name="Обычный 3 2 11 2 2 5 2 3 2" xfId="21393"/>
    <cellStyle name="Обычный 3 2 11 2 2 5 2 4" xfId="21394"/>
    <cellStyle name="Обычный 3 2 11 2 2 5 3" xfId="21395"/>
    <cellStyle name="Обычный 3 2 11 2 2 5 3 2" xfId="21396"/>
    <cellStyle name="Обычный 3 2 11 2 2 5 4" xfId="21397"/>
    <cellStyle name="Обычный 3 2 11 2 2 5 4 2" xfId="21398"/>
    <cellStyle name="Обычный 3 2 11 2 2 5 5" xfId="21399"/>
    <cellStyle name="Обычный 3 2 11 2 2 5 5 2" xfId="21400"/>
    <cellStyle name="Обычный 3 2 11 2 2 5 6" xfId="21401"/>
    <cellStyle name="Обычный 3 2 11 2 2 6" xfId="21402"/>
    <cellStyle name="Обычный 3 2 11 2 2 6 2" xfId="21403"/>
    <cellStyle name="Обычный 3 2 11 2 2 6 2 2" xfId="21404"/>
    <cellStyle name="Обычный 3 2 11 2 2 6 3" xfId="21405"/>
    <cellStyle name="Обычный 3 2 11 2 2 6 3 2" xfId="21406"/>
    <cellStyle name="Обычный 3 2 11 2 2 6 4" xfId="21407"/>
    <cellStyle name="Обычный 3 2 11 2 2 7" xfId="21408"/>
    <cellStyle name="Обычный 3 2 11 2 2 7 2" xfId="21409"/>
    <cellStyle name="Обычный 3 2 11 2 2 8" xfId="21410"/>
    <cellStyle name="Обычный 3 2 11 2 2 8 2" xfId="21411"/>
    <cellStyle name="Обычный 3 2 11 2 2 9" xfId="21412"/>
    <cellStyle name="Обычный 3 2 11 2 2 9 2" xfId="21413"/>
    <cellStyle name="Обычный 3 2 11 2 3" xfId="21414"/>
    <cellStyle name="Обычный 3 2 11 2 3 2" xfId="21415"/>
    <cellStyle name="Обычный 3 2 11 2 3 2 2" xfId="21416"/>
    <cellStyle name="Обычный 3 2 11 2 3 2 2 2" xfId="21417"/>
    <cellStyle name="Обычный 3 2 11 2 3 2 2 2 2" xfId="21418"/>
    <cellStyle name="Обычный 3 2 11 2 3 2 2 3" xfId="21419"/>
    <cellStyle name="Обычный 3 2 11 2 3 2 2 3 2" xfId="21420"/>
    <cellStyle name="Обычный 3 2 11 2 3 2 2 4" xfId="21421"/>
    <cellStyle name="Обычный 3 2 11 2 3 2 3" xfId="21422"/>
    <cellStyle name="Обычный 3 2 11 2 3 2 3 2" xfId="21423"/>
    <cellStyle name="Обычный 3 2 11 2 3 2 4" xfId="21424"/>
    <cellStyle name="Обычный 3 2 11 2 3 2 4 2" xfId="21425"/>
    <cellStyle name="Обычный 3 2 11 2 3 2 5" xfId="21426"/>
    <cellStyle name="Обычный 3 2 11 2 3 2 5 2" xfId="21427"/>
    <cellStyle name="Обычный 3 2 11 2 3 2 6" xfId="21428"/>
    <cellStyle name="Обычный 3 2 11 2 3 3" xfId="21429"/>
    <cellStyle name="Обычный 3 2 11 2 3 3 2" xfId="21430"/>
    <cellStyle name="Обычный 3 2 11 2 3 3 2 2" xfId="21431"/>
    <cellStyle name="Обычный 3 2 11 2 3 3 2 2 2" xfId="21432"/>
    <cellStyle name="Обычный 3 2 11 2 3 3 2 3" xfId="21433"/>
    <cellStyle name="Обычный 3 2 11 2 3 3 2 3 2" xfId="21434"/>
    <cellStyle name="Обычный 3 2 11 2 3 3 2 4" xfId="21435"/>
    <cellStyle name="Обычный 3 2 11 2 3 3 3" xfId="21436"/>
    <cellStyle name="Обычный 3 2 11 2 3 3 3 2" xfId="21437"/>
    <cellStyle name="Обычный 3 2 11 2 3 3 4" xfId="21438"/>
    <cellStyle name="Обычный 3 2 11 2 3 3 4 2" xfId="21439"/>
    <cellStyle name="Обычный 3 2 11 2 3 3 5" xfId="21440"/>
    <cellStyle name="Обычный 3 2 11 2 3 3 5 2" xfId="21441"/>
    <cellStyle name="Обычный 3 2 11 2 3 3 6" xfId="21442"/>
    <cellStyle name="Обычный 3 2 11 2 3 4" xfId="21443"/>
    <cellStyle name="Обычный 3 2 11 2 3 4 2" xfId="21444"/>
    <cellStyle name="Обычный 3 2 11 2 3 4 2 2" xfId="21445"/>
    <cellStyle name="Обычный 3 2 11 2 3 4 2 2 2" xfId="21446"/>
    <cellStyle name="Обычный 3 2 11 2 3 4 2 3" xfId="21447"/>
    <cellStyle name="Обычный 3 2 11 2 3 4 2 3 2" xfId="21448"/>
    <cellStyle name="Обычный 3 2 11 2 3 4 2 4" xfId="21449"/>
    <cellStyle name="Обычный 3 2 11 2 3 4 3" xfId="21450"/>
    <cellStyle name="Обычный 3 2 11 2 3 4 3 2" xfId="21451"/>
    <cellStyle name="Обычный 3 2 11 2 3 4 4" xfId="21452"/>
    <cellStyle name="Обычный 3 2 11 2 3 4 4 2" xfId="21453"/>
    <cellStyle name="Обычный 3 2 11 2 3 4 5" xfId="21454"/>
    <cellStyle name="Обычный 3 2 11 2 3 4 5 2" xfId="21455"/>
    <cellStyle name="Обычный 3 2 11 2 3 4 6" xfId="21456"/>
    <cellStyle name="Обычный 3 2 11 2 3 5" xfId="21457"/>
    <cellStyle name="Обычный 3 2 11 2 3 5 2" xfId="21458"/>
    <cellStyle name="Обычный 3 2 11 2 3 5 2 2" xfId="21459"/>
    <cellStyle name="Обычный 3 2 11 2 3 5 3" xfId="21460"/>
    <cellStyle name="Обычный 3 2 11 2 3 5 3 2" xfId="21461"/>
    <cellStyle name="Обычный 3 2 11 2 3 5 4" xfId="21462"/>
    <cellStyle name="Обычный 3 2 11 2 3 6" xfId="21463"/>
    <cellStyle name="Обычный 3 2 11 2 3 6 2" xfId="21464"/>
    <cellStyle name="Обычный 3 2 11 2 3 7" xfId="21465"/>
    <cellStyle name="Обычный 3 2 11 2 3 7 2" xfId="21466"/>
    <cellStyle name="Обычный 3 2 11 2 3 8" xfId="21467"/>
    <cellStyle name="Обычный 3 2 11 2 3 8 2" xfId="21468"/>
    <cellStyle name="Обычный 3 2 11 2 3 9" xfId="21469"/>
    <cellStyle name="Обычный 3 2 11 2 4" xfId="21470"/>
    <cellStyle name="Обычный 3 2 11 2 4 2" xfId="21471"/>
    <cellStyle name="Обычный 3 2 11 2 4 2 2" xfId="21472"/>
    <cellStyle name="Обычный 3 2 11 2 4 2 2 2" xfId="21473"/>
    <cellStyle name="Обычный 3 2 11 2 4 2 3" xfId="21474"/>
    <cellStyle name="Обычный 3 2 11 2 4 2 3 2" xfId="21475"/>
    <cellStyle name="Обычный 3 2 11 2 4 2 4" xfId="21476"/>
    <cellStyle name="Обычный 3 2 11 2 4 3" xfId="21477"/>
    <cellStyle name="Обычный 3 2 11 2 4 3 2" xfId="21478"/>
    <cellStyle name="Обычный 3 2 11 2 4 4" xfId="21479"/>
    <cellStyle name="Обычный 3 2 11 2 4 4 2" xfId="21480"/>
    <cellStyle name="Обычный 3 2 11 2 4 5" xfId="21481"/>
    <cellStyle name="Обычный 3 2 11 2 4 5 2" xfId="21482"/>
    <cellStyle name="Обычный 3 2 11 2 4 6" xfId="21483"/>
    <cellStyle name="Обычный 3 2 11 2 5" xfId="21484"/>
    <cellStyle name="Обычный 3 2 11 2 5 2" xfId="21485"/>
    <cellStyle name="Обычный 3 2 11 2 5 2 2" xfId="21486"/>
    <cellStyle name="Обычный 3 2 11 2 5 2 2 2" xfId="21487"/>
    <cellStyle name="Обычный 3 2 11 2 5 2 3" xfId="21488"/>
    <cellStyle name="Обычный 3 2 11 2 5 2 3 2" xfId="21489"/>
    <cellStyle name="Обычный 3 2 11 2 5 2 4" xfId="21490"/>
    <cellStyle name="Обычный 3 2 11 2 5 3" xfId="21491"/>
    <cellStyle name="Обычный 3 2 11 2 5 3 2" xfId="21492"/>
    <cellStyle name="Обычный 3 2 11 2 5 4" xfId="21493"/>
    <cellStyle name="Обычный 3 2 11 2 5 4 2" xfId="21494"/>
    <cellStyle name="Обычный 3 2 11 2 5 5" xfId="21495"/>
    <cellStyle name="Обычный 3 2 11 2 5 5 2" xfId="21496"/>
    <cellStyle name="Обычный 3 2 11 2 5 6" xfId="21497"/>
    <cellStyle name="Обычный 3 2 11 2 6" xfId="21498"/>
    <cellStyle name="Обычный 3 2 11 2 6 2" xfId="21499"/>
    <cellStyle name="Обычный 3 2 11 2 6 2 2" xfId="21500"/>
    <cellStyle name="Обычный 3 2 11 2 6 2 2 2" xfId="21501"/>
    <cellStyle name="Обычный 3 2 11 2 6 2 3" xfId="21502"/>
    <cellStyle name="Обычный 3 2 11 2 6 2 3 2" xfId="21503"/>
    <cellStyle name="Обычный 3 2 11 2 6 2 4" xfId="21504"/>
    <cellStyle name="Обычный 3 2 11 2 6 3" xfId="21505"/>
    <cellStyle name="Обычный 3 2 11 2 6 3 2" xfId="21506"/>
    <cellStyle name="Обычный 3 2 11 2 6 4" xfId="21507"/>
    <cellStyle name="Обычный 3 2 11 2 6 4 2" xfId="21508"/>
    <cellStyle name="Обычный 3 2 11 2 6 5" xfId="21509"/>
    <cellStyle name="Обычный 3 2 11 2 6 5 2" xfId="21510"/>
    <cellStyle name="Обычный 3 2 11 2 6 6" xfId="21511"/>
    <cellStyle name="Обычный 3 2 11 2 7" xfId="21512"/>
    <cellStyle name="Обычный 3 2 11 2 7 2" xfId="21513"/>
    <cellStyle name="Обычный 3 2 11 2 7 2 2" xfId="21514"/>
    <cellStyle name="Обычный 3 2 11 2 7 2 2 2" xfId="21515"/>
    <cellStyle name="Обычный 3 2 11 2 7 2 3" xfId="21516"/>
    <cellStyle name="Обычный 3 2 11 2 7 2 3 2" xfId="21517"/>
    <cellStyle name="Обычный 3 2 11 2 7 2 4" xfId="21518"/>
    <cellStyle name="Обычный 3 2 11 2 7 3" xfId="21519"/>
    <cellStyle name="Обычный 3 2 11 2 7 3 2" xfId="21520"/>
    <cellStyle name="Обычный 3 2 11 2 7 4" xfId="21521"/>
    <cellStyle name="Обычный 3 2 11 2 7 4 2" xfId="21522"/>
    <cellStyle name="Обычный 3 2 11 2 7 5" xfId="21523"/>
    <cellStyle name="Обычный 3 2 11 2 7 5 2" xfId="21524"/>
    <cellStyle name="Обычный 3 2 11 2 7 6" xfId="21525"/>
    <cellStyle name="Обычный 3 2 11 2 8" xfId="21526"/>
    <cellStyle name="Обычный 3 2 11 2 8 2" xfId="21527"/>
    <cellStyle name="Обычный 3 2 11 2 8 2 2" xfId="21528"/>
    <cellStyle name="Обычный 3 2 11 2 8 3" xfId="21529"/>
    <cellStyle name="Обычный 3 2 11 2 8 3 2" xfId="21530"/>
    <cellStyle name="Обычный 3 2 11 2 8 4" xfId="21531"/>
    <cellStyle name="Обычный 3 2 11 2 9" xfId="21532"/>
    <cellStyle name="Обычный 3 2 11 2 9 2" xfId="21533"/>
    <cellStyle name="Обычный 3 2 11 2 9 2 2" xfId="21534"/>
    <cellStyle name="Обычный 3 2 11 2 9 3" xfId="21535"/>
    <cellStyle name="Обычный 3 2 11 3" xfId="21536"/>
    <cellStyle name="Обычный 3 2 11 3 10" xfId="21537"/>
    <cellStyle name="Обычный 3 2 11 3 2" xfId="21538"/>
    <cellStyle name="Обычный 3 2 11 3 2 2" xfId="21539"/>
    <cellStyle name="Обычный 3 2 11 3 2 2 2" xfId="21540"/>
    <cellStyle name="Обычный 3 2 11 3 2 2 2 2" xfId="21541"/>
    <cellStyle name="Обычный 3 2 11 3 2 2 3" xfId="21542"/>
    <cellStyle name="Обычный 3 2 11 3 2 2 3 2" xfId="21543"/>
    <cellStyle name="Обычный 3 2 11 3 2 2 4" xfId="21544"/>
    <cellStyle name="Обычный 3 2 11 3 2 3" xfId="21545"/>
    <cellStyle name="Обычный 3 2 11 3 2 3 2" xfId="21546"/>
    <cellStyle name="Обычный 3 2 11 3 2 4" xfId="21547"/>
    <cellStyle name="Обычный 3 2 11 3 2 4 2" xfId="21548"/>
    <cellStyle name="Обычный 3 2 11 3 2 5" xfId="21549"/>
    <cellStyle name="Обычный 3 2 11 3 2 5 2" xfId="21550"/>
    <cellStyle name="Обычный 3 2 11 3 2 6" xfId="21551"/>
    <cellStyle name="Обычный 3 2 11 3 3" xfId="21552"/>
    <cellStyle name="Обычный 3 2 11 3 3 2" xfId="21553"/>
    <cellStyle name="Обычный 3 2 11 3 3 2 2" xfId="21554"/>
    <cellStyle name="Обычный 3 2 11 3 3 2 2 2" xfId="21555"/>
    <cellStyle name="Обычный 3 2 11 3 3 2 3" xfId="21556"/>
    <cellStyle name="Обычный 3 2 11 3 3 2 3 2" xfId="21557"/>
    <cellStyle name="Обычный 3 2 11 3 3 2 4" xfId="21558"/>
    <cellStyle name="Обычный 3 2 11 3 3 3" xfId="21559"/>
    <cellStyle name="Обычный 3 2 11 3 3 3 2" xfId="21560"/>
    <cellStyle name="Обычный 3 2 11 3 3 4" xfId="21561"/>
    <cellStyle name="Обычный 3 2 11 3 3 4 2" xfId="21562"/>
    <cellStyle name="Обычный 3 2 11 3 3 5" xfId="21563"/>
    <cellStyle name="Обычный 3 2 11 3 3 5 2" xfId="21564"/>
    <cellStyle name="Обычный 3 2 11 3 3 6" xfId="21565"/>
    <cellStyle name="Обычный 3 2 11 3 4" xfId="21566"/>
    <cellStyle name="Обычный 3 2 11 3 4 2" xfId="21567"/>
    <cellStyle name="Обычный 3 2 11 3 4 2 2" xfId="21568"/>
    <cellStyle name="Обычный 3 2 11 3 4 2 2 2" xfId="21569"/>
    <cellStyle name="Обычный 3 2 11 3 4 2 3" xfId="21570"/>
    <cellStyle name="Обычный 3 2 11 3 4 2 3 2" xfId="21571"/>
    <cellStyle name="Обычный 3 2 11 3 4 2 4" xfId="21572"/>
    <cellStyle name="Обычный 3 2 11 3 4 3" xfId="21573"/>
    <cellStyle name="Обычный 3 2 11 3 4 3 2" xfId="21574"/>
    <cellStyle name="Обычный 3 2 11 3 4 4" xfId="21575"/>
    <cellStyle name="Обычный 3 2 11 3 4 4 2" xfId="21576"/>
    <cellStyle name="Обычный 3 2 11 3 4 5" xfId="21577"/>
    <cellStyle name="Обычный 3 2 11 3 4 5 2" xfId="21578"/>
    <cellStyle name="Обычный 3 2 11 3 4 6" xfId="21579"/>
    <cellStyle name="Обычный 3 2 11 3 5" xfId="21580"/>
    <cellStyle name="Обычный 3 2 11 3 5 2" xfId="21581"/>
    <cellStyle name="Обычный 3 2 11 3 5 2 2" xfId="21582"/>
    <cellStyle name="Обычный 3 2 11 3 5 2 2 2" xfId="21583"/>
    <cellStyle name="Обычный 3 2 11 3 5 2 3" xfId="21584"/>
    <cellStyle name="Обычный 3 2 11 3 5 2 3 2" xfId="21585"/>
    <cellStyle name="Обычный 3 2 11 3 5 2 4" xfId="21586"/>
    <cellStyle name="Обычный 3 2 11 3 5 3" xfId="21587"/>
    <cellStyle name="Обычный 3 2 11 3 5 3 2" xfId="21588"/>
    <cellStyle name="Обычный 3 2 11 3 5 4" xfId="21589"/>
    <cellStyle name="Обычный 3 2 11 3 5 4 2" xfId="21590"/>
    <cellStyle name="Обычный 3 2 11 3 5 5" xfId="21591"/>
    <cellStyle name="Обычный 3 2 11 3 5 5 2" xfId="21592"/>
    <cellStyle name="Обычный 3 2 11 3 5 6" xfId="21593"/>
    <cellStyle name="Обычный 3 2 11 3 6" xfId="21594"/>
    <cellStyle name="Обычный 3 2 11 3 6 2" xfId="21595"/>
    <cellStyle name="Обычный 3 2 11 3 6 2 2" xfId="21596"/>
    <cellStyle name="Обычный 3 2 11 3 6 3" xfId="21597"/>
    <cellStyle name="Обычный 3 2 11 3 6 3 2" xfId="21598"/>
    <cellStyle name="Обычный 3 2 11 3 6 4" xfId="21599"/>
    <cellStyle name="Обычный 3 2 11 3 7" xfId="21600"/>
    <cellStyle name="Обычный 3 2 11 3 7 2" xfId="21601"/>
    <cellStyle name="Обычный 3 2 11 3 8" xfId="21602"/>
    <cellStyle name="Обычный 3 2 11 3 8 2" xfId="21603"/>
    <cellStyle name="Обычный 3 2 11 3 9" xfId="21604"/>
    <cellStyle name="Обычный 3 2 11 3 9 2" xfId="21605"/>
    <cellStyle name="Обычный 3 2 11 4" xfId="21606"/>
    <cellStyle name="Обычный 3 2 11 4 2" xfId="21607"/>
    <cellStyle name="Обычный 3 2 11 4 2 2" xfId="21608"/>
    <cellStyle name="Обычный 3 2 11 4 2 2 2" xfId="21609"/>
    <cellStyle name="Обычный 3 2 11 4 2 2 2 2" xfId="21610"/>
    <cellStyle name="Обычный 3 2 11 4 2 2 3" xfId="21611"/>
    <cellStyle name="Обычный 3 2 11 4 2 2 3 2" xfId="21612"/>
    <cellStyle name="Обычный 3 2 11 4 2 2 4" xfId="21613"/>
    <cellStyle name="Обычный 3 2 11 4 2 3" xfId="21614"/>
    <cellStyle name="Обычный 3 2 11 4 2 3 2" xfId="21615"/>
    <cellStyle name="Обычный 3 2 11 4 2 4" xfId="21616"/>
    <cellStyle name="Обычный 3 2 11 4 2 4 2" xfId="21617"/>
    <cellStyle name="Обычный 3 2 11 4 2 5" xfId="21618"/>
    <cellStyle name="Обычный 3 2 11 4 2 5 2" xfId="21619"/>
    <cellStyle name="Обычный 3 2 11 4 2 6" xfId="21620"/>
    <cellStyle name="Обычный 3 2 11 4 3" xfId="21621"/>
    <cellStyle name="Обычный 3 2 11 4 3 2" xfId="21622"/>
    <cellStyle name="Обычный 3 2 11 4 3 2 2" xfId="21623"/>
    <cellStyle name="Обычный 3 2 11 4 3 2 2 2" xfId="21624"/>
    <cellStyle name="Обычный 3 2 11 4 3 2 3" xfId="21625"/>
    <cellStyle name="Обычный 3 2 11 4 3 2 3 2" xfId="21626"/>
    <cellStyle name="Обычный 3 2 11 4 3 2 4" xfId="21627"/>
    <cellStyle name="Обычный 3 2 11 4 3 3" xfId="21628"/>
    <cellStyle name="Обычный 3 2 11 4 3 3 2" xfId="21629"/>
    <cellStyle name="Обычный 3 2 11 4 3 4" xfId="21630"/>
    <cellStyle name="Обычный 3 2 11 4 3 4 2" xfId="21631"/>
    <cellStyle name="Обычный 3 2 11 4 3 5" xfId="21632"/>
    <cellStyle name="Обычный 3 2 11 4 3 5 2" xfId="21633"/>
    <cellStyle name="Обычный 3 2 11 4 3 6" xfId="21634"/>
    <cellStyle name="Обычный 3 2 11 4 4" xfId="21635"/>
    <cellStyle name="Обычный 3 2 11 4 4 2" xfId="21636"/>
    <cellStyle name="Обычный 3 2 11 4 4 2 2" xfId="21637"/>
    <cellStyle name="Обычный 3 2 11 4 4 2 2 2" xfId="21638"/>
    <cellStyle name="Обычный 3 2 11 4 4 2 3" xfId="21639"/>
    <cellStyle name="Обычный 3 2 11 4 4 2 3 2" xfId="21640"/>
    <cellStyle name="Обычный 3 2 11 4 4 2 4" xfId="21641"/>
    <cellStyle name="Обычный 3 2 11 4 4 3" xfId="21642"/>
    <cellStyle name="Обычный 3 2 11 4 4 3 2" xfId="21643"/>
    <cellStyle name="Обычный 3 2 11 4 4 4" xfId="21644"/>
    <cellStyle name="Обычный 3 2 11 4 4 4 2" xfId="21645"/>
    <cellStyle name="Обычный 3 2 11 4 4 5" xfId="21646"/>
    <cellStyle name="Обычный 3 2 11 4 4 5 2" xfId="21647"/>
    <cellStyle name="Обычный 3 2 11 4 4 6" xfId="21648"/>
    <cellStyle name="Обычный 3 2 11 4 5" xfId="21649"/>
    <cellStyle name="Обычный 3 2 11 4 5 2" xfId="21650"/>
    <cellStyle name="Обычный 3 2 11 4 5 2 2" xfId="21651"/>
    <cellStyle name="Обычный 3 2 11 4 5 3" xfId="21652"/>
    <cellStyle name="Обычный 3 2 11 4 5 3 2" xfId="21653"/>
    <cellStyle name="Обычный 3 2 11 4 5 4" xfId="21654"/>
    <cellStyle name="Обычный 3 2 11 4 6" xfId="21655"/>
    <cellStyle name="Обычный 3 2 11 4 6 2" xfId="21656"/>
    <cellStyle name="Обычный 3 2 11 4 7" xfId="21657"/>
    <cellStyle name="Обычный 3 2 11 4 7 2" xfId="21658"/>
    <cellStyle name="Обычный 3 2 11 4 8" xfId="21659"/>
    <cellStyle name="Обычный 3 2 11 4 8 2" xfId="21660"/>
    <cellStyle name="Обычный 3 2 11 4 9" xfId="21661"/>
    <cellStyle name="Обычный 3 2 11 5" xfId="21662"/>
    <cellStyle name="Обычный 3 2 11 5 2" xfId="21663"/>
    <cellStyle name="Обычный 3 2 11 5 2 2" xfId="21664"/>
    <cellStyle name="Обычный 3 2 11 5 2 2 2" xfId="21665"/>
    <cellStyle name="Обычный 3 2 11 5 2 3" xfId="21666"/>
    <cellStyle name="Обычный 3 2 11 5 2 3 2" xfId="21667"/>
    <cellStyle name="Обычный 3 2 11 5 2 4" xfId="21668"/>
    <cellStyle name="Обычный 3 2 11 5 3" xfId="21669"/>
    <cellStyle name="Обычный 3 2 11 5 3 2" xfId="21670"/>
    <cellStyle name="Обычный 3 2 11 5 4" xfId="21671"/>
    <cellStyle name="Обычный 3 2 11 5 4 2" xfId="21672"/>
    <cellStyle name="Обычный 3 2 11 5 5" xfId="21673"/>
    <cellStyle name="Обычный 3 2 11 5 5 2" xfId="21674"/>
    <cellStyle name="Обычный 3 2 11 5 6" xfId="21675"/>
    <cellStyle name="Обычный 3 2 11 6" xfId="21676"/>
    <cellStyle name="Обычный 3 2 11 6 2" xfId="21677"/>
    <cellStyle name="Обычный 3 2 11 6 2 2" xfId="21678"/>
    <cellStyle name="Обычный 3 2 11 6 2 2 2" xfId="21679"/>
    <cellStyle name="Обычный 3 2 11 6 2 3" xfId="21680"/>
    <cellStyle name="Обычный 3 2 11 6 2 3 2" xfId="21681"/>
    <cellStyle name="Обычный 3 2 11 6 2 4" xfId="21682"/>
    <cellStyle name="Обычный 3 2 11 6 3" xfId="21683"/>
    <cellStyle name="Обычный 3 2 11 6 3 2" xfId="21684"/>
    <cellStyle name="Обычный 3 2 11 6 4" xfId="21685"/>
    <cellStyle name="Обычный 3 2 11 6 4 2" xfId="21686"/>
    <cellStyle name="Обычный 3 2 11 6 5" xfId="21687"/>
    <cellStyle name="Обычный 3 2 11 6 5 2" xfId="21688"/>
    <cellStyle name="Обычный 3 2 11 6 6" xfId="21689"/>
    <cellStyle name="Обычный 3 2 11 7" xfId="21690"/>
    <cellStyle name="Обычный 3 2 11 7 2" xfId="21691"/>
    <cellStyle name="Обычный 3 2 11 7 2 2" xfId="21692"/>
    <cellStyle name="Обычный 3 2 11 7 2 2 2" xfId="21693"/>
    <cellStyle name="Обычный 3 2 11 7 2 3" xfId="21694"/>
    <cellStyle name="Обычный 3 2 11 7 2 3 2" xfId="21695"/>
    <cellStyle name="Обычный 3 2 11 7 2 4" xfId="21696"/>
    <cellStyle name="Обычный 3 2 11 7 3" xfId="21697"/>
    <cellStyle name="Обычный 3 2 11 7 3 2" xfId="21698"/>
    <cellStyle name="Обычный 3 2 11 7 4" xfId="21699"/>
    <cellStyle name="Обычный 3 2 11 7 4 2" xfId="21700"/>
    <cellStyle name="Обычный 3 2 11 7 5" xfId="21701"/>
    <cellStyle name="Обычный 3 2 11 7 5 2" xfId="21702"/>
    <cellStyle name="Обычный 3 2 11 7 6" xfId="21703"/>
    <cellStyle name="Обычный 3 2 11 8" xfId="21704"/>
    <cellStyle name="Обычный 3 2 11 8 2" xfId="21705"/>
    <cellStyle name="Обычный 3 2 11 8 2 2" xfId="21706"/>
    <cellStyle name="Обычный 3 2 11 8 2 2 2" xfId="21707"/>
    <cellStyle name="Обычный 3 2 11 8 2 3" xfId="21708"/>
    <cellStyle name="Обычный 3 2 11 8 2 3 2" xfId="21709"/>
    <cellStyle name="Обычный 3 2 11 8 2 4" xfId="21710"/>
    <cellStyle name="Обычный 3 2 11 8 3" xfId="21711"/>
    <cellStyle name="Обычный 3 2 11 8 3 2" xfId="21712"/>
    <cellStyle name="Обычный 3 2 11 8 4" xfId="21713"/>
    <cellStyle name="Обычный 3 2 11 8 4 2" xfId="21714"/>
    <cellStyle name="Обычный 3 2 11 8 5" xfId="21715"/>
    <cellStyle name="Обычный 3 2 11 8 5 2" xfId="21716"/>
    <cellStyle name="Обычный 3 2 11 8 6" xfId="21717"/>
    <cellStyle name="Обычный 3 2 11 9" xfId="21718"/>
    <cellStyle name="Обычный 3 2 11 9 2" xfId="21719"/>
    <cellStyle name="Обычный 3 2 11 9 2 2" xfId="21720"/>
    <cellStyle name="Обычный 3 2 11 9 3" xfId="21721"/>
    <cellStyle name="Обычный 3 2 11 9 3 2" xfId="21722"/>
    <cellStyle name="Обычный 3 2 11 9 4" xfId="21723"/>
    <cellStyle name="Обычный 3 2 12" xfId="21724"/>
    <cellStyle name="Обычный 3 2 12 10" xfId="21725"/>
    <cellStyle name="Обычный 3 2 12 10 2" xfId="21726"/>
    <cellStyle name="Обычный 3 2 12 10 2 2" xfId="21727"/>
    <cellStyle name="Обычный 3 2 12 10 3" xfId="21728"/>
    <cellStyle name="Обычный 3 2 12 11" xfId="21729"/>
    <cellStyle name="Обычный 3 2 12 11 2" xfId="21730"/>
    <cellStyle name="Обычный 3 2 12 12" xfId="21731"/>
    <cellStyle name="Обычный 3 2 12 12 2" xfId="21732"/>
    <cellStyle name="Обычный 3 2 12 13" xfId="21733"/>
    <cellStyle name="Обычный 3 2 12 14" xfId="21734"/>
    <cellStyle name="Обычный 3 2 12 2" xfId="21735"/>
    <cellStyle name="Обычный 3 2 12 2 10" xfId="21736"/>
    <cellStyle name="Обычный 3 2 12 2 10 2" xfId="21737"/>
    <cellStyle name="Обычный 3 2 12 2 11" xfId="21738"/>
    <cellStyle name="Обычный 3 2 12 2 11 2" xfId="21739"/>
    <cellStyle name="Обычный 3 2 12 2 12" xfId="21740"/>
    <cellStyle name="Обычный 3 2 12 2 13" xfId="21741"/>
    <cellStyle name="Обычный 3 2 12 2 2" xfId="21742"/>
    <cellStyle name="Обычный 3 2 12 2 2 10" xfId="21743"/>
    <cellStyle name="Обычный 3 2 12 2 2 2" xfId="21744"/>
    <cellStyle name="Обычный 3 2 12 2 2 2 2" xfId="21745"/>
    <cellStyle name="Обычный 3 2 12 2 2 2 2 2" xfId="21746"/>
    <cellStyle name="Обычный 3 2 12 2 2 2 2 2 2" xfId="21747"/>
    <cellStyle name="Обычный 3 2 12 2 2 2 2 3" xfId="21748"/>
    <cellStyle name="Обычный 3 2 12 2 2 2 2 3 2" xfId="21749"/>
    <cellStyle name="Обычный 3 2 12 2 2 2 2 4" xfId="21750"/>
    <cellStyle name="Обычный 3 2 12 2 2 2 3" xfId="21751"/>
    <cellStyle name="Обычный 3 2 12 2 2 2 3 2" xfId="21752"/>
    <cellStyle name="Обычный 3 2 12 2 2 2 4" xfId="21753"/>
    <cellStyle name="Обычный 3 2 12 2 2 2 4 2" xfId="21754"/>
    <cellStyle name="Обычный 3 2 12 2 2 2 5" xfId="21755"/>
    <cellStyle name="Обычный 3 2 12 2 2 2 5 2" xfId="21756"/>
    <cellStyle name="Обычный 3 2 12 2 2 2 6" xfId="21757"/>
    <cellStyle name="Обычный 3 2 12 2 2 3" xfId="21758"/>
    <cellStyle name="Обычный 3 2 12 2 2 3 2" xfId="21759"/>
    <cellStyle name="Обычный 3 2 12 2 2 3 2 2" xfId="21760"/>
    <cellStyle name="Обычный 3 2 12 2 2 3 2 2 2" xfId="21761"/>
    <cellStyle name="Обычный 3 2 12 2 2 3 2 3" xfId="21762"/>
    <cellStyle name="Обычный 3 2 12 2 2 3 2 3 2" xfId="21763"/>
    <cellStyle name="Обычный 3 2 12 2 2 3 2 4" xfId="21764"/>
    <cellStyle name="Обычный 3 2 12 2 2 3 3" xfId="21765"/>
    <cellStyle name="Обычный 3 2 12 2 2 3 3 2" xfId="21766"/>
    <cellStyle name="Обычный 3 2 12 2 2 3 4" xfId="21767"/>
    <cellStyle name="Обычный 3 2 12 2 2 3 4 2" xfId="21768"/>
    <cellStyle name="Обычный 3 2 12 2 2 3 5" xfId="21769"/>
    <cellStyle name="Обычный 3 2 12 2 2 3 5 2" xfId="21770"/>
    <cellStyle name="Обычный 3 2 12 2 2 3 6" xfId="21771"/>
    <cellStyle name="Обычный 3 2 12 2 2 4" xfId="21772"/>
    <cellStyle name="Обычный 3 2 12 2 2 4 2" xfId="21773"/>
    <cellStyle name="Обычный 3 2 12 2 2 4 2 2" xfId="21774"/>
    <cellStyle name="Обычный 3 2 12 2 2 4 2 2 2" xfId="21775"/>
    <cellStyle name="Обычный 3 2 12 2 2 4 2 3" xfId="21776"/>
    <cellStyle name="Обычный 3 2 12 2 2 4 2 3 2" xfId="21777"/>
    <cellStyle name="Обычный 3 2 12 2 2 4 2 4" xfId="21778"/>
    <cellStyle name="Обычный 3 2 12 2 2 4 3" xfId="21779"/>
    <cellStyle name="Обычный 3 2 12 2 2 4 3 2" xfId="21780"/>
    <cellStyle name="Обычный 3 2 12 2 2 4 4" xfId="21781"/>
    <cellStyle name="Обычный 3 2 12 2 2 4 4 2" xfId="21782"/>
    <cellStyle name="Обычный 3 2 12 2 2 4 5" xfId="21783"/>
    <cellStyle name="Обычный 3 2 12 2 2 4 5 2" xfId="21784"/>
    <cellStyle name="Обычный 3 2 12 2 2 4 6" xfId="21785"/>
    <cellStyle name="Обычный 3 2 12 2 2 5" xfId="21786"/>
    <cellStyle name="Обычный 3 2 12 2 2 5 2" xfId="21787"/>
    <cellStyle name="Обычный 3 2 12 2 2 5 2 2" xfId="21788"/>
    <cellStyle name="Обычный 3 2 12 2 2 5 2 2 2" xfId="21789"/>
    <cellStyle name="Обычный 3 2 12 2 2 5 2 3" xfId="21790"/>
    <cellStyle name="Обычный 3 2 12 2 2 5 2 3 2" xfId="21791"/>
    <cellStyle name="Обычный 3 2 12 2 2 5 2 4" xfId="21792"/>
    <cellStyle name="Обычный 3 2 12 2 2 5 3" xfId="21793"/>
    <cellStyle name="Обычный 3 2 12 2 2 5 3 2" xfId="21794"/>
    <cellStyle name="Обычный 3 2 12 2 2 5 4" xfId="21795"/>
    <cellStyle name="Обычный 3 2 12 2 2 5 4 2" xfId="21796"/>
    <cellStyle name="Обычный 3 2 12 2 2 5 5" xfId="21797"/>
    <cellStyle name="Обычный 3 2 12 2 2 5 5 2" xfId="21798"/>
    <cellStyle name="Обычный 3 2 12 2 2 5 6" xfId="21799"/>
    <cellStyle name="Обычный 3 2 12 2 2 6" xfId="21800"/>
    <cellStyle name="Обычный 3 2 12 2 2 6 2" xfId="21801"/>
    <cellStyle name="Обычный 3 2 12 2 2 6 2 2" xfId="21802"/>
    <cellStyle name="Обычный 3 2 12 2 2 6 3" xfId="21803"/>
    <cellStyle name="Обычный 3 2 12 2 2 6 3 2" xfId="21804"/>
    <cellStyle name="Обычный 3 2 12 2 2 6 4" xfId="21805"/>
    <cellStyle name="Обычный 3 2 12 2 2 7" xfId="21806"/>
    <cellStyle name="Обычный 3 2 12 2 2 7 2" xfId="21807"/>
    <cellStyle name="Обычный 3 2 12 2 2 8" xfId="21808"/>
    <cellStyle name="Обычный 3 2 12 2 2 8 2" xfId="21809"/>
    <cellStyle name="Обычный 3 2 12 2 2 9" xfId="21810"/>
    <cellStyle name="Обычный 3 2 12 2 2 9 2" xfId="21811"/>
    <cellStyle name="Обычный 3 2 12 2 3" xfId="21812"/>
    <cellStyle name="Обычный 3 2 12 2 3 2" xfId="21813"/>
    <cellStyle name="Обычный 3 2 12 2 3 2 2" xfId="21814"/>
    <cellStyle name="Обычный 3 2 12 2 3 2 2 2" xfId="21815"/>
    <cellStyle name="Обычный 3 2 12 2 3 2 2 2 2" xfId="21816"/>
    <cellStyle name="Обычный 3 2 12 2 3 2 2 3" xfId="21817"/>
    <cellStyle name="Обычный 3 2 12 2 3 2 2 3 2" xfId="21818"/>
    <cellStyle name="Обычный 3 2 12 2 3 2 2 4" xfId="21819"/>
    <cellStyle name="Обычный 3 2 12 2 3 2 3" xfId="21820"/>
    <cellStyle name="Обычный 3 2 12 2 3 2 3 2" xfId="21821"/>
    <cellStyle name="Обычный 3 2 12 2 3 2 4" xfId="21822"/>
    <cellStyle name="Обычный 3 2 12 2 3 2 4 2" xfId="21823"/>
    <cellStyle name="Обычный 3 2 12 2 3 2 5" xfId="21824"/>
    <cellStyle name="Обычный 3 2 12 2 3 2 5 2" xfId="21825"/>
    <cellStyle name="Обычный 3 2 12 2 3 2 6" xfId="21826"/>
    <cellStyle name="Обычный 3 2 12 2 3 3" xfId="21827"/>
    <cellStyle name="Обычный 3 2 12 2 3 3 2" xfId="21828"/>
    <cellStyle name="Обычный 3 2 12 2 3 3 2 2" xfId="21829"/>
    <cellStyle name="Обычный 3 2 12 2 3 3 2 2 2" xfId="21830"/>
    <cellStyle name="Обычный 3 2 12 2 3 3 2 3" xfId="21831"/>
    <cellStyle name="Обычный 3 2 12 2 3 3 2 3 2" xfId="21832"/>
    <cellStyle name="Обычный 3 2 12 2 3 3 2 4" xfId="21833"/>
    <cellStyle name="Обычный 3 2 12 2 3 3 3" xfId="21834"/>
    <cellStyle name="Обычный 3 2 12 2 3 3 3 2" xfId="21835"/>
    <cellStyle name="Обычный 3 2 12 2 3 3 4" xfId="21836"/>
    <cellStyle name="Обычный 3 2 12 2 3 3 4 2" xfId="21837"/>
    <cellStyle name="Обычный 3 2 12 2 3 3 5" xfId="21838"/>
    <cellStyle name="Обычный 3 2 12 2 3 3 5 2" xfId="21839"/>
    <cellStyle name="Обычный 3 2 12 2 3 3 6" xfId="21840"/>
    <cellStyle name="Обычный 3 2 12 2 3 4" xfId="21841"/>
    <cellStyle name="Обычный 3 2 12 2 3 4 2" xfId="21842"/>
    <cellStyle name="Обычный 3 2 12 2 3 4 2 2" xfId="21843"/>
    <cellStyle name="Обычный 3 2 12 2 3 4 2 2 2" xfId="21844"/>
    <cellStyle name="Обычный 3 2 12 2 3 4 2 3" xfId="21845"/>
    <cellStyle name="Обычный 3 2 12 2 3 4 2 3 2" xfId="21846"/>
    <cellStyle name="Обычный 3 2 12 2 3 4 2 4" xfId="21847"/>
    <cellStyle name="Обычный 3 2 12 2 3 4 3" xfId="21848"/>
    <cellStyle name="Обычный 3 2 12 2 3 4 3 2" xfId="21849"/>
    <cellStyle name="Обычный 3 2 12 2 3 4 4" xfId="21850"/>
    <cellStyle name="Обычный 3 2 12 2 3 4 4 2" xfId="21851"/>
    <cellStyle name="Обычный 3 2 12 2 3 4 5" xfId="21852"/>
    <cellStyle name="Обычный 3 2 12 2 3 4 5 2" xfId="21853"/>
    <cellStyle name="Обычный 3 2 12 2 3 4 6" xfId="21854"/>
    <cellStyle name="Обычный 3 2 12 2 3 5" xfId="21855"/>
    <cellStyle name="Обычный 3 2 12 2 3 5 2" xfId="21856"/>
    <cellStyle name="Обычный 3 2 12 2 3 5 2 2" xfId="21857"/>
    <cellStyle name="Обычный 3 2 12 2 3 5 3" xfId="21858"/>
    <cellStyle name="Обычный 3 2 12 2 3 5 3 2" xfId="21859"/>
    <cellStyle name="Обычный 3 2 12 2 3 5 4" xfId="21860"/>
    <cellStyle name="Обычный 3 2 12 2 3 6" xfId="21861"/>
    <cellStyle name="Обычный 3 2 12 2 3 6 2" xfId="21862"/>
    <cellStyle name="Обычный 3 2 12 2 3 7" xfId="21863"/>
    <cellStyle name="Обычный 3 2 12 2 3 7 2" xfId="21864"/>
    <cellStyle name="Обычный 3 2 12 2 3 8" xfId="21865"/>
    <cellStyle name="Обычный 3 2 12 2 3 8 2" xfId="21866"/>
    <cellStyle name="Обычный 3 2 12 2 3 9" xfId="21867"/>
    <cellStyle name="Обычный 3 2 12 2 4" xfId="21868"/>
    <cellStyle name="Обычный 3 2 12 2 4 2" xfId="21869"/>
    <cellStyle name="Обычный 3 2 12 2 4 2 2" xfId="21870"/>
    <cellStyle name="Обычный 3 2 12 2 4 2 2 2" xfId="21871"/>
    <cellStyle name="Обычный 3 2 12 2 4 2 3" xfId="21872"/>
    <cellStyle name="Обычный 3 2 12 2 4 2 3 2" xfId="21873"/>
    <cellStyle name="Обычный 3 2 12 2 4 2 4" xfId="21874"/>
    <cellStyle name="Обычный 3 2 12 2 4 3" xfId="21875"/>
    <cellStyle name="Обычный 3 2 12 2 4 3 2" xfId="21876"/>
    <cellStyle name="Обычный 3 2 12 2 4 4" xfId="21877"/>
    <cellStyle name="Обычный 3 2 12 2 4 4 2" xfId="21878"/>
    <cellStyle name="Обычный 3 2 12 2 4 5" xfId="21879"/>
    <cellStyle name="Обычный 3 2 12 2 4 5 2" xfId="21880"/>
    <cellStyle name="Обычный 3 2 12 2 4 6" xfId="21881"/>
    <cellStyle name="Обычный 3 2 12 2 5" xfId="21882"/>
    <cellStyle name="Обычный 3 2 12 2 5 2" xfId="21883"/>
    <cellStyle name="Обычный 3 2 12 2 5 2 2" xfId="21884"/>
    <cellStyle name="Обычный 3 2 12 2 5 2 2 2" xfId="21885"/>
    <cellStyle name="Обычный 3 2 12 2 5 2 3" xfId="21886"/>
    <cellStyle name="Обычный 3 2 12 2 5 2 3 2" xfId="21887"/>
    <cellStyle name="Обычный 3 2 12 2 5 2 4" xfId="21888"/>
    <cellStyle name="Обычный 3 2 12 2 5 3" xfId="21889"/>
    <cellStyle name="Обычный 3 2 12 2 5 3 2" xfId="21890"/>
    <cellStyle name="Обычный 3 2 12 2 5 4" xfId="21891"/>
    <cellStyle name="Обычный 3 2 12 2 5 4 2" xfId="21892"/>
    <cellStyle name="Обычный 3 2 12 2 5 5" xfId="21893"/>
    <cellStyle name="Обычный 3 2 12 2 5 5 2" xfId="21894"/>
    <cellStyle name="Обычный 3 2 12 2 5 6" xfId="21895"/>
    <cellStyle name="Обычный 3 2 12 2 6" xfId="21896"/>
    <cellStyle name="Обычный 3 2 12 2 6 2" xfId="21897"/>
    <cellStyle name="Обычный 3 2 12 2 6 2 2" xfId="21898"/>
    <cellStyle name="Обычный 3 2 12 2 6 2 2 2" xfId="21899"/>
    <cellStyle name="Обычный 3 2 12 2 6 2 3" xfId="21900"/>
    <cellStyle name="Обычный 3 2 12 2 6 2 3 2" xfId="21901"/>
    <cellStyle name="Обычный 3 2 12 2 6 2 4" xfId="21902"/>
    <cellStyle name="Обычный 3 2 12 2 6 3" xfId="21903"/>
    <cellStyle name="Обычный 3 2 12 2 6 3 2" xfId="21904"/>
    <cellStyle name="Обычный 3 2 12 2 6 4" xfId="21905"/>
    <cellStyle name="Обычный 3 2 12 2 6 4 2" xfId="21906"/>
    <cellStyle name="Обычный 3 2 12 2 6 5" xfId="21907"/>
    <cellStyle name="Обычный 3 2 12 2 6 5 2" xfId="21908"/>
    <cellStyle name="Обычный 3 2 12 2 6 6" xfId="21909"/>
    <cellStyle name="Обычный 3 2 12 2 7" xfId="21910"/>
    <cellStyle name="Обычный 3 2 12 2 7 2" xfId="21911"/>
    <cellStyle name="Обычный 3 2 12 2 7 2 2" xfId="21912"/>
    <cellStyle name="Обычный 3 2 12 2 7 2 2 2" xfId="21913"/>
    <cellStyle name="Обычный 3 2 12 2 7 2 3" xfId="21914"/>
    <cellStyle name="Обычный 3 2 12 2 7 2 3 2" xfId="21915"/>
    <cellStyle name="Обычный 3 2 12 2 7 2 4" xfId="21916"/>
    <cellStyle name="Обычный 3 2 12 2 7 3" xfId="21917"/>
    <cellStyle name="Обычный 3 2 12 2 7 3 2" xfId="21918"/>
    <cellStyle name="Обычный 3 2 12 2 7 4" xfId="21919"/>
    <cellStyle name="Обычный 3 2 12 2 7 4 2" xfId="21920"/>
    <cellStyle name="Обычный 3 2 12 2 7 5" xfId="21921"/>
    <cellStyle name="Обычный 3 2 12 2 7 5 2" xfId="21922"/>
    <cellStyle name="Обычный 3 2 12 2 7 6" xfId="21923"/>
    <cellStyle name="Обычный 3 2 12 2 8" xfId="21924"/>
    <cellStyle name="Обычный 3 2 12 2 8 2" xfId="21925"/>
    <cellStyle name="Обычный 3 2 12 2 8 2 2" xfId="21926"/>
    <cellStyle name="Обычный 3 2 12 2 8 3" xfId="21927"/>
    <cellStyle name="Обычный 3 2 12 2 8 3 2" xfId="21928"/>
    <cellStyle name="Обычный 3 2 12 2 8 4" xfId="21929"/>
    <cellStyle name="Обычный 3 2 12 2 9" xfId="21930"/>
    <cellStyle name="Обычный 3 2 12 2 9 2" xfId="21931"/>
    <cellStyle name="Обычный 3 2 12 2 9 2 2" xfId="21932"/>
    <cellStyle name="Обычный 3 2 12 2 9 3" xfId="21933"/>
    <cellStyle name="Обычный 3 2 12 3" xfId="21934"/>
    <cellStyle name="Обычный 3 2 12 3 10" xfId="21935"/>
    <cellStyle name="Обычный 3 2 12 3 2" xfId="21936"/>
    <cellStyle name="Обычный 3 2 12 3 2 2" xfId="21937"/>
    <cellStyle name="Обычный 3 2 12 3 2 2 2" xfId="21938"/>
    <cellStyle name="Обычный 3 2 12 3 2 2 2 2" xfId="21939"/>
    <cellStyle name="Обычный 3 2 12 3 2 2 3" xfId="21940"/>
    <cellStyle name="Обычный 3 2 12 3 2 2 3 2" xfId="21941"/>
    <cellStyle name="Обычный 3 2 12 3 2 2 4" xfId="21942"/>
    <cellStyle name="Обычный 3 2 12 3 2 3" xfId="21943"/>
    <cellStyle name="Обычный 3 2 12 3 2 3 2" xfId="21944"/>
    <cellStyle name="Обычный 3 2 12 3 2 4" xfId="21945"/>
    <cellStyle name="Обычный 3 2 12 3 2 4 2" xfId="21946"/>
    <cellStyle name="Обычный 3 2 12 3 2 5" xfId="21947"/>
    <cellStyle name="Обычный 3 2 12 3 2 5 2" xfId="21948"/>
    <cellStyle name="Обычный 3 2 12 3 2 6" xfId="21949"/>
    <cellStyle name="Обычный 3 2 12 3 3" xfId="21950"/>
    <cellStyle name="Обычный 3 2 12 3 3 2" xfId="21951"/>
    <cellStyle name="Обычный 3 2 12 3 3 2 2" xfId="21952"/>
    <cellStyle name="Обычный 3 2 12 3 3 2 2 2" xfId="21953"/>
    <cellStyle name="Обычный 3 2 12 3 3 2 3" xfId="21954"/>
    <cellStyle name="Обычный 3 2 12 3 3 2 3 2" xfId="21955"/>
    <cellStyle name="Обычный 3 2 12 3 3 2 4" xfId="21956"/>
    <cellStyle name="Обычный 3 2 12 3 3 3" xfId="21957"/>
    <cellStyle name="Обычный 3 2 12 3 3 3 2" xfId="21958"/>
    <cellStyle name="Обычный 3 2 12 3 3 4" xfId="21959"/>
    <cellStyle name="Обычный 3 2 12 3 3 4 2" xfId="21960"/>
    <cellStyle name="Обычный 3 2 12 3 3 5" xfId="21961"/>
    <cellStyle name="Обычный 3 2 12 3 3 5 2" xfId="21962"/>
    <cellStyle name="Обычный 3 2 12 3 3 6" xfId="21963"/>
    <cellStyle name="Обычный 3 2 12 3 4" xfId="21964"/>
    <cellStyle name="Обычный 3 2 12 3 4 2" xfId="21965"/>
    <cellStyle name="Обычный 3 2 12 3 4 2 2" xfId="21966"/>
    <cellStyle name="Обычный 3 2 12 3 4 2 2 2" xfId="21967"/>
    <cellStyle name="Обычный 3 2 12 3 4 2 3" xfId="21968"/>
    <cellStyle name="Обычный 3 2 12 3 4 2 3 2" xfId="21969"/>
    <cellStyle name="Обычный 3 2 12 3 4 2 4" xfId="21970"/>
    <cellStyle name="Обычный 3 2 12 3 4 3" xfId="21971"/>
    <cellStyle name="Обычный 3 2 12 3 4 3 2" xfId="21972"/>
    <cellStyle name="Обычный 3 2 12 3 4 4" xfId="21973"/>
    <cellStyle name="Обычный 3 2 12 3 4 4 2" xfId="21974"/>
    <cellStyle name="Обычный 3 2 12 3 4 5" xfId="21975"/>
    <cellStyle name="Обычный 3 2 12 3 4 5 2" xfId="21976"/>
    <cellStyle name="Обычный 3 2 12 3 4 6" xfId="21977"/>
    <cellStyle name="Обычный 3 2 12 3 5" xfId="21978"/>
    <cellStyle name="Обычный 3 2 12 3 5 2" xfId="21979"/>
    <cellStyle name="Обычный 3 2 12 3 5 2 2" xfId="21980"/>
    <cellStyle name="Обычный 3 2 12 3 5 2 2 2" xfId="21981"/>
    <cellStyle name="Обычный 3 2 12 3 5 2 3" xfId="21982"/>
    <cellStyle name="Обычный 3 2 12 3 5 2 3 2" xfId="21983"/>
    <cellStyle name="Обычный 3 2 12 3 5 2 4" xfId="21984"/>
    <cellStyle name="Обычный 3 2 12 3 5 3" xfId="21985"/>
    <cellStyle name="Обычный 3 2 12 3 5 3 2" xfId="21986"/>
    <cellStyle name="Обычный 3 2 12 3 5 4" xfId="21987"/>
    <cellStyle name="Обычный 3 2 12 3 5 4 2" xfId="21988"/>
    <cellStyle name="Обычный 3 2 12 3 5 5" xfId="21989"/>
    <cellStyle name="Обычный 3 2 12 3 5 5 2" xfId="21990"/>
    <cellStyle name="Обычный 3 2 12 3 5 6" xfId="21991"/>
    <cellStyle name="Обычный 3 2 12 3 6" xfId="21992"/>
    <cellStyle name="Обычный 3 2 12 3 6 2" xfId="21993"/>
    <cellStyle name="Обычный 3 2 12 3 6 2 2" xfId="21994"/>
    <cellStyle name="Обычный 3 2 12 3 6 3" xfId="21995"/>
    <cellStyle name="Обычный 3 2 12 3 6 3 2" xfId="21996"/>
    <cellStyle name="Обычный 3 2 12 3 6 4" xfId="21997"/>
    <cellStyle name="Обычный 3 2 12 3 7" xfId="21998"/>
    <cellStyle name="Обычный 3 2 12 3 7 2" xfId="21999"/>
    <cellStyle name="Обычный 3 2 12 3 8" xfId="22000"/>
    <cellStyle name="Обычный 3 2 12 3 8 2" xfId="22001"/>
    <cellStyle name="Обычный 3 2 12 3 9" xfId="22002"/>
    <cellStyle name="Обычный 3 2 12 3 9 2" xfId="22003"/>
    <cellStyle name="Обычный 3 2 12 4" xfId="22004"/>
    <cellStyle name="Обычный 3 2 12 4 2" xfId="22005"/>
    <cellStyle name="Обычный 3 2 12 4 2 2" xfId="22006"/>
    <cellStyle name="Обычный 3 2 12 4 2 2 2" xfId="22007"/>
    <cellStyle name="Обычный 3 2 12 4 2 2 2 2" xfId="22008"/>
    <cellStyle name="Обычный 3 2 12 4 2 2 3" xfId="22009"/>
    <cellStyle name="Обычный 3 2 12 4 2 2 3 2" xfId="22010"/>
    <cellStyle name="Обычный 3 2 12 4 2 2 4" xfId="22011"/>
    <cellStyle name="Обычный 3 2 12 4 2 3" xfId="22012"/>
    <cellStyle name="Обычный 3 2 12 4 2 3 2" xfId="22013"/>
    <cellStyle name="Обычный 3 2 12 4 2 4" xfId="22014"/>
    <cellStyle name="Обычный 3 2 12 4 2 4 2" xfId="22015"/>
    <cellStyle name="Обычный 3 2 12 4 2 5" xfId="22016"/>
    <cellStyle name="Обычный 3 2 12 4 2 5 2" xfId="22017"/>
    <cellStyle name="Обычный 3 2 12 4 2 6" xfId="22018"/>
    <cellStyle name="Обычный 3 2 12 4 3" xfId="22019"/>
    <cellStyle name="Обычный 3 2 12 4 3 2" xfId="22020"/>
    <cellStyle name="Обычный 3 2 12 4 3 2 2" xfId="22021"/>
    <cellStyle name="Обычный 3 2 12 4 3 2 2 2" xfId="22022"/>
    <cellStyle name="Обычный 3 2 12 4 3 2 3" xfId="22023"/>
    <cellStyle name="Обычный 3 2 12 4 3 2 3 2" xfId="22024"/>
    <cellStyle name="Обычный 3 2 12 4 3 2 4" xfId="22025"/>
    <cellStyle name="Обычный 3 2 12 4 3 3" xfId="22026"/>
    <cellStyle name="Обычный 3 2 12 4 3 3 2" xfId="22027"/>
    <cellStyle name="Обычный 3 2 12 4 3 4" xfId="22028"/>
    <cellStyle name="Обычный 3 2 12 4 3 4 2" xfId="22029"/>
    <cellStyle name="Обычный 3 2 12 4 3 5" xfId="22030"/>
    <cellStyle name="Обычный 3 2 12 4 3 5 2" xfId="22031"/>
    <cellStyle name="Обычный 3 2 12 4 3 6" xfId="22032"/>
    <cellStyle name="Обычный 3 2 12 4 4" xfId="22033"/>
    <cellStyle name="Обычный 3 2 12 4 4 2" xfId="22034"/>
    <cellStyle name="Обычный 3 2 12 4 4 2 2" xfId="22035"/>
    <cellStyle name="Обычный 3 2 12 4 4 2 2 2" xfId="22036"/>
    <cellStyle name="Обычный 3 2 12 4 4 2 3" xfId="22037"/>
    <cellStyle name="Обычный 3 2 12 4 4 2 3 2" xfId="22038"/>
    <cellStyle name="Обычный 3 2 12 4 4 2 4" xfId="22039"/>
    <cellStyle name="Обычный 3 2 12 4 4 3" xfId="22040"/>
    <cellStyle name="Обычный 3 2 12 4 4 3 2" xfId="22041"/>
    <cellStyle name="Обычный 3 2 12 4 4 4" xfId="22042"/>
    <cellStyle name="Обычный 3 2 12 4 4 4 2" xfId="22043"/>
    <cellStyle name="Обычный 3 2 12 4 4 5" xfId="22044"/>
    <cellStyle name="Обычный 3 2 12 4 4 5 2" xfId="22045"/>
    <cellStyle name="Обычный 3 2 12 4 4 6" xfId="22046"/>
    <cellStyle name="Обычный 3 2 12 4 5" xfId="22047"/>
    <cellStyle name="Обычный 3 2 12 4 5 2" xfId="22048"/>
    <cellStyle name="Обычный 3 2 12 4 5 2 2" xfId="22049"/>
    <cellStyle name="Обычный 3 2 12 4 5 3" xfId="22050"/>
    <cellStyle name="Обычный 3 2 12 4 5 3 2" xfId="22051"/>
    <cellStyle name="Обычный 3 2 12 4 5 4" xfId="22052"/>
    <cellStyle name="Обычный 3 2 12 4 6" xfId="22053"/>
    <cellStyle name="Обычный 3 2 12 4 6 2" xfId="22054"/>
    <cellStyle name="Обычный 3 2 12 4 7" xfId="22055"/>
    <cellStyle name="Обычный 3 2 12 4 7 2" xfId="22056"/>
    <cellStyle name="Обычный 3 2 12 4 8" xfId="22057"/>
    <cellStyle name="Обычный 3 2 12 4 8 2" xfId="22058"/>
    <cellStyle name="Обычный 3 2 12 4 9" xfId="22059"/>
    <cellStyle name="Обычный 3 2 12 5" xfId="22060"/>
    <cellStyle name="Обычный 3 2 12 5 2" xfId="22061"/>
    <cellStyle name="Обычный 3 2 12 5 2 2" xfId="22062"/>
    <cellStyle name="Обычный 3 2 12 5 2 2 2" xfId="22063"/>
    <cellStyle name="Обычный 3 2 12 5 2 3" xfId="22064"/>
    <cellStyle name="Обычный 3 2 12 5 2 3 2" xfId="22065"/>
    <cellStyle name="Обычный 3 2 12 5 2 4" xfId="22066"/>
    <cellStyle name="Обычный 3 2 12 5 3" xfId="22067"/>
    <cellStyle name="Обычный 3 2 12 5 3 2" xfId="22068"/>
    <cellStyle name="Обычный 3 2 12 5 4" xfId="22069"/>
    <cellStyle name="Обычный 3 2 12 5 4 2" xfId="22070"/>
    <cellStyle name="Обычный 3 2 12 5 5" xfId="22071"/>
    <cellStyle name="Обычный 3 2 12 5 5 2" xfId="22072"/>
    <cellStyle name="Обычный 3 2 12 5 6" xfId="22073"/>
    <cellStyle name="Обычный 3 2 12 6" xfId="22074"/>
    <cellStyle name="Обычный 3 2 12 6 2" xfId="22075"/>
    <cellStyle name="Обычный 3 2 12 6 2 2" xfId="22076"/>
    <cellStyle name="Обычный 3 2 12 6 2 2 2" xfId="22077"/>
    <cellStyle name="Обычный 3 2 12 6 2 3" xfId="22078"/>
    <cellStyle name="Обычный 3 2 12 6 2 3 2" xfId="22079"/>
    <cellStyle name="Обычный 3 2 12 6 2 4" xfId="22080"/>
    <cellStyle name="Обычный 3 2 12 6 3" xfId="22081"/>
    <cellStyle name="Обычный 3 2 12 6 3 2" xfId="22082"/>
    <cellStyle name="Обычный 3 2 12 6 4" xfId="22083"/>
    <cellStyle name="Обычный 3 2 12 6 4 2" xfId="22084"/>
    <cellStyle name="Обычный 3 2 12 6 5" xfId="22085"/>
    <cellStyle name="Обычный 3 2 12 6 5 2" xfId="22086"/>
    <cellStyle name="Обычный 3 2 12 6 6" xfId="22087"/>
    <cellStyle name="Обычный 3 2 12 7" xfId="22088"/>
    <cellStyle name="Обычный 3 2 12 7 2" xfId="22089"/>
    <cellStyle name="Обычный 3 2 12 7 2 2" xfId="22090"/>
    <cellStyle name="Обычный 3 2 12 7 2 2 2" xfId="22091"/>
    <cellStyle name="Обычный 3 2 12 7 2 3" xfId="22092"/>
    <cellStyle name="Обычный 3 2 12 7 2 3 2" xfId="22093"/>
    <cellStyle name="Обычный 3 2 12 7 2 4" xfId="22094"/>
    <cellStyle name="Обычный 3 2 12 7 3" xfId="22095"/>
    <cellStyle name="Обычный 3 2 12 7 3 2" xfId="22096"/>
    <cellStyle name="Обычный 3 2 12 7 4" xfId="22097"/>
    <cellStyle name="Обычный 3 2 12 7 4 2" xfId="22098"/>
    <cellStyle name="Обычный 3 2 12 7 5" xfId="22099"/>
    <cellStyle name="Обычный 3 2 12 7 5 2" xfId="22100"/>
    <cellStyle name="Обычный 3 2 12 7 6" xfId="22101"/>
    <cellStyle name="Обычный 3 2 12 8" xfId="22102"/>
    <cellStyle name="Обычный 3 2 12 8 2" xfId="22103"/>
    <cellStyle name="Обычный 3 2 12 8 2 2" xfId="22104"/>
    <cellStyle name="Обычный 3 2 12 8 2 2 2" xfId="22105"/>
    <cellStyle name="Обычный 3 2 12 8 2 3" xfId="22106"/>
    <cellStyle name="Обычный 3 2 12 8 2 3 2" xfId="22107"/>
    <cellStyle name="Обычный 3 2 12 8 2 4" xfId="22108"/>
    <cellStyle name="Обычный 3 2 12 8 3" xfId="22109"/>
    <cellStyle name="Обычный 3 2 12 8 3 2" xfId="22110"/>
    <cellStyle name="Обычный 3 2 12 8 4" xfId="22111"/>
    <cellStyle name="Обычный 3 2 12 8 4 2" xfId="22112"/>
    <cellStyle name="Обычный 3 2 12 8 5" xfId="22113"/>
    <cellStyle name="Обычный 3 2 12 8 5 2" xfId="22114"/>
    <cellStyle name="Обычный 3 2 12 8 6" xfId="22115"/>
    <cellStyle name="Обычный 3 2 12 9" xfId="22116"/>
    <cellStyle name="Обычный 3 2 12 9 2" xfId="22117"/>
    <cellStyle name="Обычный 3 2 12 9 2 2" xfId="22118"/>
    <cellStyle name="Обычный 3 2 12 9 3" xfId="22119"/>
    <cellStyle name="Обычный 3 2 12 9 3 2" xfId="22120"/>
    <cellStyle name="Обычный 3 2 12 9 4" xfId="22121"/>
    <cellStyle name="Обычный 3 2 13" xfId="22122"/>
    <cellStyle name="Обычный 3 2 13 10" xfId="22123"/>
    <cellStyle name="Обычный 3 2 13 10 2" xfId="22124"/>
    <cellStyle name="Обычный 3 2 13 11" xfId="22125"/>
    <cellStyle name="Обычный 3 2 13 11 2" xfId="22126"/>
    <cellStyle name="Обычный 3 2 13 12" xfId="22127"/>
    <cellStyle name="Обычный 3 2 13 13" xfId="22128"/>
    <cellStyle name="Обычный 3 2 13 2" xfId="22129"/>
    <cellStyle name="Обычный 3 2 13 2 10" xfId="22130"/>
    <cellStyle name="Обычный 3 2 13 2 2" xfId="22131"/>
    <cellStyle name="Обычный 3 2 13 2 2 2" xfId="22132"/>
    <cellStyle name="Обычный 3 2 13 2 2 2 2" xfId="22133"/>
    <cellStyle name="Обычный 3 2 13 2 2 2 2 2" xfId="22134"/>
    <cellStyle name="Обычный 3 2 13 2 2 2 3" xfId="22135"/>
    <cellStyle name="Обычный 3 2 13 2 2 2 3 2" xfId="22136"/>
    <cellStyle name="Обычный 3 2 13 2 2 2 4" xfId="22137"/>
    <cellStyle name="Обычный 3 2 13 2 2 3" xfId="22138"/>
    <cellStyle name="Обычный 3 2 13 2 2 3 2" xfId="22139"/>
    <cellStyle name="Обычный 3 2 13 2 2 4" xfId="22140"/>
    <cellStyle name="Обычный 3 2 13 2 2 4 2" xfId="22141"/>
    <cellStyle name="Обычный 3 2 13 2 2 5" xfId="22142"/>
    <cellStyle name="Обычный 3 2 13 2 2 5 2" xfId="22143"/>
    <cellStyle name="Обычный 3 2 13 2 2 6" xfId="22144"/>
    <cellStyle name="Обычный 3 2 13 2 3" xfId="22145"/>
    <cellStyle name="Обычный 3 2 13 2 3 2" xfId="22146"/>
    <cellStyle name="Обычный 3 2 13 2 3 2 2" xfId="22147"/>
    <cellStyle name="Обычный 3 2 13 2 3 2 2 2" xfId="22148"/>
    <cellStyle name="Обычный 3 2 13 2 3 2 3" xfId="22149"/>
    <cellStyle name="Обычный 3 2 13 2 3 2 3 2" xfId="22150"/>
    <cellStyle name="Обычный 3 2 13 2 3 2 4" xfId="22151"/>
    <cellStyle name="Обычный 3 2 13 2 3 3" xfId="22152"/>
    <cellStyle name="Обычный 3 2 13 2 3 3 2" xfId="22153"/>
    <cellStyle name="Обычный 3 2 13 2 3 4" xfId="22154"/>
    <cellStyle name="Обычный 3 2 13 2 3 4 2" xfId="22155"/>
    <cellStyle name="Обычный 3 2 13 2 3 5" xfId="22156"/>
    <cellStyle name="Обычный 3 2 13 2 3 5 2" xfId="22157"/>
    <cellStyle name="Обычный 3 2 13 2 3 6" xfId="22158"/>
    <cellStyle name="Обычный 3 2 13 2 4" xfId="22159"/>
    <cellStyle name="Обычный 3 2 13 2 4 2" xfId="22160"/>
    <cellStyle name="Обычный 3 2 13 2 4 2 2" xfId="22161"/>
    <cellStyle name="Обычный 3 2 13 2 4 2 2 2" xfId="22162"/>
    <cellStyle name="Обычный 3 2 13 2 4 2 3" xfId="22163"/>
    <cellStyle name="Обычный 3 2 13 2 4 2 3 2" xfId="22164"/>
    <cellStyle name="Обычный 3 2 13 2 4 2 4" xfId="22165"/>
    <cellStyle name="Обычный 3 2 13 2 4 3" xfId="22166"/>
    <cellStyle name="Обычный 3 2 13 2 4 3 2" xfId="22167"/>
    <cellStyle name="Обычный 3 2 13 2 4 4" xfId="22168"/>
    <cellStyle name="Обычный 3 2 13 2 4 4 2" xfId="22169"/>
    <cellStyle name="Обычный 3 2 13 2 4 5" xfId="22170"/>
    <cellStyle name="Обычный 3 2 13 2 4 5 2" xfId="22171"/>
    <cellStyle name="Обычный 3 2 13 2 4 6" xfId="22172"/>
    <cellStyle name="Обычный 3 2 13 2 5" xfId="22173"/>
    <cellStyle name="Обычный 3 2 13 2 5 2" xfId="22174"/>
    <cellStyle name="Обычный 3 2 13 2 5 2 2" xfId="22175"/>
    <cellStyle name="Обычный 3 2 13 2 5 2 2 2" xfId="22176"/>
    <cellStyle name="Обычный 3 2 13 2 5 2 3" xfId="22177"/>
    <cellStyle name="Обычный 3 2 13 2 5 2 3 2" xfId="22178"/>
    <cellStyle name="Обычный 3 2 13 2 5 2 4" xfId="22179"/>
    <cellStyle name="Обычный 3 2 13 2 5 3" xfId="22180"/>
    <cellStyle name="Обычный 3 2 13 2 5 3 2" xfId="22181"/>
    <cellStyle name="Обычный 3 2 13 2 5 4" xfId="22182"/>
    <cellStyle name="Обычный 3 2 13 2 5 4 2" xfId="22183"/>
    <cellStyle name="Обычный 3 2 13 2 5 5" xfId="22184"/>
    <cellStyle name="Обычный 3 2 13 2 5 5 2" xfId="22185"/>
    <cellStyle name="Обычный 3 2 13 2 5 6" xfId="22186"/>
    <cellStyle name="Обычный 3 2 13 2 6" xfId="22187"/>
    <cellStyle name="Обычный 3 2 13 2 6 2" xfId="22188"/>
    <cellStyle name="Обычный 3 2 13 2 6 2 2" xfId="22189"/>
    <cellStyle name="Обычный 3 2 13 2 6 3" xfId="22190"/>
    <cellStyle name="Обычный 3 2 13 2 6 3 2" xfId="22191"/>
    <cellStyle name="Обычный 3 2 13 2 6 4" xfId="22192"/>
    <cellStyle name="Обычный 3 2 13 2 7" xfId="22193"/>
    <cellStyle name="Обычный 3 2 13 2 7 2" xfId="22194"/>
    <cellStyle name="Обычный 3 2 13 2 8" xfId="22195"/>
    <cellStyle name="Обычный 3 2 13 2 8 2" xfId="22196"/>
    <cellStyle name="Обычный 3 2 13 2 9" xfId="22197"/>
    <cellStyle name="Обычный 3 2 13 2 9 2" xfId="22198"/>
    <cellStyle name="Обычный 3 2 13 3" xfId="22199"/>
    <cellStyle name="Обычный 3 2 13 3 2" xfId="22200"/>
    <cellStyle name="Обычный 3 2 13 3 2 2" xfId="22201"/>
    <cellStyle name="Обычный 3 2 13 3 2 2 2" xfId="22202"/>
    <cellStyle name="Обычный 3 2 13 3 2 2 2 2" xfId="22203"/>
    <cellStyle name="Обычный 3 2 13 3 2 2 3" xfId="22204"/>
    <cellStyle name="Обычный 3 2 13 3 2 2 3 2" xfId="22205"/>
    <cellStyle name="Обычный 3 2 13 3 2 2 4" xfId="22206"/>
    <cellStyle name="Обычный 3 2 13 3 2 3" xfId="22207"/>
    <cellStyle name="Обычный 3 2 13 3 2 3 2" xfId="22208"/>
    <cellStyle name="Обычный 3 2 13 3 2 4" xfId="22209"/>
    <cellStyle name="Обычный 3 2 13 3 2 4 2" xfId="22210"/>
    <cellStyle name="Обычный 3 2 13 3 2 5" xfId="22211"/>
    <cellStyle name="Обычный 3 2 13 3 2 5 2" xfId="22212"/>
    <cellStyle name="Обычный 3 2 13 3 2 6" xfId="22213"/>
    <cellStyle name="Обычный 3 2 13 3 3" xfId="22214"/>
    <cellStyle name="Обычный 3 2 13 3 3 2" xfId="22215"/>
    <cellStyle name="Обычный 3 2 13 3 3 2 2" xfId="22216"/>
    <cellStyle name="Обычный 3 2 13 3 3 2 2 2" xfId="22217"/>
    <cellStyle name="Обычный 3 2 13 3 3 2 3" xfId="22218"/>
    <cellStyle name="Обычный 3 2 13 3 3 2 3 2" xfId="22219"/>
    <cellStyle name="Обычный 3 2 13 3 3 2 4" xfId="22220"/>
    <cellStyle name="Обычный 3 2 13 3 3 3" xfId="22221"/>
    <cellStyle name="Обычный 3 2 13 3 3 3 2" xfId="22222"/>
    <cellStyle name="Обычный 3 2 13 3 3 4" xfId="22223"/>
    <cellStyle name="Обычный 3 2 13 3 3 4 2" xfId="22224"/>
    <cellStyle name="Обычный 3 2 13 3 3 5" xfId="22225"/>
    <cellStyle name="Обычный 3 2 13 3 3 5 2" xfId="22226"/>
    <cellStyle name="Обычный 3 2 13 3 3 6" xfId="22227"/>
    <cellStyle name="Обычный 3 2 13 3 4" xfId="22228"/>
    <cellStyle name="Обычный 3 2 13 3 4 2" xfId="22229"/>
    <cellStyle name="Обычный 3 2 13 3 4 2 2" xfId="22230"/>
    <cellStyle name="Обычный 3 2 13 3 4 2 2 2" xfId="22231"/>
    <cellStyle name="Обычный 3 2 13 3 4 2 3" xfId="22232"/>
    <cellStyle name="Обычный 3 2 13 3 4 2 3 2" xfId="22233"/>
    <cellStyle name="Обычный 3 2 13 3 4 2 4" xfId="22234"/>
    <cellStyle name="Обычный 3 2 13 3 4 3" xfId="22235"/>
    <cellStyle name="Обычный 3 2 13 3 4 3 2" xfId="22236"/>
    <cellStyle name="Обычный 3 2 13 3 4 4" xfId="22237"/>
    <cellStyle name="Обычный 3 2 13 3 4 4 2" xfId="22238"/>
    <cellStyle name="Обычный 3 2 13 3 4 5" xfId="22239"/>
    <cellStyle name="Обычный 3 2 13 3 4 5 2" xfId="22240"/>
    <cellStyle name="Обычный 3 2 13 3 4 6" xfId="22241"/>
    <cellStyle name="Обычный 3 2 13 3 5" xfId="22242"/>
    <cellStyle name="Обычный 3 2 13 3 5 2" xfId="22243"/>
    <cellStyle name="Обычный 3 2 13 3 5 2 2" xfId="22244"/>
    <cellStyle name="Обычный 3 2 13 3 5 3" xfId="22245"/>
    <cellStyle name="Обычный 3 2 13 3 5 3 2" xfId="22246"/>
    <cellStyle name="Обычный 3 2 13 3 5 4" xfId="22247"/>
    <cellStyle name="Обычный 3 2 13 3 6" xfId="22248"/>
    <cellStyle name="Обычный 3 2 13 3 6 2" xfId="22249"/>
    <cellStyle name="Обычный 3 2 13 3 7" xfId="22250"/>
    <cellStyle name="Обычный 3 2 13 3 7 2" xfId="22251"/>
    <cellStyle name="Обычный 3 2 13 3 8" xfId="22252"/>
    <cellStyle name="Обычный 3 2 13 3 8 2" xfId="22253"/>
    <cellStyle name="Обычный 3 2 13 3 9" xfId="22254"/>
    <cellStyle name="Обычный 3 2 13 4" xfId="22255"/>
    <cellStyle name="Обычный 3 2 13 4 2" xfId="22256"/>
    <cellStyle name="Обычный 3 2 13 4 2 2" xfId="22257"/>
    <cellStyle name="Обычный 3 2 13 4 2 2 2" xfId="22258"/>
    <cellStyle name="Обычный 3 2 13 4 2 3" xfId="22259"/>
    <cellStyle name="Обычный 3 2 13 4 2 3 2" xfId="22260"/>
    <cellStyle name="Обычный 3 2 13 4 2 4" xfId="22261"/>
    <cellStyle name="Обычный 3 2 13 4 3" xfId="22262"/>
    <cellStyle name="Обычный 3 2 13 4 3 2" xfId="22263"/>
    <cellStyle name="Обычный 3 2 13 4 4" xfId="22264"/>
    <cellStyle name="Обычный 3 2 13 4 4 2" xfId="22265"/>
    <cellStyle name="Обычный 3 2 13 4 5" xfId="22266"/>
    <cellStyle name="Обычный 3 2 13 4 5 2" xfId="22267"/>
    <cellStyle name="Обычный 3 2 13 4 6" xfId="22268"/>
    <cellStyle name="Обычный 3 2 13 5" xfId="22269"/>
    <cellStyle name="Обычный 3 2 13 5 2" xfId="22270"/>
    <cellStyle name="Обычный 3 2 13 5 2 2" xfId="22271"/>
    <cellStyle name="Обычный 3 2 13 5 2 2 2" xfId="22272"/>
    <cellStyle name="Обычный 3 2 13 5 2 3" xfId="22273"/>
    <cellStyle name="Обычный 3 2 13 5 2 3 2" xfId="22274"/>
    <cellStyle name="Обычный 3 2 13 5 2 4" xfId="22275"/>
    <cellStyle name="Обычный 3 2 13 5 3" xfId="22276"/>
    <cellStyle name="Обычный 3 2 13 5 3 2" xfId="22277"/>
    <cellStyle name="Обычный 3 2 13 5 4" xfId="22278"/>
    <cellStyle name="Обычный 3 2 13 5 4 2" xfId="22279"/>
    <cellStyle name="Обычный 3 2 13 5 5" xfId="22280"/>
    <cellStyle name="Обычный 3 2 13 5 5 2" xfId="22281"/>
    <cellStyle name="Обычный 3 2 13 5 6" xfId="22282"/>
    <cellStyle name="Обычный 3 2 13 6" xfId="22283"/>
    <cellStyle name="Обычный 3 2 13 6 2" xfId="22284"/>
    <cellStyle name="Обычный 3 2 13 6 2 2" xfId="22285"/>
    <cellStyle name="Обычный 3 2 13 6 2 2 2" xfId="22286"/>
    <cellStyle name="Обычный 3 2 13 6 2 3" xfId="22287"/>
    <cellStyle name="Обычный 3 2 13 6 2 3 2" xfId="22288"/>
    <cellStyle name="Обычный 3 2 13 6 2 4" xfId="22289"/>
    <cellStyle name="Обычный 3 2 13 6 3" xfId="22290"/>
    <cellStyle name="Обычный 3 2 13 6 3 2" xfId="22291"/>
    <cellStyle name="Обычный 3 2 13 6 4" xfId="22292"/>
    <cellStyle name="Обычный 3 2 13 6 4 2" xfId="22293"/>
    <cellStyle name="Обычный 3 2 13 6 5" xfId="22294"/>
    <cellStyle name="Обычный 3 2 13 6 5 2" xfId="22295"/>
    <cellStyle name="Обычный 3 2 13 6 6" xfId="22296"/>
    <cellStyle name="Обычный 3 2 13 7" xfId="22297"/>
    <cellStyle name="Обычный 3 2 13 7 2" xfId="22298"/>
    <cellStyle name="Обычный 3 2 13 7 2 2" xfId="22299"/>
    <cellStyle name="Обычный 3 2 13 7 2 2 2" xfId="22300"/>
    <cellStyle name="Обычный 3 2 13 7 2 3" xfId="22301"/>
    <cellStyle name="Обычный 3 2 13 7 2 3 2" xfId="22302"/>
    <cellStyle name="Обычный 3 2 13 7 2 4" xfId="22303"/>
    <cellStyle name="Обычный 3 2 13 7 3" xfId="22304"/>
    <cellStyle name="Обычный 3 2 13 7 3 2" xfId="22305"/>
    <cellStyle name="Обычный 3 2 13 7 4" xfId="22306"/>
    <cellStyle name="Обычный 3 2 13 7 4 2" xfId="22307"/>
    <cellStyle name="Обычный 3 2 13 7 5" xfId="22308"/>
    <cellStyle name="Обычный 3 2 13 7 5 2" xfId="22309"/>
    <cellStyle name="Обычный 3 2 13 7 6" xfId="22310"/>
    <cellStyle name="Обычный 3 2 13 8" xfId="22311"/>
    <cellStyle name="Обычный 3 2 13 8 2" xfId="22312"/>
    <cellStyle name="Обычный 3 2 13 8 2 2" xfId="22313"/>
    <cellStyle name="Обычный 3 2 13 8 3" xfId="22314"/>
    <cellStyle name="Обычный 3 2 13 8 3 2" xfId="22315"/>
    <cellStyle name="Обычный 3 2 13 8 4" xfId="22316"/>
    <cellStyle name="Обычный 3 2 13 9" xfId="22317"/>
    <cellStyle name="Обычный 3 2 13 9 2" xfId="22318"/>
    <cellStyle name="Обычный 3 2 13 9 2 2" xfId="22319"/>
    <cellStyle name="Обычный 3 2 13 9 3" xfId="22320"/>
    <cellStyle name="Обычный 3 2 14" xfId="22321"/>
    <cellStyle name="Обычный 3 2 14 10" xfId="22322"/>
    <cellStyle name="Обычный 3 2 14 10 2" xfId="22323"/>
    <cellStyle name="Обычный 3 2 14 11" xfId="22324"/>
    <cellStyle name="Обычный 3 2 14 11 2" xfId="22325"/>
    <cellStyle name="Обычный 3 2 14 12" xfId="22326"/>
    <cellStyle name="Обычный 3 2 14 13" xfId="22327"/>
    <cellStyle name="Обычный 3 2 14 2" xfId="22328"/>
    <cellStyle name="Обычный 3 2 14 2 10" xfId="22329"/>
    <cellStyle name="Обычный 3 2 14 2 2" xfId="22330"/>
    <cellStyle name="Обычный 3 2 14 2 2 2" xfId="22331"/>
    <cellStyle name="Обычный 3 2 14 2 2 2 2" xfId="22332"/>
    <cellStyle name="Обычный 3 2 14 2 2 2 2 2" xfId="22333"/>
    <cellStyle name="Обычный 3 2 14 2 2 2 3" xfId="22334"/>
    <cellStyle name="Обычный 3 2 14 2 2 2 3 2" xfId="22335"/>
    <cellStyle name="Обычный 3 2 14 2 2 2 4" xfId="22336"/>
    <cellStyle name="Обычный 3 2 14 2 2 3" xfId="22337"/>
    <cellStyle name="Обычный 3 2 14 2 2 3 2" xfId="22338"/>
    <cellStyle name="Обычный 3 2 14 2 2 4" xfId="22339"/>
    <cellStyle name="Обычный 3 2 14 2 2 4 2" xfId="22340"/>
    <cellStyle name="Обычный 3 2 14 2 2 5" xfId="22341"/>
    <cellStyle name="Обычный 3 2 14 2 2 5 2" xfId="22342"/>
    <cellStyle name="Обычный 3 2 14 2 2 6" xfId="22343"/>
    <cellStyle name="Обычный 3 2 14 2 3" xfId="22344"/>
    <cellStyle name="Обычный 3 2 14 2 3 2" xfId="22345"/>
    <cellStyle name="Обычный 3 2 14 2 3 2 2" xfId="22346"/>
    <cellStyle name="Обычный 3 2 14 2 3 2 2 2" xfId="22347"/>
    <cellStyle name="Обычный 3 2 14 2 3 2 3" xfId="22348"/>
    <cellStyle name="Обычный 3 2 14 2 3 2 3 2" xfId="22349"/>
    <cellStyle name="Обычный 3 2 14 2 3 2 4" xfId="22350"/>
    <cellStyle name="Обычный 3 2 14 2 3 3" xfId="22351"/>
    <cellStyle name="Обычный 3 2 14 2 3 3 2" xfId="22352"/>
    <cellStyle name="Обычный 3 2 14 2 3 4" xfId="22353"/>
    <cellStyle name="Обычный 3 2 14 2 3 4 2" xfId="22354"/>
    <cellStyle name="Обычный 3 2 14 2 3 5" xfId="22355"/>
    <cellStyle name="Обычный 3 2 14 2 3 5 2" xfId="22356"/>
    <cellStyle name="Обычный 3 2 14 2 3 6" xfId="22357"/>
    <cellStyle name="Обычный 3 2 14 2 4" xfId="22358"/>
    <cellStyle name="Обычный 3 2 14 2 4 2" xfId="22359"/>
    <cellStyle name="Обычный 3 2 14 2 4 2 2" xfId="22360"/>
    <cellStyle name="Обычный 3 2 14 2 4 2 2 2" xfId="22361"/>
    <cellStyle name="Обычный 3 2 14 2 4 2 3" xfId="22362"/>
    <cellStyle name="Обычный 3 2 14 2 4 2 3 2" xfId="22363"/>
    <cellStyle name="Обычный 3 2 14 2 4 2 4" xfId="22364"/>
    <cellStyle name="Обычный 3 2 14 2 4 3" xfId="22365"/>
    <cellStyle name="Обычный 3 2 14 2 4 3 2" xfId="22366"/>
    <cellStyle name="Обычный 3 2 14 2 4 4" xfId="22367"/>
    <cellStyle name="Обычный 3 2 14 2 4 4 2" xfId="22368"/>
    <cellStyle name="Обычный 3 2 14 2 4 5" xfId="22369"/>
    <cellStyle name="Обычный 3 2 14 2 4 5 2" xfId="22370"/>
    <cellStyle name="Обычный 3 2 14 2 4 6" xfId="22371"/>
    <cellStyle name="Обычный 3 2 14 2 5" xfId="22372"/>
    <cellStyle name="Обычный 3 2 14 2 5 2" xfId="22373"/>
    <cellStyle name="Обычный 3 2 14 2 5 2 2" xfId="22374"/>
    <cellStyle name="Обычный 3 2 14 2 5 2 2 2" xfId="22375"/>
    <cellStyle name="Обычный 3 2 14 2 5 2 3" xfId="22376"/>
    <cellStyle name="Обычный 3 2 14 2 5 2 3 2" xfId="22377"/>
    <cellStyle name="Обычный 3 2 14 2 5 2 4" xfId="22378"/>
    <cellStyle name="Обычный 3 2 14 2 5 3" xfId="22379"/>
    <cellStyle name="Обычный 3 2 14 2 5 3 2" xfId="22380"/>
    <cellStyle name="Обычный 3 2 14 2 5 4" xfId="22381"/>
    <cellStyle name="Обычный 3 2 14 2 5 4 2" xfId="22382"/>
    <cellStyle name="Обычный 3 2 14 2 5 5" xfId="22383"/>
    <cellStyle name="Обычный 3 2 14 2 5 5 2" xfId="22384"/>
    <cellStyle name="Обычный 3 2 14 2 5 6" xfId="22385"/>
    <cellStyle name="Обычный 3 2 14 2 6" xfId="22386"/>
    <cellStyle name="Обычный 3 2 14 2 6 2" xfId="22387"/>
    <cellStyle name="Обычный 3 2 14 2 6 2 2" xfId="22388"/>
    <cellStyle name="Обычный 3 2 14 2 6 3" xfId="22389"/>
    <cellStyle name="Обычный 3 2 14 2 6 3 2" xfId="22390"/>
    <cellStyle name="Обычный 3 2 14 2 6 4" xfId="22391"/>
    <cellStyle name="Обычный 3 2 14 2 7" xfId="22392"/>
    <cellStyle name="Обычный 3 2 14 2 7 2" xfId="22393"/>
    <cellStyle name="Обычный 3 2 14 2 8" xfId="22394"/>
    <cellStyle name="Обычный 3 2 14 2 8 2" xfId="22395"/>
    <cellStyle name="Обычный 3 2 14 2 9" xfId="22396"/>
    <cellStyle name="Обычный 3 2 14 2 9 2" xfId="22397"/>
    <cellStyle name="Обычный 3 2 14 3" xfId="22398"/>
    <cellStyle name="Обычный 3 2 14 3 2" xfId="22399"/>
    <cellStyle name="Обычный 3 2 14 3 2 2" xfId="22400"/>
    <cellStyle name="Обычный 3 2 14 3 2 2 2" xfId="22401"/>
    <cellStyle name="Обычный 3 2 14 3 2 2 2 2" xfId="22402"/>
    <cellStyle name="Обычный 3 2 14 3 2 2 3" xfId="22403"/>
    <cellStyle name="Обычный 3 2 14 3 2 2 3 2" xfId="22404"/>
    <cellStyle name="Обычный 3 2 14 3 2 2 4" xfId="22405"/>
    <cellStyle name="Обычный 3 2 14 3 2 3" xfId="22406"/>
    <cellStyle name="Обычный 3 2 14 3 2 3 2" xfId="22407"/>
    <cellStyle name="Обычный 3 2 14 3 2 4" xfId="22408"/>
    <cellStyle name="Обычный 3 2 14 3 2 4 2" xfId="22409"/>
    <cellStyle name="Обычный 3 2 14 3 2 5" xfId="22410"/>
    <cellStyle name="Обычный 3 2 14 3 2 5 2" xfId="22411"/>
    <cellStyle name="Обычный 3 2 14 3 2 6" xfId="22412"/>
    <cellStyle name="Обычный 3 2 14 3 3" xfId="22413"/>
    <cellStyle name="Обычный 3 2 14 3 3 2" xfId="22414"/>
    <cellStyle name="Обычный 3 2 14 3 3 2 2" xfId="22415"/>
    <cellStyle name="Обычный 3 2 14 3 3 2 2 2" xfId="22416"/>
    <cellStyle name="Обычный 3 2 14 3 3 2 3" xfId="22417"/>
    <cellStyle name="Обычный 3 2 14 3 3 2 3 2" xfId="22418"/>
    <cellStyle name="Обычный 3 2 14 3 3 2 4" xfId="22419"/>
    <cellStyle name="Обычный 3 2 14 3 3 3" xfId="22420"/>
    <cellStyle name="Обычный 3 2 14 3 3 3 2" xfId="22421"/>
    <cellStyle name="Обычный 3 2 14 3 3 4" xfId="22422"/>
    <cellStyle name="Обычный 3 2 14 3 3 4 2" xfId="22423"/>
    <cellStyle name="Обычный 3 2 14 3 3 5" xfId="22424"/>
    <cellStyle name="Обычный 3 2 14 3 3 5 2" xfId="22425"/>
    <cellStyle name="Обычный 3 2 14 3 3 6" xfId="22426"/>
    <cellStyle name="Обычный 3 2 14 3 4" xfId="22427"/>
    <cellStyle name="Обычный 3 2 14 3 4 2" xfId="22428"/>
    <cellStyle name="Обычный 3 2 14 3 4 2 2" xfId="22429"/>
    <cellStyle name="Обычный 3 2 14 3 4 2 2 2" xfId="22430"/>
    <cellStyle name="Обычный 3 2 14 3 4 2 3" xfId="22431"/>
    <cellStyle name="Обычный 3 2 14 3 4 2 3 2" xfId="22432"/>
    <cellStyle name="Обычный 3 2 14 3 4 2 4" xfId="22433"/>
    <cellStyle name="Обычный 3 2 14 3 4 3" xfId="22434"/>
    <cellStyle name="Обычный 3 2 14 3 4 3 2" xfId="22435"/>
    <cellStyle name="Обычный 3 2 14 3 4 4" xfId="22436"/>
    <cellStyle name="Обычный 3 2 14 3 4 4 2" xfId="22437"/>
    <cellStyle name="Обычный 3 2 14 3 4 5" xfId="22438"/>
    <cellStyle name="Обычный 3 2 14 3 4 5 2" xfId="22439"/>
    <cellStyle name="Обычный 3 2 14 3 4 6" xfId="22440"/>
    <cellStyle name="Обычный 3 2 14 3 5" xfId="22441"/>
    <cellStyle name="Обычный 3 2 14 3 5 2" xfId="22442"/>
    <cellStyle name="Обычный 3 2 14 3 5 2 2" xfId="22443"/>
    <cellStyle name="Обычный 3 2 14 3 5 3" xfId="22444"/>
    <cellStyle name="Обычный 3 2 14 3 5 3 2" xfId="22445"/>
    <cellStyle name="Обычный 3 2 14 3 5 4" xfId="22446"/>
    <cellStyle name="Обычный 3 2 14 3 6" xfId="22447"/>
    <cellStyle name="Обычный 3 2 14 3 6 2" xfId="22448"/>
    <cellStyle name="Обычный 3 2 14 3 7" xfId="22449"/>
    <cellStyle name="Обычный 3 2 14 3 7 2" xfId="22450"/>
    <cellStyle name="Обычный 3 2 14 3 8" xfId="22451"/>
    <cellStyle name="Обычный 3 2 14 3 8 2" xfId="22452"/>
    <cellStyle name="Обычный 3 2 14 3 9" xfId="22453"/>
    <cellStyle name="Обычный 3 2 14 4" xfId="22454"/>
    <cellStyle name="Обычный 3 2 14 4 2" xfId="22455"/>
    <cellStyle name="Обычный 3 2 14 4 2 2" xfId="22456"/>
    <cellStyle name="Обычный 3 2 14 4 2 2 2" xfId="22457"/>
    <cellStyle name="Обычный 3 2 14 4 2 3" xfId="22458"/>
    <cellStyle name="Обычный 3 2 14 4 2 3 2" xfId="22459"/>
    <cellStyle name="Обычный 3 2 14 4 2 4" xfId="22460"/>
    <cellStyle name="Обычный 3 2 14 4 3" xfId="22461"/>
    <cellStyle name="Обычный 3 2 14 4 3 2" xfId="22462"/>
    <cellStyle name="Обычный 3 2 14 4 4" xfId="22463"/>
    <cellStyle name="Обычный 3 2 14 4 4 2" xfId="22464"/>
    <cellStyle name="Обычный 3 2 14 4 5" xfId="22465"/>
    <cellStyle name="Обычный 3 2 14 4 5 2" xfId="22466"/>
    <cellStyle name="Обычный 3 2 14 4 6" xfId="22467"/>
    <cellStyle name="Обычный 3 2 14 5" xfId="22468"/>
    <cellStyle name="Обычный 3 2 14 5 2" xfId="22469"/>
    <cellStyle name="Обычный 3 2 14 5 2 2" xfId="22470"/>
    <cellStyle name="Обычный 3 2 14 5 2 2 2" xfId="22471"/>
    <cellStyle name="Обычный 3 2 14 5 2 3" xfId="22472"/>
    <cellStyle name="Обычный 3 2 14 5 2 3 2" xfId="22473"/>
    <cellStyle name="Обычный 3 2 14 5 2 4" xfId="22474"/>
    <cellStyle name="Обычный 3 2 14 5 3" xfId="22475"/>
    <cellStyle name="Обычный 3 2 14 5 3 2" xfId="22476"/>
    <cellStyle name="Обычный 3 2 14 5 4" xfId="22477"/>
    <cellStyle name="Обычный 3 2 14 5 4 2" xfId="22478"/>
    <cellStyle name="Обычный 3 2 14 5 5" xfId="22479"/>
    <cellStyle name="Обычный 3 2 14 5 5 2" xfId="22480"/>
    <cellStyle name="Обычный 3 2 14 5 6" xfId="22481"/>
    <cellStyle name="Обычный 3 2 14 6" xfId="22482"/>
    <cellStyle name="Обычный 3 2 14 6 2" xfId="22483"/>
    <cellStyle name="Обычный 3 2 14 6 2 2" xfId="22484"/>
    <cellStyle name="Обычный 3 2 14 6 2 2 2" xfId="22485"/>
    <cellStyle name="Обычный 3 2 14 6 2 3" xfId="22486"/>
    <cellStyle name="Обычный 3 2 14 6 2 3 2" xfId="22487"/>
    <cellStyle name="Обычный 3 2 14 6 2 4" xfId="22488"/>
    <cellStyle name="Обычный 3 2 14 6 3" xfId="22489"/>
    <cellStyle name="Обычный 3 2 14 6 3 2" xfId="22490"/>
    <cellStyle name="Обычный 3 2 14 6 4" xfId="22491"/>
    <cellStyle name="Обычный 3 2 14 6 4 2" xfId="22492"/>
    <cellStyle name="Обычный 3 2 14 6 5" xfId="22493"/>
    <cellStyle name="Обычный 3 2 14 6 5 2" xfId="22494"/>
    <cellStyle name="Обычный 3 2 14 6 6" xfId="22495"/>
    <cellStyle name="Обычный 3 2 14 7" xfId="22496"/>
    <cellStyle name="Обычный 3 2 14 7 2" xfId="22497"/>
    <cellStyle name="Обычный 3 2 14 7 2 2" xfId="22498"/>
    <cellStyle name="Обычный 3 2 14 7 2 2 2" xfId="22499"/>
    <cellStyle name="Обычный 3 2 14 7 2 3" xfId="22500"/>
    <cellStyle name="Обычный 3 2 14 7 2 3 2" xfId="22501"/>
    <cellStyle name="Обычный 3 2 14 7 2 4" xfId="22502"/>
    <cellStyle name="Обычный 3 2 14 7 3" xfId="22503"/>
    <cellStyle name="Обычный 3 2 14 7 3 2" xfId="22504"/>
    <cellStyle name="Обычный 3 2 14 7 4" xfId="22505"/>
    <cellStyle name="Обычный 3 2 14 7 4 2" xfId="22506"/>
    <cellStyle name="Обычный 3 2 14 7 5" xfId="22507"/>
    <cellStyle name="Обычный 3 2 14 7 5 2" xfId="22508"/>
    <cellStyle name="Обычный 3 2 14 7 6" xfId="22509"/>
    <cellStyle name="Обычный 3 2 14 8" xfId="22510"/>
    <cellStyle name="Обычный 3 2 14 8 2" xfId="22511"/>
    <cellStyle name="Обычный 3 2 14 8 2 2" xfId="22512"/>
    <cellStyle name="Обычный 3 2 14 8 3" xfId="22513"/>
    <cellStyle name="Обычный 3 2 14 8 3 2" xfId="22514"/>
    <cellStyle name="Обычный 3 2 14 8 4" xfId="22515"/>
    <cellStyle name="Обычный 3 2 14 9" xfId="22516"/>
    <cellStyle name="Обычный 3 2 14 9 2" xfId="22517"/>
    <cellStyle name="Обычный 3 2 14 9 2 2" xfId="22518"/>
    <cellStyle name="Обычный 3 2 14 9 3" xfId="22519"/>
    <cellStyle name="Обычный 3 2 15" xfId="22520"/>
    <cellStyle name="Обычный 3 2 15 10" xfId="22521"/>
    <cellStyle name="Обычный 3 2 15 10 2" xfId="22522"/>
    <cellStyle name="Обычный 3 2 15 11" xfId="22523"/>
    <cellStyle name="Обычный 3 2 15 11 2" xfId="22524"/>
    <cellStyle name="Обычный 3 2 15 12" xfId="22525"/>
    <cellStyle name="Обычный 3 2 15 13" xfId="22526"/>
    <cellStyle name="Обычный 3 2 15 2" xfId="22527"/>
    <cellStyle name="Обычный 3 2 15 2 10" xfId="22528"/>
    <cellStyle name="Обычный 3 2 15 2 2" xfId="22529"/>
    <cellStyle name="Обычный 3 2 15 2 2 2" xfId="22530"/>
    <cellStyle name="Обычный 3 2 15 2 2 2 2" xfId="22531"/>
    <cellStyle name="Обычный 3 2 15 2 2 2 2 2" xfId="22532"/>
    <cellStyle name="Обычный 3 2 15 2 2 2 3" xfId="22533"/>
    <cellStyle name="Обычный 3 2 15 2 2 2 3 2" xfId="22534"/>
    <cellStyle name="Обычный 3 2 15 2 2 2 4" xfId="22535"/>
    <cellStyle name="Обычный 3 2 15 2 2 3" xfId="22536"/>
    <cellStyle name="Обычный 3 2 15 2 2 3 2" xfId="22537"/>
    <cellStyle name="Обычный 3 2 15 2 2 4" xfId="22538"/>
    <cellStyle name="Обычный 3 2 15 2 2 4 2" xfId="22539"/>
    <cellStyle name="Обычный 3 2 15 2 2 5" xfId="22540"/>
    <cellStyle name="Обычный 3 2 15 2 2 5 2" xfId="22541"/>
    <cellStyle name="Обычный 3 2 15 2 2 6" xfId="22542"/>
    <cellStyle name="Обычный 3 2 15 2 3" xfId="22543"/>
    <cellStyle name="Обычный 3 2 15 2 3 2" xfId="22544"/>
    <cellStyle name="Обычный 3 2 15 2 3 2 2" xfId="22545"/>
    <cellStyle name="Обычный 3 2 15 2 3 2 2 2" xfId="22546"/>
    <cellStyle name="Обычный 3 2 15 2 3 2 3" xfId="22547"/>
    <cellStyle name="Обычный 3 2 15 2 3 2 3 2" xfId="22548"/>
    <cellStyle name="Обычный 3 2 15 2 3 2 4" xfId="22549"/>
    <cellStyle name="Обычный 3 2 15 2 3 3" xfId="22550"/>
    <cellStyle name="Обычный 3 2 15 2 3 3 2" xfId="22551"/>
    <cellStyle name="Обычный 3 2 15 2 3 4" xfId="22552"/>
    <cellStyle name="Обычный 3 2 15 2 3 4 2" xfId="22553"/>
    <cellStyle name="Обычный 3 2 15 2 3 5" xfId="22554"/>
    <cellStyle name="Обычный 3 2 15 2 3 5 2" xfId="22555"/>
    <cellStyle name="Обычный 3 2 15 2 3 6" xfId="22556"/>
    <cellStyle name="Обычный 3 2 15 2 4" xfId="22557"/>
    <cellStyle name="Обычный 3 2 15 2 4 2" xfId="22558"/>
    <cellStyle name="Обычный 3 2 15 2 4 2 2" xfId="22559"/>
    <cellStyle name="Обычный 3 2 15 2 4 2 2 2" xfId="22560"/>
    <cellStyle name="Обычный 3 2 15 2 4 2 3" xfId="22561"/>
    <cellStyle name="Обычный 3 2 15 2 4 2 3 2" xfId="22562"/>
    <cellStyle name="Обычный 3 2 15 2 4 2 4" xfId="22563"/>
    <cellStyle name="Обычный 3 2 15 2 4 3" xfId="22564"/>
    <cellStyle name="Обычный 3 2 15 2 4 3 2" xfId="22565"/>
    <cellStyle name="Обычный 3 2 15 2 4 4" xfId="22566"/>
    <cellStyle name="Обычный 3 2 15 2 4 4 2" xfId="22567"/>
    <cellStyle name="Обычный 3 2 15 2 4 5" xfId="22568"/>
    <cellStyle name="Обычный 3 2 15 2 4 5 2" xfId="22569"/>
    <cellStyle name="Обычный 3 2 15 2 4 6" xfId="22570"/>
    <cellStyle name="Обычный 3 2 15 2 5" xfId="22571"/>
    <cellStyle name="Обычный 3 2 15 2 5 2" xfId="22572"/>
    <cellStyle name="Обычный 3 2 15 2 5 2 2" xfId="22573"/>
    <cellStyle name="Обычный 3 2 15 2 5 2 2 2" xfId="22574"/>
    <cellStyle name="Обычный 3 2 15 2 5 2 3" xfId="22575"/>
    <cellStyle name="Обычный 3 2 15 2 5 2 3 2" xfId="22576"/>
    <cellStyle name="Обычный 3 2 15 2 5 2 4" xfId="22577"/>
    <cellStyle name="Обычный 3 2 15 2 5 3" xfId="22578"/>
    <cellStyle name="Обычный 3 2 15 2 5 3 2" xfId="22579"/>
    <cellStyle name="Обычный 3 2 15 2 5 4" xfId="22580"/>
    <cellStyle name="Обычный 3 2 15 2 5 4 2" xfId="22581"/>
    <cellStyle name="Обычный 3 2 15 2 5 5" xfId="22582"/>
    <cellStyle name="Обычный 3 2 15 2 5 5 2" xfId="22583"/>
    <cellStyle name="Обычный 3 2 15 2 5 6" xfId="22584"/>
    <cellStyle name="Обычный 3 2 15 2 6" xfId="22585"/>
    <cellStyle name="Обычный 3 2 15 2 6 2" xfId="22586"/>
    <cellStyle name="Обычный 3 2 15 2 6 2 2" xfId="22587"/>
    <cellStyle name="Обычный 3 2 15 2 6 3" xfId="22588"/>
    <cellStyle name="Обычный 3 2 15 2 6 3 2" xfId="22589"/>
    <cellStyle name="Обычный 3 2 15 2 6 4" xfId="22590"/>
    <cellStyle name="Обычный 3 2 15 2 7" xfId="22591"/>
    <cellStyle name="Обычный 3 2 15 2 7 2" xfId="22592"/>
    <cellStyle name="Обычный 3 2 15 2 8" xfId="22593"/>
    <cellStyle name="Обычный 3 2 15 2 8 2" xfId="22594"/>
    <cellStyle name="Обычный 3 2 15 2 9" xfId="22595"/>
    <cellStyle name="Обычный 3 2 15 2 9 2" xfId="22596"/>
    <cellStyle name="Обычный 3 2 15 3" xfId="22597"/>
    <cellStyle name="Обычный 3 2 15 3 2" xfId="22598"/>
    <cellStyle name="Обычный 3 2 15 3 2 2" xfId="22599"/>
    <cellStyle name="Обычный 3 2 15 3 2 2 2" xfId="22600"/>
    <cellStyle name="Обычный 3 2 15 3 2 2 2 2" xfId="22601"/>
    <cellStyle name="Обычный 3 2 15 3 2 2 3" xfId="22602"/>
    <cellStyle name="Обычный 3 2 15 3 2 2 3 2" xfId="22603"/>
    <cellStyle name="Обычный 3 2 15 3 2 2 4" xfId="22604"/>
    <cellStyle name="Обычный 3 2 15 3 2 3" xfId="22605"/>
    <cellStyle name="Обычный 3 2 15 3 2 3 2" xfId="22606"/>
    <cellStyle name="Обычный 3 2 15 3 2 4" xfId="22607"/>
    <cellStyle name="Обычный 3 2 15 3 2 4 2" xfId="22608"/>
    <cellStyle name="Обычный 3 2 15 3 2 5" xfId="22609"/>
    <cellStyle name="Обычный 3 2 15 3 2 5 2" xfId="22610"/>
    <cellStyle name="Обычный 3 2 15 3 2 6" xfId="22611"/>
    <cellStyle name="Обычный 3 2 15 3 3" xfId="22612"/>
    <cellStyle name="Обычный 3 2 15 3 3 2" xfId="22613"/>
    <cellStyle name="Обычный 3 2 15 3 3 2 2" xfId="22614"/>
    <cellStyle name="Обычный 3 2 15 3 3 2 2 2" xfId="22615"/>
    <cellStyle name="Обычный 3 2 15 3 3 2 3" xfId="22616"/>
    <cellStyle name="Обычный 3 2 15 3 3 2 3 2" xfId="22617"/>
    <cellStyle name="Обычный 3 2 15 3 3 2 4" xfId="22618"/>
    <cellStyle name="Обычный 3 2 15 3 3 3" xfId="22619"/>
    <cellStyle name="Обычный 3 2 15 3 3 3 2" xfId="22620"/>
    <cellStyle name="Обычный 3 2 15 3 3 4" xfId="22621"/>
    <cellStyle name="Обычный 3 2 15 3 3 4 2" xfId="22622"/>
    <cellStyle name="Обычный 3 2 15 3 3 5" xfId="22623"/>
    <cellStyle name="Обычный 3 2 15 3 3 5 2" xfId="22624"/>
    <cellStyle name="Обычный 3 2 15 3 3 6" xfId="22625"/>
    <cellStyle name="Обычный 3 2 15 3 4" xfId="22626"/>
    <cellStyle name="Обычный 3 2 15 3 4 2" xfId="22627"/>
    <cellStyle name="Обычный 3 2 15 3 4 2 2" xfId="22628"/>
    <cellStyle name="Обычный 3 2 15 3 4 2 2 2" xfId="22629"/>
    <cellStyle name="Обычный 3 2 15 3 4 2 3" xfId="22630"/>
    <cellStyle name="Обычный 3 2 15 3 4 2 3 2" xfId="22631"/>
    <cellStyle name="Обычный 3 2 15 3 4 2 4" xfId="22632"/>
    <cellStyle name="Обычный 3 2 15 3 4 3" xfId="22633"/>
    <cellStyle name="Обычный 3 2 15 3 4 3 2" xfId="22634"/>
    <cellStyle name="Обычный 3 2 15 3 4 4" xfId="22635"/>
    <cellStyle name="Обычный 3 2 15 3 4 4 2" xfId="22636"/>
    <cellStyle name="Обычный 3 2 15 3 4 5" xfId="22637"/>
    <cellStyle name="Обычный 3 2 15 3 4 5 2" xfId="22638"/>
    <cellStyle name="Обычный 3 2 15 3 4 6" xfId="22639"/>
    <cellStyle name="Обычный 3 2 15 3 5" xfId="22640"/>
    <cellStyle name="Обычный 3 2 15 3 5 2" xfId="22641"/>
    <cellStyle name="Обычный 3 2 15 3 5 2 2" xfId="22642"/>
    <cellStyle name="Обычный 3 2 15 3 5 3" xfId="22643"/>
    <cellStyle name="Обычный 3 2 15 3 5 3 2" xfId="22644"/>
    <cellStyle name="Обычный 3 2 15 3 5 4" xfId="22645"/>
    <cellStyle name="Обычный 3 2 15 3 6" xfId="22646"/>
    <cellStyle name="Обычный 3 2 15 3 6 2" xfId="22647"/>
    <cellStyle name="Обычный 3 2 15 3 7" xfId="22648"/>
    <cellStyle name="Обычный 3 2 15 3 7 2" xfId="22649"/>
    <cellStyle name="Обычный 3 2 15 3 8" xfId="22650"/>
    <cellStyle name="Обычный 3 2 15 3 8 2" xfId="22651"/>
    <cellStyle name="Обычный 3 2 15 3 9" xfId="22652"/>
    <cellStyle name="Обычный 3 2 15 4" xfId="22653"/>
    <cellStyle name="Обычный 3 2 15 4 2" xfId="22654"/>
    <cellStyle name="Обычный 3 2 15 4 2 2" xfId="22655"/>
    <cellStyle name="Обычный 3 2 15 4 2 2 2" xfId="22656"/>
    <cellStyle name="Обычный 3 2 15 4 2 3" xfId="22657"/>
    <cellStyle name="Обычный 3 2 15 4 2 3 2" xfId="22658"/>
    <cellStyle name="Обычный 3 2 15 4 2 4" xfId="22659"/>
    <cellStyle name="Обычный 3 2 15 4 3" xfId="22660"/>
    <cellStyle name="Обычный 3 2 15 4 3 2" xfId="22661"/>
    <cellStyle name="Обычный 3 2 15 4 4" xfId="22662"/>
    <cellStyle name="Обычный 3 2 15 4 4 2" xfId="22663"/>
    <cellStyle name="Обычный 3 2 15 4 5" xfId="22664"/>
    <cellStyle name="Обычный 3 2 15 4 5 2" xfId="22665"/>
    <cellStyle name="Обычный 3 2 15 4 6" xfId="22666"/>
    <cellStyle name="Обычный 3 2 15 5" xfId="22667"/>
    <cellStyle name="Обычный 3 2 15 5 2" xfId="22668"/>
    <cellStyle name="Обычный 3 2 15 5 2 2" xfId="22669"/>
    <cellStyle name="Обычный 3 2 15 5 2 2 2" xfId="22670"/>
    <cellStyle name="Обычный 3 2 15 5 2 3" xfId="22671"/>
    <cellStyle name="Обычный 3 2 15 5 2 3 2" xfId="22672"/>
    <cellStyle name="Обычный 3 2 15 5 2 4" xfId="22673"/>
    <cellStyle name="Обычный 3 2 15 5 3" xfId="22674"/>
    <cellStyle name="Обычный 3 2 15 5 3 2" xfId="22675"/>
    <cellStyle name="Обычный 3 2 15 5 4" xfId="22676"/>
    <cellStyle name="Обычный 3 2 15 5 4 2" xfId="22677"/>
    <cellStyle name="Обычный 3 2 15 5 5" xfId="22678"/>
    <cellStyle name="Обычный 3 2 15 5 5 2" xfId="22679"/>
    <cellStyle name="Обычный 3 2 15 5 6" xfId="22680"/>
    <cellStyle name="Обычный 3 2 15 6" xfId="22681"/>
    <cellStyle name="Обычный 3 2 15 6 2" xfId="22682"/>
    <cellStyle name="Обычный 3 2 15 6 2 2" xfId="22683"/>
    <cellStyle name="Обычный 3 2 15 6 2 2 2" xfId="22684"/>
    <cellStyle name="Обычный 3 2 15 6 2 3" xfId="22685"/>
    <cellStyle name="Обычный 3 2 15 6 2 3 2" xfId="22686"/>
    <cellStyle name="Обычный 3 2 15 6 2 4" xfId="22687"/>
    <cellStyle name="Обычный 3 2 15 6 3" xfId="22688"/>
    <cellStyle name="Обычный 3 2 15 6 3 2" xfId="22689"/>
    <cellStyle name="Обычный 3 2 15 6 4" xfId="22690"/>
    <cellStyle name="Обычный 3 2 15 6 4 2" xfId="22691"/>
    <cellStyle name="Обычный 3 2 15 6 5" xfId="22692"/>
    <cellStyle name="Обычный 3 2 15 6 5 2" xfId="22693"/>
    <cellStyle name="Обычный 3 2 15 6 6" xfId="22694"/>
    <cellStyle name="Обычный 3 2 15 7" xfId="22695"/>
    <cellStyle name="Обычный 3 2 15 7 2" xfId="22696"/>
    <cellStyle name="Обычный 3 2 15 7 2 2" xfId="22697"/>
    <cellStyle name="Обычный 3 2 15 7 2 2 2" xfId="22698"/>
    <cellStyle name="Обычный 3 2 15 7 2 3" xfId="22699"/>
    <cellStyle name="Обычный 3 2 15 7 2 3 2" xfId="22700"/>
    <cellStyle name="Обычный 3 2 15 7 2 4" xfId="22701"/>
    <cellStyle name="Обычный 3 2 15 7 3" xfId="22702"/>
    <cellStyle name="Обычный 3 2 15 7 3 2" xfId="22703"/>
    <cellStyle name="Обычный 3 2 15 7 4" xfId="22704"/>
    <cellStyle name="Обычный 3 2 15 7 4 2" xfId="22705"/>
    <cellStyle name="Обычный 3 2 15 7 5" xfId="22706"/>
    <cellStyle name="Обычный 3 2 15 7 5 2" xfId="22707"/>
    <cellStyle name="Обычный 3 2 15 7 6" xfId="22708"/>
    <cellStyle name="Обычный 3 2 15 8" xfId="22709"/>
    <cellStyle name="Обычный 3 2 15 8 2" xfId="22710"/>
    <cellStyle name="Обычный 3 2 15 8 2 2" xfId="22711"/>
    <cellStyle name="Обычный 3 2 15 8 3" xfId="22712"/>
    <cellStyle name="Обычный 3 2 15 8 3 2" xfId="22713"/>
    <cellStyle name="Обычный 3 2 15 8 4" xfId="22714"/>
    <cellStyle name="Обычный 3 2 15 9" xfId="22715"/>
    <cellStyle name="Обычный 3 2 15 9 2" xfId="22716"/>
    <cellStyle name="Обычный 3 2 15 9 2 2" xfId="22717"/>
    <cellStyle name="Обычный 3 2 15 9 3" xfId="22718"/>
    <cellStyle name="Обычный 3 2 16" xfId="22719"/>
    <cellStyle name="Обычный 3 2 16 10" xfId="22720"/>
    <cellStyle name="Обычный 3 2 16 2" xfId="22721"/>
    <cellStyle name="Обычный 3 2 16 2 2" xfId="22722"/>
    <cellStyle name="Обычный 3 2 16 2 2 2" xfId="22723"/>
    <cellStyle name="Обычный 3 2 16 2 2 2 2" xfId="22724"/>
    <cellStyle name="Обычный 3 2 16 2 2 3" xfId="22725"/>
    <cellStyle name="Обычный 3 2 16 2 2 3 2" xfId="22726"/>
    <cellStyle name="Обычный 3 2 16 2 2 4" xfId="22727"/>
    <cellStyle name="Обычный 3 2 16 2 3" xfId="22728"/>
    <cellStyle name="Обычный 3 2 16 2 3 2" xfId="22729"/>
    <cellStyle name="Обычный 3 2 16 2 4" xfId="22730"/>
    <cellStyle name="Обычный 3 2 16 2 4 2" xfId="22731"/>
    <cellStyle name="Обычный 3 2 16 2 5" xfId="22732"/>
    <cellStyle name="Обычный 3 2 16 2 5 2" xfId="22733"/>
    <cellStyle name="Обычный 3 2 16 2 6" xfId="22734"/>
    <cellStyle name="Обычный 3 2 16 3" xfId="22735"/>
    <cellStyle name="Обычный 3 2 16 3 2" xfId="22736"/>
    <cellStyle name="Обычный 3 2 16 3 2 2" xfId="22737"/>
    <cellStyle name="Обычный 3 2 16 3 2 2 2" xfId="22738"/>
    <cellStyle name="Обычный 3 2 16 3 2 3" xfId="22739"/>
    <cellStyle name="Обычный 3 2 16 3 2 3 2" xfId="22740"/>
    <cellStyle name="Обычный 3 2 16 3 2 4" xfId="22741"/>
    <cellStyle name="Обычный 3 2 16 3 3" xfId="22742"/>
    <cellStyle name="Обычный 3 2 16 3 3 2" xfId="22743"/>
    <cellStyle name="Обычный 3 2 16 3 4" xfId="22744"/>
    <cellStyle name="Обычный 3 2 16 3 4 2" xfId="22745"/>
    <cellStyle name="Обычный 3 2 16 3 5" xfId="22746"/>
    <cellStyle name="Обычный 3 2 16 3 5 2" xfId="22747"/>
    <cellStyle name="Обычный 3 2 16 3 6" xfId="22748"/>
    <cellStyle name="Обычный 3 2 16 4" xfId="22749"/>
    <cellStyle name="Обычный 3 2 16 4 2" xfId="22750"/>
    <cellStyle name="Обычный 3 2 16 4 2 2" xfId="22751"/>
    <cellStyle name="Обычный 3 2 16 4 2 2 2" xfId="22752"/>
    <cellStyle name="Обычный 3 2 16 4 2 3" xfId="22753"/>
    <cellStyle name="Обычный 3 2 16 4 2 3 2" xfId="22754"/>
    <cellStyle name="Обычный 3 2 16 4 2 4" xfId="22755"/>
    <cellStyle name="Обычный 3 2 16 4 3" xfId="22756"/>
    <cellStyle name="Обычный 3 2 16 4 3 2" xfId="22757"/>
    <cellStyle name="Обычный 3 2 16 4 4" xfId="22758"/>
    <cellStyle name="Обычный 3 2 16 4 4 2" xfId="22759"/>
    <cellStyle name="Обычный 3 2 16 4 5" xfId="22760"/>
    <cellStyle name="Обычный 3 2 16 4 5 2" xfId="22761"/>
    <cellStyle name="Обычный 3 2 16 4 6" xfId="22762"/>
    <cellStyle name="Обычный 3 2 16 5" xfId="22763"/>
    <cellStyle name="Обычный 3 2 16 5 2" xfId="22764"/>
    <cellStyle name="Обычный 3 2 16 5 2 2" xfId="22765"/>
    <cellStyle name="Обычный 3 2 16 5 2 2 2" xfId="22766"/>
    <cellStyle name="Обычный 3 2 16 5 2 3" xfId="22767"/>
    <cellStyle name="Обычный 3 2 16 5 2 3 2" xfId="22768"/>
    <cellStyle name="Обычный 3 2 16 5 2 4" xfId="22769"/>
    <cellStyle name="Обычный 3 2 16 5 3" xfId="22770"/>
    <cellStyle name="Обычный 3 2 16 5 3 2" xfId="22771"/>
    <cellStyle name="Обычный 3 2 16 5 4" xfId="22772"/>
    <cellStyle name="Обычный 3 2 16 5 4 2" xfId="22773"/>
    <cellStyle name="Обычный 3 2 16 5 5" xfId="22774"/>
    <cellStyle name="Обычный 3 2 16 5 5 2" xfId="22775"/>
    <cellStyle name="Обычный 3 2 16 5 6" xfId="22776"/>
    <cellStyle name="Обычный 3 2 16 6" xfId="22777"/>
    <cellStyle name="Обычный 3 2 16 6 2" xfId="22778"/>
    <cellStyle name="Обычный 3 2 16 6 2 2" xfId="22779"/>
    <cellStyle name="Обычный 3 2 16 6 3" xfId="22780"/>
    <cellStyle name="Обычный 3 2 16 6 3 2" xfId="22781"/>
    <cellStyle name="Обычный 3 2 16 6 4" xfId="22782"/>
    <cellStyle name="Обычный 3 2 16 7" xfId="22783"/>
    <cellStyle name="Обычный 3 2 16 7 2" xfId="22784"/>
    <cellStyle name="Обычный 3 2 16 8" xfId="22785"/>
    <cellStyle name="Обычный 3 2 16 8 2" xfId="22786"/>
    <cellStyle name="Обычный 3 2 16 9" xfId="22787"/>
    <cellStyle name="Обычный 3 2 16 9 2" xfId="22788"/>
    <cellStyle name="Обычный 3 2 17" xfId="22789"/>
    <cellStyle name="Обычный 3 2 17 2" xfId="22790"/>
    <cellStyle name="Обычный 3 2 17 2 2" xfId="22791"/>
    <cellStyle name="Обычный 3 2 17 2 2 2" xfId="22792"/>
    <cellStyle name="Обычный 3 2 17 2 2 2 2" xfId="22793"/>
    <cellStyle name="Обычный 3 2 17 2 2 3" xfId="22794"/>
    <cellStyle name="Обычный 3 2 17 2 2 3 2" xfId="22795"/>
    <cellStyle name="Обычный 3 2 17 2 2 4" xfId="22796"/>
    <cellStyle name="Обычный 3 2 17 2 3" xfId="22797"/>
    <cellStyle name="Обычный 3 2 17 2 3 2" xfId="22798"/>
    <cellStyle name="Обычный 3 2 17 2 4" xfId="22799"/>
    <cellStyle name="Обычный 3 2 17 2 4 2" xfId="22800"/>
    <cellStyle name="Обычный 3 2 17 2 5" xfId="22801"/>
    <cellStyle name="Обычный 3 2 17 2 5 2" xfId="22802"/>
    <cellStyle name="Обычный 3 2 17 2 6" xfId="22803"/>
    <cellStyle name="Обычный 3 2 17 3" xfId="22804"/>
    <cellStyle name="Обычный 3 2 17 3 2" xfId="22805"/>
    <cellStyle name="Обычный 3 2 17 3 2 2" xfId="22806"/>
    <cellStyle name="Обычный 3 2 17 3 2 2 2" xfId="22807"/>
    <cellStyle name="Обычный 3 2 17 3 2 3" xfId="22808"/>
    <cellStyle name="Обычный 3 2 17 3 2 3 2" xfId="22809"/>
    <cellStyle name="Обычный 3 2 17 3 2 4" xfId="22810"/>
    <cellStyle name="Обычный 3 2 17 3 3" xfId="22811"/>
    <cellStyle name="Обычный 3 2 17 3 3 2" xfId="22812"/>
    <cellStyle name="Обычный 3 2 17 3 4" xfId="22813"/>
    <cellStyle name="Обычный 3 2 17 3 4 2" xfId="22814"/>
    <cellStyle name="Обычный 3 2 17 3 5" xfId="22815"/>
    <cellStyle name="Обычный 3 2 17 3 5 2" xfId="22816"/>
    <cellStyle name="Обычный 3 2 17 3 6" xfId="22817"/>
    <cellStyle name="Обычный 3 2 17 4" xfId="22818"/>
    <cellStyle name="Обычный 3 2 17 4 2" xfId="22819"/>
    <cellStyle name="Обычный 3 2 17 4 2 2" xfId="22820"/>
    <cellStyle name="Обычный 3 2 17 4 2 2 2" xfId="22821"/>
    <cellStyle name="Обычный 3 2 17 4 2 3" xfId="22822"/>
    <cellStyle name="Обычный 3 2 17 4 2 3 2" xfId="22823"/>
    <cellStyle name="Обычный 3 2 17 4 2 4" xfId="22824"/>
    <cellStyle name="Обычный 3 2 17 4 3" xfId="22825"/>
    <cellStyle name="Обычный 3 2 17 4 3 2" xfId="22826"/>
    <cellStyle name="Обычный 3 2 17 4 4" xfId="22827"/>
    <cellStyle name="Обычный 3 2 17 4 4 2" xfId="22828"/>
    <cellStyle name="Обычный 3 2 17 4 5" xfId="22829"/>
    <cellStyle name="Обычный 3 2 17 4 5 2" xfId="22830"/>
    <cellStyle name="Обычный 3 2 17 4 6" xfId="22831"/>
    <cellStyle name="Обычный 3 2 17 5" xfId="22832"/>
    <cellStyle name="Обычный 3 2 17 5 2" xfId="22833"/>
    <cellStyle name="Обычный 3 2 17 5 2 2" xfId="22834"/>
    <cellStyle name="Обычный 3 2 17 5 3" xfId="22835"/>
    <cellStyle name="Обычный 3 2 17 5 3 2" xfId="22836"/>
    <cellStyle name="Обычный 3 2 17 5 4" xfId="22837"/>
    <cellStyle name="Обычный 3 2 17 6" xfId="22838"/>
    <cellStyle name="Обычный 3 2 17 6 2" xfId="22839"/>
    <cellStyle name="Обычный 3 2 17 7" xfId="22840"/>
    <cellStyle name="Обычный 3 2 17 7 2" xfId="22841"/>
    <cellStyle name="Обычный 3 2 17 8" xfId="22842"/>
    <cellStyle name="Обычный 3 2 17 8 2" xfId="22843"/>
    <cellStyle name="Обычный 3 2 17 9" xfId="22844"/>
    <cellStyle name="Обычный 3 2 18" xfId="22845"/>
    <cellStyle name="Обычный 3 2 18 2" xfId="22846"/>
    <cellStyle name="Обычный 3 2 18 2 2" xfId="22847"/>
    <cellStyle name="Обычный 3 2 18 2 2 2" xfId="22848"/>
    <cellStyle name="Обычный 3 2 18 2 3" xfId="22849"/>
    <cellStyle name="Обычный 3 2 18 2 3 2" xfId="22850"/>
    <cellStyle name="Обычный 3 2 18 2 4" xfId="22851"/>
    <cellStyle name="Обычный 3 2 18 3" xfId="22852"/>
    <cellStyle name="Обычный 3 2 18 3 2" xfId="22853"/>
    <cellStyle name="Обычный 3 2 18 4" xfId="22854"/>
    <cellStyle name="Обычный 3 2 18 4 2" xfId="22855"/>
    <cellStyle name="Обычный 3 2 18 5" xfId="22856"/>
    <cellStyle name="Обычный 3 2 18 5 2" xfId="22857"/>
    <cellStyle name="Обычный 3 2 18 6" xfId="22858"/>
    <cellStyle name="Обычный 3 2 19" xfId="22859"/>
    <cellStyle name="Обычный 3 2 19 2" xfId="22860"/>
    <cellStyle name="Обычный 3 2 19 2 2" xfId="22861"/>
    <cellStyle name="Обычный 3 2 19 2 2 2" xfId="22862"/>
    <cellStyle name="Обычный 3 2 19 2 3" xfId="22863"/>
    <cellStyle name="Обычный 3 2 19 2 3 2" xfId="22864"/>
    <cellStyle name="Обычный 3 2 19 2 4" xfId="22865"/>
    <cellStyle name="Обычный 3 2 19 3" xfId="22866"/>
    <cellStyle name="Обычный 3 2 19 3 2" xfId="22867"/>
    <cellStyle name="Обычный 3 2 19 4" xfId="22868"/>
    <cellStyle name="Обычный 3 2 19 4 2" xfId="22869"/>
    <cellStyle name="Обычный 3 2 19 5" xfId="22870"/>
    <cellStyle name="Обычный 3 2 19 5 2" xfId="22871"/>
    <cellStyle name="Обычный 3 2 19 6" xfId="22872"/>
    <cellStyle name="Обычный 3 2 2" xfId="22873"/>
    <cellStyle name="Обычный 3 2 2 10" xfId="22874"/>
    <cellStyle name="Обычный 3 2 2 10 2" xfId="22875"/>
    <cellStyle name="Обычный 3 2 2 10 2 2" xfId="22876"/>
    <cellStyle name="Обычный 3 2 2 10 3" xfId="22877"/>
    <cellStyle name="Обычный 3 2 2 11" xfId="22878"/>
    <cellStyle name="Обычный 3 2 2 11 2" xfId="22879"/>
    <cellStyle name="Обычный 3 2 2 12" xfId="22880"/>
    <cellStyle name="Обычный 3 2 2 12 2" xfId="22881"/>
    <cellStyle name="Обычный 3 2 2 13" xfId="22882"/>
    <cellStyle name="Обычный 3 2 2 14" xfId="22883"/>
    <cellStyle name="Обычный 3 2 2 2" xfId="22884"/>
    <cellStyle name="Обычный 3 2 2 2 10" xfId="22885"/>
    <cellStyle name="Обычный 3 2 2 2 10 2" xfId="22886"/>
    <cellStyle name="Обычный 3 2 2 2 11" xfId="22887"/>
    <cellStyle name="Обычный 3 2 2 2 11 2" xfId="22888"/>
    <cellStyle name="Обычный 3 2 2 2 12" xfId="22889"/>
    <cellStyle name="Обычный 3 2 2 2 13" xfId="22890"/>
    <cellStyle name="Обычный 3 2 2 2 2" xfId="22891"/>
    <cellStyle name="Обычный 3 2 2 2 2 10" xfId="22892"/>
    <cellStyle name="Обычный 3 2 2 2 2 2" xfId="22893"/>
    <cellStyle name="Обычный 3 2 2 2 2 2 2" xfId="22894"/>
    <cellStyle name="Обычный 3 2 2 2 2 2 2 2" xfId="22895"/>
    <cellStyle name="Обычный 3 2 2 2 2 2 2 2 2" xfId="22896"/>
    <cellStyle name="Обычный 3 2 2 2 2 2 2 3" xfId="22897"/>
    <cellStyle name="Обычный 3 2 2 2 2 2 2 3 2" xfId="22898"/>
    <cellStyle name="Обычный 3 2 2 2 2 2 2 4" xfId="22899"/>
    <cellStyle name="Обычный 3 2 2 2 2 2 3" xfId="22900"/>
    <cellStyle name="Обычный 3 2 2 2 2 2 3 2" xfId="22901"/>
    <cellStyle name="Обычный 3 2 2 2 2 2 4" xfId="22902"/>
    <cellStyle name="Обычный 3 2 2 2 2 2 4 2" xfId="22903"/>
    <cellStyle name="Обычный 3 2 2 2 2 2 5" xfId="22904"/>
    <cellStyle name="Обычный 3 2 2 2 2 2 5 2" xfId="22905"/>
    <cellStyle name="Обычный 3 2 2 2 2 2 6" xfId="22906"/>
    <cellStyle name="Обычный 3 2 2 2 2 3" xfId="22907"/>
    <cellStyle name="Обычный 3 2 2 2 2 3 2" xfId="22908"/>
    <cellStyle name="Обычный 3 2 2 2 2 3 2 2" xfId="22909"/>
    <cellStyle name="Обычный 3 2 2 2 2 3 2 2 2" xfId="22910"/>
    <cellStyle name="Обычный 3 2 2 2 2 3 2 3" xfId="22911"/>
    <cellStyle name="Обычный 3 2 2 2 2 3 2 3 2" xfId="22912"/>
    <cellStyle name="Обычный 3 2 2 2 2 3 2 4" xfId="22913"/>
    <cellStyle name="Обычный 3 2 2 2 2 3 3" xfId="22914"/>
    <cellStyle name="Обычный 3 2 2 2 2 3 3 2" xfId="22915"/>
    <cellStyle name="Обычный 3 2 2 2 2 3 4" xfId="22916"/>
    <cellStyle name="Обычный 3 2 2 2 2 3 4 2" xfId="22917"/>
    <cellStyle name="Обычный 3 2 2 2 2 3 5" xfId="22918"/>
    <cellStyle name="Обычный 3 2 2 2 2 3 5 2" xfId="22919"/>
    <cellStyle name="Обычный 3 2 2 2 2 3 6" xfId="22920"/>
    <cellStyle name="Обычный 3 2 2 2 2 4" xfId="22921"/>
    <cellStyle name="Обычный 3 2 2 2 2 4 2" xfId="22922"/>
    <cellStyle name="Обычный 3 2 2 2 2 4 2 2" xfId="22923"/>
    <cellStyle name="Обычный 3 2 2 2 2 4 2 2 2" xfId="22924"/>
    <cellStyle name="Обычный 3 2 2 2 2 4 2 3" xfId="22925"/>
    <cellStyle name="Обычный 3 2 2 2 2 4 2 3 2" xfId="22926"/>
    <cellStyle name="Обычный 3 2 2 2 2 4 2 4" xfId="22927"/>
    <cellStyle name="Обычный 3 2 2 2 2 4 3" xfId="22928"/>
    <cellStyle name="Обычный 3 2 2 2 2 4 3 2" xfId="22929"/>
    <cellStyle name="Обычный 3 2 2 2 2 4 4" xfId="22930"/>
    <cellStyle name="Обычный 3 2 2 2 2 4 4 2" xfId="22931"/>
    <cellStyle name="Обычный 3 2 2 2 2 4 5" xfId="22932"/>
    <cellStyle name="Обычный 3 2 2 2 2 4 5 2" xfId="22933"/>
    <cellStyle name="Обычный 3 2 2 2 2 4 6" xfId="22934"/>
    <cellStyle name="Обычный 3 2 2 2 2 5" xfId="22935"/>
    <cellStyle name="Обычный 3 2 2 2 2 5 2" xfId="22936"/>
    <cellStyle name="Обычный 3 2 2 2 2 5 2 2" xfId="22937"/>
    <cellStyle name="Обычный 3 2 2 2 2 5 2 2 2" xfId="22938"/>
    <cellStyle name="Обычный 3 2 2 2 2 5 2 3" xfId="22939"/>
    <cellStyle name="Обычный 3 2 2 2 2 5 2 3 2" xfId="22940"/>
    <cellStyle name="Обычный 3 2 2 2 2 5 2 4" xfId="22941"/>
    <cellStyle name="Обычный 3 2 2 2 2 5 3" xfId="22942"/>
    <cellStyle name="Обычный 3 2 2 2 2 5 3 2" xfId="22943"/>
    <cellStyle name="Обычный 3 2 2 2 2 5 4" xfId="22944"/>
    <cellStyle name="Обычный 3 2 2 2 2 5 4 2" xfId="22945"/>
    <cellStyle name="Обычный 3 2 2 2 2 5 5" xfId="22946"/>
    <cellStyle name="Обычный 3 2 2 2 2 5 5 2" xfId="22947"/>
    <cellStyle name="Обычный 3 2 2 2 2 5 6" xfId="22948"/>
    <cellStyle name="Обычный 3 2 2 2 2 6" xfId="22949"/>
    <cellStyle name="Обычный 3 2 2 2 2 6 2" xfId="22950"/>
    <cellStyle name="Обычный 3 2 2 2 2 6 2 2" xfId="22951"/>
    <cellStyle name="Обычный 3 2 2 2 2 6 3" xfId="22952"/>
    <cellStyle name="Обычный 3 2 2 2 2 6 3 2" xfId="22953"/>
    <cellStyle name="Обычный 3 2 2 2 2 6 4" xfId="22954"/>
    <cellStyle name="Обычный 3 2 2 2 2 7" xfId="22955"/>
    <cellStyle name="Обычный 3 2 2 2 2 7 2" xfId="22956"/>
    <cellStyle name="Обычный 3 2 2 2 2 8" xfId="22957"/>
    <cellStyle name="Обычный 3 2 2 2 2 8 2" xfId="22958"/>
    <cellStyle name="Обычный 3 2 2 2 2 9" xfId="22959"/>
    <cellStyle name="Обычный 3 2 2 2 2 9 2" xfId="22960"/>
    <cellStyle name="Обычный 3 2 2 2 3" xfId="22961"/>
    <cellStyle name="Обычный 3 2 2 2 3 2" xfId="22962"/>
    <cellStyle name="Обычный 3 2 2 2 3 2 2" xfId="22963"/>
    <cellStyle name="Обычный 3 2 2 2 3 2 2 2" xfId="22964"/>
    <cellStyle name="Обычный 3 2 2 2 3 2 2 2 2" xfId="22965"/>
    <cellStyle name="Обычный 3 2 2 2 3 2 2 3" xfId="22966"/>
    <cellStyle name="Обычный 3 2 2 2 3 2 2 3 2" xfId="22967"/>
    <cellStyle name="Обычный 3 2 2 2 3 2 2 4" xfId="22968"/>
    <cellStyle name="Обычный 3 2 2 2 3 2 3" xfId="22969"/>
    <cellStyle name="Обычный 3 2 2 2 3 2 3 2" xfId="22970"/>
    <cellStyle name="Обычный 3 2 2 2 3 2 4" xfId="22971"/>
    <cellStyle name="Обычный 3 2 2 2 3 2 4 2" xfId="22972"/>
    <cellStyle name="Обычный 3 2 2 2 3 2 5" xfId="22973"/>
    <cellStyle name="Обычный 3 2 2 2 3 2 5 2" xfId="22974"/>
    <cellStyle name="Обычный 3 2 2 2 3 2 6" xfId="22975"/>
    <cellStyle name="Обычный 3 2 2 2 3 3" xfId="22976"/>
    <cellStyle name="Обычный 3 2 2 2 3 3 2" xfId="22977"/>
    <cellStyle name="Обычный 3 2 2 2 3 3 2 2" xfId="22978"/>
    <cellStyle name="Обычный 3 2 2 2 3 3 2 2 2" xfId="22979"/>
    <cellStyle name="Обычный 3 2 2 2 3 3 2 3" xfId="22980"/>
    <cellStyle name="Обычный 3 2 2 2 3 3 2 3 2" xfId="22981"/>
    <cellStyle name="Обычный 3 2 2 2 3 3 2 4" xfId="22982"/>
    <cellStyle name="Обычный 3 2 2 2 3 3 3" xfId="22983"/>
    <cellStyle name="Обычный 3 2 2 2 3 3 3 2" xfId="22984"/>
    <cellStyle name="Обычный 3 2 2 2 3 3 4" xfId="22985"/>
    <cellStyle name="Обычный 3 2 2 2 3 3 4 2" xfId="22986"/>
    <cellStyle name="Обычный 3 2 2 2 3 3 5" xfId="22987"/>
    <cellStyle name="Обычный 3 2 2 2 3 3 5 2" xfId="22988"/>
    <cellStyle name="Обычный 3 2 2 2 3 3 6" xfId="22989"/>
    <cellStyle name="Обычный 3 2 2 2 3 4" xfId="22990"/>
    <cellStyle name="Обычный 3 2 2 2 3 4 2" xfId="22991"/>
    <cellStyle name="Обычный 3 2 2 2 3 4 2 2" xfId="22992"/>
    <cellStyle name="Обычный 3 2 2 2 3 4 2 2 2" xfId="22993"/>
    <cellStyle name="Обычный 3 2 2 2 3 4 2 3" xfId="22994"/>
    <cellStyle name="Обычный 3 2 2 2 3 4 2 3 2" xfId="22995"/>
    <cellStyle name="Обычный 3 2 2 2 3 4 2 4" xfId="22996"/>
    <cellStyle name="Обычный 3 2 2 2 3 4 3" xfId="22997"/>
    <cellStyle name="Обычный 3 2 2 2 3 4 3 2" xfId="22998"/>
    <cellStyle name="Обычный 3 2 2 2 3 4 4" xfId="22999"/>
    <cellStyle name="Обычный 3 2 2 2 3 4 4 2" xfId="23000"/>
    <cellStyle name="Обычный 3 2 2 2 3 4 5" xfId="23001"/>
    <cellStyle name="Обычный 3 2 2 2 3 4 5 2" xfId="23002"/>
    <cellStyle name="Обычный 3 2 2 2 3 4 6" xfId="23003"/>
    <cellStyle name="Обычный 3 2 2 2 3 5" xfId="23004"/>
    <cellStyle name="Обычный 3 2 2 2 3 5 2" xfId="23005"/>
    <cellStyle name="Обычный 3 2 2 2 3 5 2 2" xfId="23006"/>
    <cellStyle name="Обычный 3 2 2 2 3 5 3" xfId="23007"/>
    <cellStyle name="Обычный 3 2 2 2 3 5 3 2" xfId="23008"/>
    <cellStyle name="Обычный 3 2 2 2 3 5 4" xfId="23009"/>
    <cellStyle name="Обычный 3 2 2 2 3 6" xfId="23010"/>
    <cellStyle name="Обычный 3 2 2 2 3 6 2" xfId="23011"/>
    <cellStyle name="Обычный 3 2 2 2 3 7" xfId="23012"/>
    <cellStyle name="Обычный 3 2 2 2 3 7 2" xfId="23013"/>
    <cellStyle name="Обычный 3 2 2 2 3 8" xfId="23014"/>
    <cellStyle name="Обычный 3 2 2 2 3 8 2" xfId="23015"/>
    <cellStyle name="Обычный 3 2 2 2 3 9" xfId="23016"/>
    <cellStyle name="Обычный 3 2 2 2 4" xfId="23017"/>
    <cellStyle name="Обычный 3 2 2 2 4 2" xfId="23018"/>
    <cellStyle name="Обычный 3 2 2 2 4 2 2" xfId="23019"/>
    <cellStyle name="Обычный 3 2 2 2 4 2 2 2" xfId="23020"/>
    <cellStyle name="Обычный 3 2 2 2 4 2 3" xfId="23021"/>
    <cellStyle name="Обычный 3 2 2 2 4 2 3 2" xfId="23022"/>
    <cellStyle name="Обычный 3 2 2 2 4 2 4" xfId="23023"/>
    <cellStyle name="Обычный 3 2 2 2 4 3" xfId="23024"/>
    <cellStyle name="Обычный 3 2 2 2 4 3 2" xfId="23025"/>
    <cellStyle name="Обычный 3 2 2 2 4 4" xfId="23026"/>
    <cellStyle name="Обычный 3 2 2 2 4 4 2" xfId="23027"/>
    <cellStyle name="Обычный 3 2 2 2 4 5" xfId="23028"/>
    <cellStyle name="Обычный 3 2 2 2 4 5 2" xfId="23029"/>
    <cellStyle name="Обычный 3 2 2 2 4 6" xfId="23030"/>
    <cellStyle name="Обычный 3 2 2 2 5" xfId="23031"/>
    <cellStyle name="Обычный 3 2 2 2 5 2" xfId="23032"/>
    <cellStyle name="Обычный 3 2 2 2 5 2 2" xfId="23033"/>
    <cellStyle name="Обычный 3 2 2 2 5 2 2 2" xfId="23034"/>
    <cellStyle name="Обычный 3 2 2 2 5 2 3" xfId="23035"/>
    <cellStyle name="Обычный 3 2 2 2 5 2 3 2" xfId="23036"/>
    <cellStyle name="Обычный 3 2 2 2 5 2 4" xfId="23037"/>
    <cellStyle name="Обычный 3 2 2 2 5 3" xfId="23038"/>
    <cellStyle name="Обычный 3 2 2 2 5 3 2" xfId="23039"/>
    <cellStyle name="Обычный 3 2 2 2 5 4" xfId="23040"/>
    <cellStyle name="Обычный 3 2 2 2 5 4 2" xfId="23041"/>
    <cellStyle name="Обычный 3 2 2 2 5 5" xfId="23042"/>
    <cellStyle name="Обычный 3 2 2 2 5 5 2" xfId="23043"/>
    <cellStyle name="Обычный 3 2 2 2 5 6" xfId="23044"/>
    <cellStyle name="Обычный 3 2 2 2 6" xfId="23045"/>
    <cellStyle name="Обычный 3 2 2 2 6 2" xfId="23046"/>
    <cellStyle name="Обычный 3 2 2 2 6 2 2" xfId="23047"/>
    <cellStyle name="Обычный 3 2 2 2 6 2 2 2" xfId="23048"/>
    <cellStyle name="Обычный 3 2 2 2 6 2 3" xfId="23049"/>
    <cellStyle name="Обычный 3 2 2 2 6 2 3 2" xfId="23050"/>
    <cellStyle name="Обычный 3 2 2 2 6 2 4" xfId="23051"/>
    <cellStyle name="Обычный 3 2 2 2 6 3" xfId="23052"/>
    <cellStyle name="Обычный 3 2 2 2 6 3 2" xfId="23053"/>
    <cellStyle name="Обычный 3 2 2 2 6 4" xfId="23054"/>
    <cellStyle name="Обычный 3 2 2 2 6 4 2" xfId="23055"/>
    <cellStyle name="Обычный 3 2 2 2 6 5" xfId="23056"/>
    <cellStyle name="Обычный 3 2 2 2 6 5 2" xfId="23057"/>
    <cellStyle name="Обычный 3 2 2 2 6 6" xfId="23058"/>
    <cellStyle name="Обычный 3 2 2 2 7" xfId="23059"/>
    <cellStyle name="Обычный 3 2 2 2 7 2" xfId="23060"/>
    <cellStyle name="Обычный 3 2 2 2 7 2 2" xfId="23061"/>
    <cellStyle name="Обычный 3 2 2 2 7 2 2 2" xfId="23062"/>
    <cellStyle name="Обычный 3 2 2 2 7 2 3" xfId="23063"/>
    <cellStyle name="Обычный 3 2 2 2 7 2 3 2" xfId="23064"/>
    <cellStyle name="Обычный 3 2 2 2 7 2 4" xfId="23065"/>
    <cellStyle name="Обычный 3 2 2 2 7 3" xfId="23066"/>
    <cellStyle name="Обычный 3 2 2 2 7 3 2" xfId="23067"/>
    <cellStyle name="Обычный 3 2 2 2 7 4" xfId="23068"/>
    <cellStyle name="Обычный 3 2 2 2 7 4 2" xfId="23069"/>
    <cellStyle name="Обычный 3 2 2 2 7 5" xfId="23070"/>
    <cellStyle name="Обычный 3 2 2 2 7 5 2" xfId="23071"/>
    <cellStyle name="Обычный 3 2 2 2 7 6" xfId="23072"/>
    <cellStyle name="Обычный 3 2 2 2 8" xfId="23073"/>
    <cellStyle name="Обычный 3 2 2 2 8 2" xfId="23074"/>
    <cellStyle name="Обычный 3 2 2 2 8 2 2" xfId="23075"/>
    <cellStyle name="Обычный 3 2 2 2 8 3" xfId="23076"/>
    <cellStyle name="Обычный 3 2 2 2 8 3 2" xfId="23077"/>
    <cellStyle name="Обычный 3 2 2 2 8 4" xfId="23078"/>
    <cellStyle name="Обычный 3 2 2 2 9" xfId="23079"/>
    <cellStyle name="Обычный 3 2 2 2 9 2" xfId="23080"/>
    <cellStyle name="Обычный 3 2 2 2 9 2 2" xfId="23081"/>
    <cellStyle name="Обычный 3 2 2 2 9 3" xfId="23082"/>
    <cellStyle name="Обычный 3 2 2 3" xfId="23083"/>
    <cellStyle name="Обычный 3 2 2 3 10" xfId="23084"/>
    <cellStyle name="Обычный 3 2 2 3 2" xfId="23085"/>
    <cellStyle name="Обычный 3 2 2 3 2 2" xfId="23086"/>
    <cellStyle name="Обычный 3 2 2 3 2 2 2" xfId="23087"/>
    <cellStyle name="Обычный 3 2 2 3 2 2 2 2" xfId="23088"/>
    <cellStyle name="Обычный 3 2 2 3 2 2 3" xfId="23089"/>
    <cellStyle name="Обычный 3 2 2 3 2 2 3 2" xfId="23090"/>
    <cellStyle name="Обычный 3 2 2 3 2 2 4" xfId="23091"/>
    <cellStyle name="Обычный 3 2 2 3 2 3" xfId="23092"/>
    <cellStyle name="Обычный 3 2 2 3 2 3 2" xfId="23093"/>
    <cellStyle name="Обычный 3 2 2 3 2 4" xfId="23094"/>
    <cellStyle name="Обычный 3 2 2 3 2 4 2" xfId="23095"/>
    <cellStyle name="Обычный 3 2 2 3 2 5" xfId="23096"/>
    <cellStyle name="Обычный 3 2 2 3 2 5 2" xfId="23097"/>
    <cellStyle name="Обычный 3 2 2 3 2 6" xfId="23098"/>
    <cellStyle name="Обычный 3 2 2 3 3" xfId="23099"/>
    <cellStyle name="Обычный 3 2 2 3 3 2" xfId="23100"/>
    <cellStyle name="Обычный 3 2 2 3 3 2 2" xfId="23101"/>
    <cellStyle name="Обычный 3 2 2 3 3 2 2 2" xfId="23102"/>
    <cellStyle name="Обычный 3 2 2 3 3 2 3" xfId="23103"/>
    <cellStyle name="Обычный 3 2 2 3 3 2 3 2" xfId="23104"/>
    <cellStyle name="Обычный 3 2 2 3 3 2 4" xfId="23105"/>
    <cellStyle name="Обычный 3 2 2 3 3 3" xfId="23106"/>
    <cellStyle name="Обычный 3 2 2 3 3 3 2" xfId="23107"/>
    <cellStyle name="Обычный 3 2 2 3 3 4" xfId="23108"/>
    <cellStyle name="Обычный 3 2 2 3 3 4 2" xfId="23109"/>
    <cellStyle name="Обычный 3 2 2 3 3 5" xfId="23110"/>
    <cellStyle name="Обычный 3 2 2 3 3 5 2" xfId="23111"/>
    <cellStyle name="Обычный 3 2 2 3 3 6" xfId="23112"/>
    <cellStyle name="Обычный 3 2 2 3 4" xfId="23113"/>
    <cellStyle name="Обычный 3 2 2 3 4 2" xfId="23114"/>
    <cellStyle name="Обычный 3 2 2 3 4 2 2" xfId="23115"/>
    <cellStyle name="Обычный 3 2 2 3 4 2 2 2" xfId="23116"/>
    <cellStyle name="Обычный 3 2 2 3 4 2 3" xfId="23117"/>
    <cellStyle name="Обычный 3 2 2 3 4 2 3 2" xfId="23118"/>
    <cellStyle name="Обычный 3 2 2 3 4 2 4" xfId="23119"/>
    <cellStyle name="Обычный 3 2 2 3 4 3" xfId="23120"/>
    <cellStyle name="Обычный 3 2 2 3 4 3 2" xfId="23121"/>
    <cellStyle name="Обычный 3 2 2 3 4 4" xfId="23122"/>
    <cellStyle name="Обычный 3 2 2 3 4 4 2" xfId="23123"/>
    <cellStyle name="Обычный 3 2 2 3 4 5" xfId="23124"/>
    <cellStyle name="Обычный 3 2 2 3 4 5 2" xfId="23125"/>
    <cellStyle name="Обычный 3 2 2 3 4 6" xfId="23126"/>
    <cellStyle name="Обычный 3 2 2 3 5" xfId="23127"/>
    <cellStyle name="Обычный 3 2 2 3 5 2" xfId="23128"/>
    <cellStyle name="Обычный 3 2 2 3 5 2 2" xfId="23129"/>
    <cellStyle name="Обычный 3 2 2 3 5 2 2 2" xfId="23130"/>
    <cellStyle name="Обычный 3 2 2 3 5 2 3" xfId="23131"/>
    <cellStyle name="Обычный 3 2 2 3 5 2 3 2" xfId="23132"/>
    <cellStyle name="Обычный 3 2 2 3 5 2 4" xfId="23133"/>
    <cellStyle name="Обычный 3 2 2 3 5 3" xfId="23134"/>
    <cellStyle name="Обычный 3 2 2 3 5 3 2" xfId="23135"/>
    <cellStyle name="Обычный 3 2 2 3 5 4" xfId="23136"/>
    <cellStyle name="Обычный 3 2 2 3 5 4 2" xfId="23137"/>
    <cellStyle name="Обычный 3 2 2 3 5 5" xfId="23138"/>
    <cellStyle name="Обычный 3 2 2 3 5 5 2" xfId="23139"/>
    <cellStyle name="Обычный 3 2 2 3 5 6" xfId="23140"/>
    <cellStyle name="Обычный 3 2 2 3 6" xfId="23141"/>
    <cellStyle name="Обычный 3 2 2 3 6 2" xfId="23142"/>
    <cellStyle name="Обычный 3 2 2 3 6 2 2" xfId="23143"/>
    <cellStyle name="Обычный 3 2 2 3 6 3" xfId="23144"/>
    <cellStyle name="Обычный 3 2 2 3 6 3 2" xfId="23145"/>
    <cellStyle name="Обычный 3 2 2 3 6 4" xfId="23146"/>
    <cellStyle name="Обычный 3 2 2 3 7" xfId="23147"/>
    <cellStyle name="Обычный 3 2 2 3 7 2" xfId="23148"/>
    <cellStyle name="Обычный 3 2 2 3 8" xfId="23149"/>
    <cellStyle name="Обычный 3 2 2 3 8 2" xfId="23150"/>
    <cellStyle name="Обычный 3 2 2 3 9" xfId="23151"/>
    <cellStyle name="Обычный 3 2 2 3 9 2" xfId="23152"/>
    <cellStyle name="Обычный 3 2 2 4" xfId="23153"/>
    <cellStyle name="Обычный 3 2 2 4 2" xfId="23154"/>
    <cellStyle name="Обычный 3 2 2 4 2 2" xfId="23155"/>
    <cellStyle name="Обычный 3 2 2 4 2 2 2" xfId="23156"/>
    <cellStyle name="Обычный 3 2 2 4 2 2 2 2" xfId="23157"/>
    <cellStyle name="Обычный 3 2 2 4 2 2 3" xfId="23158"/>
    <cellStyle name="Обычный 3 2 2 4 2 2 3 2" xfId="23159"/>
    <cellStyle name="Обычный 3 2 2 4 2 2 4" xfId="23160"/>
    <cellStyle name="Обычный 3 2 2 4 2 3" xfId="23161"/>
    <cellStyle name="Обычный 3 2 2 4 2 3 2" xfId="23162"/>
    <cellStyle name="Обычный 3 2 2 4 2 4" xfId="23163"/>
    <cellStyle name="Обычный 3 2 2 4 2 4 2" xfId="23164"/>
    <cellStyle name="Обычный 3 2 2 4 2 5" xfId="23165"/>
    <cellStyle name="Обычный 3 2 2 4 2 5 2" xfId="23166"/>
    <cellStyle name="Обычный 3 2 2 4 2 6" xfId="23167"/>
    <cellStyle name="Обычный 3 2 2 4 3" xfId="23168"/>
    <cellStyle name="Обычный 3 2 2 4 3 2" xfId="23169"/>
    <cellStyle name="Обычный 3 2 2 4 3 2 2" xfId="23170"/>
    <cellStyle name="Обычный 3 2 2 4 3 2 2 2" xfId="23171"/>
    <cellStyle name="Обычный 3 2 2 4 3 2 3" xfId="23172"/>
    <cellStyle name="Обычный 3 2 2 4 3 2 3 2" xfId="23173"/>
    <cellStyle name="Обычный 3 2 2 4 3 2 4" xfId="23174"/>
    <cellStyle name="Обычный 3 2 2 4 3 3" xfId="23175"/>
    <cellStyle name="Обычный 3 2 2 4 3 3 2" xfId="23176"/>
    <cellStyle name="Обычный 3 2 2 4 3 4" xfId="23177"/>
    <cellStyle name="Обычный 3 2 2 4 3 4 2" xfId="23178"/>
    <cellStyle name="Обычный 3 2 2 4 3 5" xfId="23179"/>
    <cellStyle name="Обычный 3 2 2 4 3 5 2" xfId="23180"/>
    <cellStyle name="Обычный 3 2 2 4 3 6" xfId="23181"/>
    <cellStyle name="Обычный 3 2 2 4 4" xfId="23182"/>
    <cellStyle name="Обычный 3 2 2 4 4 2" xfId="23183"/>
    <cellStyle name="Обычный 3 2 2 4 4 2 2" xfId="23184"/>
    <cellStyle name="Обычный 3 2 2 4 4 2 2 2" xfId="23185"/>
    <cellStyle name="Обычный 3 2 2 4 4 2 3" xfId="23186"/>
    <cellStyle name="Обычный 3 2 2 4 4 2 3 2" xfId="23187"/>
    <cellStyle name="Обычный 3 2 2 4 4 2 4" xfId="23188"/>
    <cellStyle name="Обычный 3 2 2 4 4 3" xfId="23189"/>
    <cellStyle name="Обычный 3 2 2 4 4 3 2" xfId="23190"/>
    <cellStyle name="Обычный 3 2 2 4 4 4" xfId="23191"/>
    <cellStyle name="Обычный 3 2 2 4 4 4 2" xfId="23192"/>
    <cellStyle name="Обычный 3 2 2 4 4 5" xfId="23193"/>
    <cellStyle name="Обычный 3 2 2 4 4 5 2" xfId="23194"/>
    <cellStyle name="Обычный 3 2 2 4 4 6" xfId="23195"/>
    <cellStyle name="Обычный 3 2 2 4 5" xfId="23196"/>
    <cellStyle name="Обычный 3 2 2 4 5 2" xfId="23197"/>
    <cellStyle name="Обычный 3 2 2 4 5 2 2" xfId="23198"/>
    <cellStyle name="Обычный 3 2 2 4 5 3" xfId="23199"/>
    <cellStyle name="Обычный 3 2 2 4 5 3 2" xfId="23200"/>
    <cellStyle name="Обычный 3 2 2 4 5 4" xfId="23201"/>
    <cellStyle name="Обычный 3 2 2 4 6" xfId="23202"/>
    <cellStyle name="Обычный 3 2 2 4 6 2" xfId="23203"/>
    <cellStyle name="Обычный 3 2 2 4 7" xfId="23204"/>
    <cellStyle name="Обычный 3 2 2 4 7 2" xfId="23205"/>
    <cellStyle name="Обычный 3 2 2 4 8" xfId="23206"/>
    <cellStyle name="Обычный 3 2 2 4 8 2" xfId="23207"/>
    <cellStyle name="Обычный 3 2 2 4 9" xfId="23208"/>
    <cellStyle name="Обычный 3 2 2 5" xfId="23209"/>
    <cellStyle name="Обычный 3 2 2 5 2" xfId="23210"/>
    <cellStyle name="Обычный 3 2 2 5 2 2" xfId="23211"/>
    <cellStyle name="Обычный 3 2 2 5 2 2 2" xfId="23212"/>
    <cellStyle name="Обычный 3 2 2 5 2 3" xfId="23213"/>
    <cellStyle name="Обычный 3 2 2 5 2 3 2" xfId="23214"/>
    <cellStyle name="Обычный 3 2 2 5 2 4" xfId="23215"/>
    <cellStyle name="Обычный 3 2 2 5 3" xfId="23216"/>
    <cellStyle name="Обычный 3 2 2 5 3 2" xfId="23217"/>
    <cellStyle name="Обычный 3 2 2 5 4" xfId="23218"/>
    <cellStyle name="Обычный 3 2 2 5 4 2" xfId="23219"/>
    <cellStyle name="Обычный 3 2 2 5 5" xfId="23220"/>
    <cellStyle name="Обычный 3 2 2 5 5 2" xfId="23221"/>
    <cellStyle name="Обычный 3 2 2 5 6" xfId="23222"/>
    <cellStyle name="Обычный 3 2 2 6" xfId="23223"/>
    <cellStyle name="Обычный 3 2 2 6 2" xfId="23224"/>
    <cellStyle name="Обычный 3 2 2 6 2 2" xfId="23225"/>
    <cellStyle name="Обычный 3 2 2 6 2 2 2" xfId="23226"/>
    <cellStyle name="Обычный 3 2 2 6 2 3" xfId="23227"/>
    <cellStyle name="Обычный 3 2 2 6 2 3 2" xfId="23228"/>
    <cellStyle name="Обычный 3 2 2 6 2 4" xfId="23229"/>
    <cellStyle name="Обычный 3 2 2 6 3" xfId="23230"/>
    <cellStyle name="Обычный 3 2 2 6 3 2" xfId="23231"/>
    <cellStyle name="Обычный 3 2 2 6 4" xfId="23232"/>
    <cellStyle name="Обычный 3 2 2 6 4 2" xfId="23233"/>
    <cellStyle name="Обычный 3 2 2 6 5" xfId="23234"/>
    <cellStyle name="Обычный 3 2 2 6 5 2" xfId="23235"/>
    <cellStyle name="Обычный 3 2 2 6 6" xfId="23236"/>
    <cellStyle name="Обычный 3 2 2 7" xfId="23237"/>
    <cellStyle name="Обычный 3 2 2 7 2" xfId="23238"/>
    <cellStyle name="Обычный 3 2 2 7 2 2" xfId="23239"/>
    <cellStyle name="Обычный 3 2 2 7 2 2 2" xfId="23240"/>
    <cellStyle name="Обычный 3 2 2 7 2 3" xfId="23241"/>
    <cellStyle name="Обычный 3 2 2 7 2 3 2" xfId="23242"/>
    <cellStyle name="Обычный 3 2 2 7 2 4" xfId="23243"/>
    <cellStyle name="Обычный 3 2 2 7 3" xfId="23244"/>
    <cellStyle name="Обычный 3 2 2 7 3 2" xfId="23245"/>
    <cellStyle name="Обычный 3 2 2 7 4" xfId="23246"/>
    <cellStyle name="Обычный 3 2 2 7 4 2" xfId="23247"/>
    <cellStyle name="Обычный 3 2 2 7 5" xfId="23248"/>
    <cellStyle name="Обычный 3 2 2 7 5 2" xfId="23249"/>
    <cellStyle name="Обычный 3 2 2 7 6" xfId="23250"/>
    <cellStyle name="Обычный 3 2 2 8" xfId="23251"/>
    <cellStyle name="Обычный 3 2 2 8 2" xfId="23252"/>
    <cellStyle name="Обычный 3 2 2 8 2 2" xfId="23253"/>
    <cellStyle name="Обычный 3 2 2 8 2 2 2" xfId="23254"/>
    <cellStyle name="Обычный 3 2 2 8 2 3" xfId="23255"/>
    <cellStyle name="Обычный 3 2 2 8 2 3 2" xfId="23256"/>
    <cellStyle name="Обычный 3 2 2 8 2 4" xfId="23257"/>
    <cellStyle name="Обычный 3 2 2 8 3" xfId="23258"/>
    <cellStyle name="Обычный 3 2 2 8 3 2" xfId="23259"/>
    <cellStyle name="Обычный 3 2 2 8 4" xfId="23260"/>
    <cellStyle name="Обычный 3 2 2 8 4 2" xfId="23261"/>
    <cellStyle name="Обычный 3 2 2 8 5" xfId="23262"/>
    <cellStyle name="Обычный 3 2 2 8 5 2" xfId="23263"/>
    <cellStyle name="Обычный 3 2 2 8 6" xfId="23264"/>
    <cellStyle name="Обычный 3 2 2 9" xfId="23265"/>
    <cellStyle name="Обычный 3 2 2 9 2" xfId="23266"/>
    <cellStyle name="Обычный 3 2 2 9 2 2" xfId="23267"/>
    <cellStyle name="Обычный 3 2 2 9 3" xfId="23268"/>
    <cellStyle name="Обычный 3 2 2 9 3 2" xfId="23269"/>
    <cellStyle name="Обычный 3 2 2 9 4" xfId="23270"/>
    <cellStyle name="Обычный 3 2 20" xfId="23271"/>
    <cellStyle name="Обычный 3 2 20 2" xfId="23272"/>
    <cellStyle name="Обычный 3 2 20 2 2" xfId="23273"/>
    <cellStyle name="Обычный 3 2 20 2 2 2" xfId="23274"/>
    <cellStyle name="Обычный 3 2 20 2 3" xfId="23275"/>
    <cellStyle name="Обычный 3 2 20 2 3 2" xfId="23276"/>
    <cellStyle name="Обычный 3 2 20 2 4" xfId="23277"/>
    <cellStyle name="Обычный 3 2 20 3" xfId="23278"/>
    <cellStyle name="Обычный 3 2 20 3 2" xfId="23279"/>
    <cellStyle name="Обычный 3 2 20 4" xfId="23280"/>
    <cellStyle name="Обычный 3 2 20 4 2" xfId="23281"/>
    <cellStyle name="Обычный 3 2 20 5" xfId="23282"/>
    <cellStyle name="Обычный 3 2 20 5 2" xfId="23283"/>
    <cellStyle name="Обычный 3 2 20 6" xfId="23284"/>
    <cellStyle name="Обычный 3 2 21" xfId="23285"/>
    <cellStyle name="Обычный 3 2 21 2" xfId="23286"/>
    <cellStyle name="Обычный 3 2 21 2 2" xfId="23287"/>
    <cellStyle name="Обычный 3 2 21 2 2 2" xfId="23288"/>
    <cellStyle name="Обычный 3 2 21 2 3" xfId="23289"/>
    <cellStyle name="Обычный 3 2 21 2 3 2" xfId="23290"/>
    <cellStyle name="Обычный 3 2 21 2 4" xfId="23291"/>
    <cellStyle name="Обычный 3 2 21 3" xfId="23292"/>
    <cellStyle name="Обычный 3 2 21 3 2" xfId="23293"/>
    <cellStyle name="Обычный 3 2 21 4" xfId="23294"/>
    <cellStyle name="Обычный 3 2 21 4 2" xfId="23295"/>
    <cellStyle name="Обычный 3 2 21 5" xfId="23296"/>
    <cellStyle name="Обычный 3 2 21 5 2" xfId="23297"/>
    <cellStyle name="Обычный 3 2 21 6" xfId="23298"/>
    <cellStyle name="Обычный 3 2 22" xfId="23299"/>
    <cellStyle name="Обычный 3 2 22 2" xfId="23300"/>
    <cellStyle name="Обычный 3 2 22 2 2" xfId="23301"/>
    <cellStyle name="Обычный 3 2 22 3" xfId="23302"/>
    <cellStyle name="Обычный 3 2 22 3 2" xfId="23303"/>
    <cellStyle name="Обычный 3 2 22 4" xfId="23304"/>
    <cellStyle name="Обычный 3 2 23" xfId="23305"/>
    <cellStyle name="Обычный 3 2 23 2" xfId="23306"/>
    <cellStyle name="Обычный 3 2 23 2 2" xfId="23307"/>
    <cellStyle name="Обычный 3 2 23 3" xfId="23308"/>
    <cellStyle name="Обычный 3 2 24" xfId="23309"/>
    <cellStyle name="Обычный 3 2 24 2" xfId="23310"/>
    <cellStyle name="Обычный 3 2 25" xfId="23311"/>
    <cellStyle name="Обычный 3 2 25 2" xfId="23312"/>
    <cellStyle name="Обычный 3 2 26" xfId="23313"/>
    <cellStyle name="Обычный 3 2 27" xfId="23314"/>
    <cellStyle name="Обычный 3 2 3" xfId="23315"/>
    <cellStyle name="Обычный 3 2 3 10" xfId="23316"/>
    <cellStyle name="Обычный 3 2 3 10 2" xfId="23317"/>
    <cellStyle name="Обычный 3 2 3 10 2 2" xfId="23318"/>
    <cellStyle name="Обычный 3 2 3 10 3" xfId="23319"/>
    <cellStyle name="Обычный 3 2 3 11" xfId="23320"/>
    <cellStyle name="Обычный 3 2 3 11 2" xfId="23321"/>
    <cellStyle name="Обычный 3 2 3 12" xfId="23322"/>
    <cellStyle name="Обычный 3 2 3 12 2" xfId="23323"/>
    <cellStyle name="Обычный 3 2 3 13" xfId="23324"/>
    <cellStyle name="Обычный 3 2 3 14" xfId="23325"/>
    <cellStyle name="Обычный 3 2 3 2" xfId="23326"/>
    <cellStyle name="Обычный 3 2 3 2 10" xfId="23327"/>
    <cellStyle name="Обычный 3 2 3 2 10 2" xfId="23328"/>
    <cellStyle name="Обычный 3 2 3 2 11" xfId="23329"/>
    <cellStyle name="Обычный 3 2 3 2 11 2" xfId="23330"/>
    <cellStyle name="Обычный 3 2 3 2 12" xfId="23331"/>
    <cellStyle name="Обычный 3 2 3 2 13" xfId="23332"/>
    <cellStyle name="Обычный 3 2 3 2 2" xfId="23333"/>
    <cellStyle name="Обычный 3 2 3 2 2 10" xfId="23334"/>
    <cellStyle name="Обычный 3 2 3 2 2 2" xfId="23335"/>
    <cellStyle name="Обычный 3 2 3 2 2 2 2" xfId="23336"/>
    <cellStyle name="Обычный 3 2 3 2 2 2 2 2" xfId="23337"/>
    <cellStyle name="Обычный 3 2 3 2 2 2 2 2 2" xfId="23338"/>
    <cellStyle name="Обычный 3 2 3 2 2 2 2 3" xfId="23339"/>
    <cellStyle name="Обычный 3 2 3 2 2 2 2 3 2" xfId="23340"/>
    <cellStyle name="Обычный 3 2 3 2 2 2 2 4" xfId="23341"/>
    <cellStyle name="Обычный 3 2 3 2 2 2 3" xfId="23342"/>
    <cellStyle name="Обычный 3 2 3 2 2 2 3 2" xfId="23343"/>
    <cellStyle name="Обычный 3 2 3 2 2 2 4" xfId="23344"/>
    <cellStyle name="Обычный 3 2 3 2 2 2 4 2" xfId="23345"/>
    <cellStyle name="Обычный 3 2 3 2 2 2 5" xfId="23346"/>
    <cellStyle name="Обычный 3 2 3 2 2 2 5 2" xfId="23347"/>
    <cellStyle name="Обычный 3 2 3 2 2 2 6" xfId="23348"/>
    <cellStyle name="Обычный 3 2 3 2 2 3" xfId="23349"/>
    <cellStyle name="Обычный 3 2 3 2 2 3 2" xfId="23350"/>
    <cellStyle name="Обычный 3 2 3 2 2 3 2 2" xfId="23351"/>
    <cellStyle name="Обычный 3 2 3 2 2 3 2 2 2" xfId="23352"/>
    <cellStyle name="Обычный 3 2 3 2 2 3 2 3" xfId="23353"/>
    <cellStyle name="Обычный 3 2 3 2 2 3 2 3 2" xfId="23354"/>
    <cellStyle name="Обычный 3 2 3 2 2 3 2 4" xfId="23355"/>
    <cellStyle name="Обычный 3 2 3 2 2 3 3" xfId="23356"/>
    <cellStyle name="Обычный 3 2 3 2 2 3 3 2" xfId="23357"/>
    <cellStyle name="Обычный 3 2 3 2 2 3 4" xfId="23358"/>
    <cellStyle name="Обычный 3 2 3 2 2 3 4 2" xfId="23359"/>
    <cellStyle name="Обычный 3 2 3 2 2 3 5" xfId="23360"/>
    <cellStyle name="Обычный 3 2 3 2 2 3 5 2" xfId="23361"/>
    <cellStyle name="Обычный 3 2 3 2 2 3 6" xfId="23362"/>
    <cellStyle name="Обычный 3 2 3 2 2 4" xfId="23363"/>
    <cellStyle name="Обычный 3 2 3 2 2 4 2" xfId="23364"/>
    <cellStyle name="Обычный 3 2 3 2 2 4 2 2" xfId="23365"/>
    <cellStyle name="Обычный 3 2 3 2 2 4 2 2 2" xfId="23366"/>
    <cellStyle name="Обычный 3 2 3 2 2 4 2 3" xfId="23367"/>
    <cellStyle name="Обычный 3 2 3 2 2 4 2 3 2" xfId="23368"/>
    <cellStyle name="Обычный 3 2 3 2 2 4 2 4" xfId="23369"/>
    <cellStyle name="Обычный 3 2 3 2 2 4 3" xfId="23370"/>
    <cellStyle name="Обычный 3 2 3 2 2 4 3 2" xfId="23371"/>
    <cellStyle name="Обычный 3 2 3 2 2 4 4" xfId="23372"/>
    <cellStyle name="Обычный 3 2 3 2 2 4 4 2" xfId="23373"/>
    <cellStyle name="Обычный 3 2 3 2 2 4 5" xfId="23374"/>
    <cellStyle name="Обычный 3 2 3 2 2 4 5 2" xfId="23375"/>
    <cellStyle name="Обычный 3 2 3 2 2 4 6" xfId="23376"/>
    <cellStyle name="Обычный 3 2 3 2 2 5" xfId="23377"/>
    <cellStyle name="Обычный 3 2 3 2 2 5 2" xfId="23378"/>
    <cellStyle name="Обычный 3 2 3 2 2 5 2 2" xfId="23379"/>
    <cellStyle name="Обычный 3 2 3 2 2 5 2 2 2" xfId="23380"/>
    <cellStyle name="Обычный 3 2 3 2 2 5 2 3" xfId="23381"/>
    <cellStyle name="Обычный 3 2 3 2 2 5 2 3 2" xfId="23382"/>
    <cellStyle name="Обычный 3 2 3 2 2 5 2 4" xfId="23383"/>
    <cellStyle name="Обычный 3 2 3 2 2 5 3" xfId="23384"/>
    <cellStyle name="Обычный 3 2 3 2 2 5 3 2" xfId="23385"/>
    <cellStyle name="Обычный 3 2 3 2 2 5 4" xfId="23386"/>
    <cellStyle name="Обычный 3 2 3 2 2 5 4 2" xfId="23387"/>
    <cellStyle name="Обычный 3 2 3 2 2 5 5" xfId="23388"/>
    <cellStyle name="Обычный 3 2 3 2 2 5 5 2" xfId="23389"/>
    <cellStyle name="Обычный 3 2 3 2 2 5 6" xfId="23390"/>
    <cellStyle name="Обычный 3 2 3 2 2 6" xfId="23391"/>
    <cellStyle name="Обычный 3 2 3 2 2 6 2" xfId="23392"/>
    <cellStyle name="Обычный 3 2 3 2 2 6 2 2" xfId="23393"/>
    <cellStyle name="Обычный 3 2 3 2 2 6 3" xfId="23394"/>
    <cellStyle name="Обычный 3 2 3 2 2 6 3 2" xfId="23395"/>
    <cellStyle name="Обычный 3 2 3 2 2 6 4" xfId="23396"/>
    <cellStyle name="Обычный 3 2 3 2 2 7" xfId="23397"/>
    <cellStyle name="Обычный 3 2 3 2 2 7 2" xfId="23398"/>
    <cellStyle name="Обычный 3 2 3 2 2 8" xfId="23399"/>
    <cellStyle name="Обычный 3 2 3 2 2 8 2" xfId="23400"/>
    <cellStyle name="Обычный 3 2 3 2 2 9" xfId="23401"/>
    <cellStyle name="Обычный 3 2 3 2 2 9 2" xfId="23402"/>
    <cellStyle name="Обычный 3 2 3 2 3" xfId="23403"/>
    <cellStyle name="Обычный 3 2 3 2 3 2" xfId="23404"/>
    <cellStyle name="Обычный 3 2 3 2 3 2 2" xfId="23405"/>
    <cellStyle name="Обычный 3 2 3 2 3 2 2 2" xfId="23406"/>
    <cellStyle name="Обычный 3 2 3 2 3 2 2 2 2" xfId="23407"/>
    <cellStyle name="Обычный 3 2 3 2 3 2 2 3" xfId="23408"/>
    <cellStyle name="Обычный 3 2 3 2 3 2 2 3 2" xfId="23409"/>
    <cellStyle name="Обычный 3 2 3 2 3 2 2 4" xfId="23410"/>
    <cellStyle name="Обычный 3 2 3 2 3 2 3" xfId="23411"/>
    <cellStyle name="Обычный 3 2 3 2 3 2 3 2" xfId="23412"/>
    <cellStyle name="Обычный 3 2 3 2 3 2 4" xfId="23413"/>
    <cellStyle name="Обычный 3 2 3 2 3 2 4 2" xfId="23414"/>
    <cellStyle name="Обычный 3 2 3 2 3 2 5" xfId="23415"/>
    <cellStyle name="Обычный 3 2 3 2 3 2 5 2" xfId="23416"/>
    <cellStyle name="Обычный 3 2 3 2 3 2 6" xfId="23417"/>
    <cellStyle name="Обычный 3 2 3 2 3 3" xfId="23418"/>
    <cellStyle name="Обычный 3 2 3 2 3 3 2" xfId="23419"/>
    <cellStyle name="Обычный 3 2 3 2 3 3 2 2" xfId="23420"/>
    <cellStyle name="Обычный 3 2 3 2 3 3 2 2 2" xfId="23421"/>
    <cellStyle name="Обычный 3 2 3 2 3 3 2 3" xfId="23422"/>
    <cellStyle name="Обычный 3 2 3 2 3 3 2 3 2" xfId="23423"/>
    <cellStyle name="Обычный 3 2 3 2 3 3 2 4" xfId="23424"/>
    <cellStyle name="Обычный 3 2 3 2 3 3 3" xfId="23425"/>
    <cellStyle name="Обычный 3 2 3 2 3 3 3 2" xfId="23426"/>
    <cellStyle name="Обычный 3 2 3 2 3 3 4" xfId="23427"/>
    <cellStyle name="Обычный 3 2 3 2 3 3 4 2" xfId="23428"/>
    <cellStyle name="Обычный 3 2 3 2 3 3 5" xfId="23429"/>
    <cellStyle name="Обычный 3 2 3 2 3 3 5 2" xfId="23430"/>
    <cellStyle name="Обычный 3 2 3 2 3 3 6" xfId="23431"/>
    <cellStyle name="Обычный 3 2 3 2 3 4" xfId="23432"/>
    <cellStyle name="Обычный 3 2 3 2 3 4 2" xfId="23433"/>
    <cellStyle name="Обычный 3 2 3 2 3 4 2 2" xfId="23434"/>
    <cellStyle name="Обычный 3 2 3 2 3 4 2 2 2" xfId="23435"/>
    <cellStyle name="Обычный 3 2 3 2 3 4 2 3" xfId="23436"/>
    <cellStyle name="Обычный 3 2 3 2 3 4 2 3 2" xfId="23437"/>
    <cellStyle name="Обычный 3 2 3 2 3 4 2 4" xfId="23438"/>
    <cellStyle name="Обычный 3 2 3 2 3 4 3" xfId="23439"/>
    <cellStyle name="Обычный 3 2 3 2 3 4 3 2" xfId="23440"/>
    <cellStyle name="Обычный 3 2 3 2 3 4 4" xfId="23441"/>
    <cellStyle name="Обычный 3 2 3 2 3 4 4 2" xfId="23442"/>
    <cellStyle name="Обычный 3 2 3 2 3 4 5" xfId="23443"/>
    <cellStyle name="Обычный 3 2 3 2 3 4 5 2" xfId="23444"/>
    <cellStyle name="Обычный 3 2 3 2 3 4 6" xfId="23445"/>
    <cellStyle name="Обычный 3 2 3 2 3 5" xfId="23446"/>
    <cellStyle name="Обычный 3 2 3 2 3 5 2" xfId="23447"/>
    <cellStyle name="Обычный 3 2 3 2 3 5 2 2" xfId="23448"/>
    <cellStyle name="Обычный 3 2 3 2 3 5 3" xfId="23449"/>
    <cellStyle name="Обычный 3 2 3 2 3 5 3 2" xfId="23450"/>
    <cellStyle name="Обычный 3 2 3 2 3 5 4" xfId="23451"/>
    <cellStyle name="Обычный 3 2 3 2 3 6" xfId="23452"/>
    <cellStyle name="Обычный 3 2 3 2 3 6 2" xfId="23453"/>
    <cellStyle name="Обычный 3 2 3 2 3 7" xfId="23454"/>
    <cellStyle name="Обычный 3 2 3 2 3 7 2" xfId="23455"/>
    <cellStyle name="Обычный 3 2 3 2 3 8" xfId="23456"/>
    <cellStyle name="Обычный 3 2 3 2 3 8 2" xfId="23457"/>
    <cellStyle name="Обычный 3 2 3 2 3 9" xfId="23458"/>
    <cellStyle name="Обычный 3 2 3 2 4" xfId="23459"/>
    <cellStyle name="Обычный 3 2 3 2 4 2" xfId="23460"/>
    <cellStyle name="Обычный 3 2 3 2 4 2 2" xfId="23461"/>
    <cellStyle name="Обычный 3 2 3 2 4 2 2 2" xfId="23462"/>
    <cellStyle name="Обычный 3 2 3 2 4 2 3" xfId="23463"/>
    <cellStyle name="Обычный 3 2 3 2 4 2 3 2" xfId="23464"/>
    <cellStyle name="Обычный 3 2 3 2 4 2 4" xfId="23465"/>
    <cellStyle name="Обычный 3 2 3 2 4 3" xfId="23466"/>
    <cellStyle name="Обычный 3 2 3 2 4 3 2" xfId="23467"/>
    <cellStyle name="Обычный 3 2 3 2 4 4" xfId="23468"/>
    <cellStyle name="Обычный 3 2 3 2 4 4 2" xfId="23469"/>
    <cellStyle name="Обычный 3 2 3 2 4 5" xfId="23470"/>
    <cellStyle name="Обычный 3 2 3 2 4 5 2" xfId="23471"/>
    <cellStyle name="Обычный 3 2 3 2 4 6" xfId="23472"/>
    <cellStyle name="Обычный 3 2 3 2 5" xfId="23473"/>
    <cellStyle name="Обычный 3 2 3 2 5 2" xfId="23474"/>
    <cellStyle name="Обычный 3 2 3 2 5 2 2" xfId="23475"/>
    <cellStyle name="Обычный 3 2 3 2 5 2 2 2" xfId="23476"/>
    <cellStyle name="Обычный 3 2 3 2 5 2 3" xfId="23477"/>
    <cellStyle name="Обычный 3 2 3 2 5 2 3 2" xfId="23478"/>
    <cellStyle name="Обычный 3 2 3 2 5 2 4" xfId="23479"/>
    <cellStyle name="Обычный 3 2 3 2 5 3" xfId="23480"/>
    <cellStyle name="Обычный 3 2 3 2 5 3 2" xfId="23481"/>
    <cellStyle name="Обычный 3 2 3 2 5 4" xfId="23482"/>
    <cellStyle name="Обычный 3 2 3 2 5 4 2" xfId="23483"/>
    <cellStyle name="Обычный 3 2 3 2 5 5" xfId="23484"/>
    <cellStyle name="Обычный 3 2 3 2 5 5 2" xfId="23485"/>
    <cellStyle name="Обычный 3 2 3 2 5 6" xfId="23486"/>
    <cellStyle name="Обычный 3 2 3 2 6" xfId="23487"/>
    <cellStyle name="Обычный 3 2 3 2 6 2" xfId="23488"/>
    <cellStyle name="Обычный 3 2 3 2 6 2 2" xfId="23489"/>
    <cellStyle name="Обычный 3 2 3 2 6 2 2 2" xfId="23490"/>
    <cellStyle name="Обычный 3 2 3 2 6 2 3" xfId="23491"/>
    <cellStyle name="Обычный 3 2 3 2 6 2 3 2" xfId="23492"/>
    <cellStyle name="Обычный 3 2 3 2 6 2 4" xfId="23493"/>
    <cellStyle name="Обычный 3 2 3 2 6 3" xfId="23494"/>
    <cellStyle name="Обычный 3 2 3 2 6 3 2" xfId="23495"/>
    <cellStyle name="Обычный 3 2 3 2 6 4" xfId="23496"/>
    <cellStyle name="Обычный 3 2 3 2 6 4 2" xfId="23497"/>
    <cellStyle name="Обычный 3 2 3 2 6 5" xfId="23498"/>
    <cellStyle name="Обычный 3 2 3 2 6 5 2" xfId="23499"/>
    <cellStyle name="Обычный 3 2 3 2 6 6" xfId="23500"/>
    <cellStyle name="Обычный 3 2 3 2 7" xfId="23501"/>
    <cellStyle name="Обычный 3 2 3 2 7 2" xfId="23502"/>
    <cellStyle name="Обычный 3 2 3 2 7 2 2" xfId="23503"/>
    <cellStyle name="Обычный 3 2 3 2 7 2 2 2" xfId="23504"/>
    <cellStyle name="Обычный 3 2 3 2 7 2 3" xfId="23505"/>
    <cellStyle name="Обычный 3 2 3 2 7 2 3 2" xfId="23506"/>
    <cellStyle name="Обычный 3 2 3 2 7 2 4" xfId="23507"/>
    <cellStyle name="Обычный 3 2 3 2 7 3" xfId="23508"/>
    <cellStyle name="Обычный 3 2 3 2 7 3 2" xfId="23509"/>
    <cellStyle name="Обычный 3 2 3 2 7 4" xfId="23510"/>
    <cellStyle name="Обычный 3 2 3 2 7 4 2" xfId="23511"/>
    <cellStyle name="Обычный 3 2 3 2 7 5" xfId="23512"/>
    <cellStyle name="Обычный 3 2 3 2 7 5 2" xfId="23513"/>
    <cellStyle name="Обычный 3 2 3 2 7 6" xfId="23514"/>
    <cellStyle name="Обычный 3 2 3 2 8" xfId="23515"/>
    <cellStyle name="Обычный 3 2 3 2 8 2" xfId="23516"/>
    <cellStyle name="Обычный 3 2 3 2 8 2 2" xfId="23517"/>
    <cellStyle name="Обычный 3 2 3 2 8 3" xfId="23518"/>
    <cellStyle name="Обычный 3 2 3 2 8 3 2" xfId="23519"/>
    <cellStyle name="Обычный 3 2 3 2 8 4" xfId="23520"/>
    <cellStyle name="Обычный 3 2 3 2 9" xfId="23521"/>
    <cellStyle name="Обычный 3 2 3 2 9 2" xfId="23522"/>
    <cellStyle name="Обычный 3 2 3 2 9 2 2" xfId="23523"/>
    <cellStyle name="Обычный 3 2 3 2 9 3" xfId="23524"/>
    <cellStyle name="Обычный 3 2 3 3" xfId="23525"/>
    <cellStyle name="Обычный 3 2 3 3 10" xfId="23526"/>
    <cellStyle name="Обычный 3 2 3 3 2" xfId="23527"/>
    <cellStyle name="Обычный 3 2 3 3 2 2" xfId="23528"/>
    <cellStyle name="Обычный 3 2 3 3 2 2 2" xfId="23529"/>
    <cellStyle name="Обычный 3 2 3 3 2 2 2 2" xfId="23530"/>
    <cellStyle name="Обычный 3 2 3 3 2 2 3" xfId="23531"/>
    <cellStyle name="Обычный 3 2 3 3 2 2 3 2" xfId="23532"/>
    <cellStyle name="Обычный 3 2 3 3 2 2 4" xfId="23533"/>
    <cellStyle name="Обычный 3 2 3 3 2 3" xfId="23534"/>
    <cellStyle name="Обычный 3 2 3 3 2 3 2" xfId="23535"/>
    <cellStyle name="Обычный 3 2 3 3 2 4" xfId="23536"/>
    <cellStyle name="Обычный 3 2 3 3 2 4 2" xfId="23537"/>
    <cellStyle name="Обычный 3 2 3 3 2 5" xfId="23538"/>
    <cellStyle name="Обычный 3 2 3 3 2 5 2" xfId="23539"/>
    <cellStyle name="Обычный 3 2 3 3 2 6" xfId="23540"/>
    <cellStyle name="Обычный 3 2 3 3 3" xfId="23541"/>
    <cellStyle name="Обычный 3 2 3 3 3 2" xfId="23542"/>
    <cellStyle name="Обычный 3 2 3 3 3 2 2" xfId="23543"/>
    <cellStyle name="Обычный 3 2 3 3 3 2 2 2" xfId="23544"/>
    <cellStyle name="Обычный 3 2 3 3 3 2 3" xfId="23545"/>
    <cellStyle name="Обычный 3 2 3 3 3 2 3 2" xfId="23546"/>
    <cellStyle name="Обычный 3 2 3 3 3 2 4" xfId="23547"/>
    <cellStyle name="Обычный 3 2 3 3 3 3" xfId="23548"/>
    <cellStyle name="Обычный 3 2 3 3 3 3 2" xfId="23549"/>
    <cellStyle name="Обычный 3 2 3 3 3 4" xfId="23550"/>
    <cellStyle name="Обычный 3 2 3 3 3 4 2" xfId="23551"/>
    <cellStyle name="Обычный 3 2 3 3 3 5" xfId="23552"/>
    <cellStyle name="Обычный 3 2 3 3 3 5 2" xfId="23553"/>
    <cellStyle name="Обычный 3 2 3 3 3 6" xfId="23554"/>
    <cellStyle name="Обычный 3 2 3 3 4" xfId="23555"/>
    <cellStyle name="Обычный 3 2 3 3 4 2" xfId="23556"/>
    <cellStyle name="Обычный 3 2 3 3 4 2 2" xfId="23557"/>
    <cellStyle name="Обычный 3 2 3 3 4 2 2 2" xfId="23558"/>
    <cellStyle name="Обычный 3 2 3 3 4 2 3" xfId="23559"/>
    <cellStyle name="Обычный 3 2 3 3 4 2 3 2" xfId="23560"/>
    <cellStyle name="Обычный 3 2 3 3 4 2 4" xfId="23561"/>
    <cellStyle name="Обычный 3 2 3 3 4 3" xfId="23562"/>
    <cellStyle name="Обычный 3 2 3 3 4 3 2" xfId="23563"/>
    <cellStyle name="Обычный 3 2 3 3 4 4" xfId="23564"/>
    <cellStyle name="Обычный 3 2 3 3 4 4 2" xfId="23565"/>
    <cellStyle name="Обычный 3 2 3 3 4 5" xfId="23566"/>
    <cellStyle name="Обычный 3 2 3 3 4 5 2" xfId="23567"/>
    <cellStyle name="Обычный 3 2 3 3 4 6" xfId="23568"/>
    <cellStyle name="Обычный 3 2 3 3 5" xfId="23569"/>
    <cellStyle name="Обычный 3 2 3 3 5 2" xfId="23570"/>
    <cellStyle name="Обычный 3 2 3 3 5 2 2" xfId="23571"/>
    <cellStyle name="Обычный 3 2 3 3 5 2 2 2" xfId="23572"/>
    <cellStyle name="Обычный 3 2 3 3 5 2 3" xfId="23573"/>
    <cellStyle name="Обычный 3 2 3 3 5 2 3 2" xfId="23574"/>
    <cellStyle name="Обычный 3 2 3 3 5 2 4" xfId="23575"/>
    <cellStyle name="Обычный 3 2 3 3 5 3" xfId="23576"/>
    <cellStyle name="Обычный 3 2 3 3 5 3 2" xfId="23577"/>
    <cellStyle name="Обычный 3 2 3 3 5 4" xfId="23578"/>
    <cellStyle name="Обычный 3 2 3 3 5 4 2" xfId="23579"/>
    <cellStyle name="Обычный 3 2 3 3 5 5" xfId="23580"/>
    <cellStyle name="Обычный 3 2 3 3 5 5 2" xfId="23581"/>
    <cellStyle name="Обычный 3 2 3 3 5 6" xfId="23582"/>
    <cellStyle name="Обычный 3 2 3 3 6" xfId="23583"/>
    <cellStyle name="Обычный 3 2 3 3 6 2" xfId="23584"/>
    <cellStyle name="Обычный 3 2 3 3 6 2 2" xfId="23585"/>
    <cellStyle name="Обычный 3 2 3 3 6 3" xfId="23586"/>
    <cellStyle name="Обычный 3 2 3 3 6 3 2" xfId="23587"/>
    <cellStyle name="Обычный 3 2 3 3 6 4" xfId="23588"/>
    <cellStyle name="Обычный 3 2 3 3 7" xfId="23589"/>
    <cellStyle name="Обычный 3 2 3 3 7 2" xfId="23590"/>
    <cellStyle name="Обычный 3 2 3 3 8" xfId="23591"/>
    <cellStyle name="Обычный 3 2 3 3 8 2" xfId="23592"/>
    <cellStyle name="Обычный 3 2 3 3 9" xfId="23593"/>
    <cellStyle name="Обычный 3 2 3 3 9 2" xfId="23594"/>
    <cellStyle name="Обычный 3 2 3 4" xfId="23595"/>
    <cellStyle name="Обычный 3 2 3 4 2" xfId="23596"/>
    <cellStyle name="Обычный 3 2 3 4 2 2" xfId="23597"/>
    <cellStyle name="Обычный 3 2 3 4 2 2 2" xfId="23598"/>
    <cellStyle name="Обычный 3 2 3 4 2 2 2 2" xfId="23599"/>
    <cellStyle name="Обычный 3 2 3 4 2 2 3" xfId="23600"/>
    <cellStyle name="Обычный 3 2 3 4 2 2 3 2" xfId="23601"/>
    <cellStyle name="Обычный 3 2 3 4 2 2 4" xfId="23602"/>
    <cellStyle name="Обычный 3 2 3 4 2 3" xfId="23603"/>
    <cellStyle name="Обычный 3 2 3 4 2 3 2" xfId="23604"/>
    <cellStyle name="Обычный 3 2 3 4 2 4" xfId="23605"/>
    <cellStyle name="Обычный 3 2 3 4 2 4 2" xfId="23606"/>
    <cellStyle name="Обычный 3 2 3 4 2 5" xfId="23607"/>
    <cellStyle name="Обычный 3 2 3 4 2 5 2" xfId="23608"/>
    <cellStyle name="Обычный 3 2 3 4 2 6" xfId="23609"/>
    <cellStyle name="Обычный 3 2 3 4 3" xfId="23610"/>
    <cellStyle name="Обычный 3 2 3 4 3 2" xfId="23611"/>
    <cellStyle name="Обычный 3 2 3 4 3 2 2" xfId="23612"/>
    <cellStyle name="Обычный 3 2 3 4 3 2 2 2" xfId="23613"/>
    <cellStyle name="Обычный 3 2 3 4 3 2 3" xfId="23614"/>
    <cellStyle name="Обычный 3 2 3 4 3 2 3 2" xfId="23615"/>
    <cellStyle name="Обычный 3 2 3 4 3 2 4" xfId="23616"/>
    <cellStyle name="Обычный 3 2 3 4 3 3" xfId="23617"/>
    <cellStyle name="Обычный 3 2 3 4 3 3 2" xfId="23618"/>
    <cellStyle name="Обычный 3 2 3 4 3 4" xfId="23619"/>
    <cellStyle name="Обычный 3 2 3 4 3 4 2" xfId="23620"/>
    <cellStyle name="Обычный 3 2 3 4 3 5" xfId="23621"/>
    <cellStyle name="Обычный 3 2 3 4 3 5 2" xfId="23622"/>
    <cellStyle name="Обычный 3 2 3 4 3 6" xfId="23623"/>
    <cellStyle name="Обычный 3 2 3 4 4" xfId="23624"/>
    <cellStyle name="Обычный 3 2 3 4 4 2" xfId="23625"/>
    <cellStyle name="Обычный 3 2 3 4 4 2 2" xfId="23626"/>
    <cellStyle name="Обычный 3 2 3 4 4 2 2 2" xfId="23627"/>
    <cellStyle name="Обычный 3 2 3 4 4 2 3" xfId="23628"/>
    <cellStyle name="Обычный 3 2 3 4 4 2 3 2" xfId="23629"/>
    <cellStyle name="Обычный 3 2 3 4 4 2 4" xfId="23630"/>
    <cellStyle name="Обычный 3 2 3 4 4 3" xfId="23631"/>
    <cellStyle name="Обычный 3 2 3 4 4 3 2" xfId="23632"/>
    <cellStyle name="Обычный 3 2 3 4 4 4" xfId="23633"/>
    <cellStyle name="Обычный 3 2 3 4 4 4 2" xfId="23634"/>
    <cellStyle name="Обычный 3 2 3 4 4 5" xfId="23635"/>
    <cellStyle name="Обычный 3 2 3 4 4 5 2" xfId="23636"/>
    <cellStyle name="Обычный 3 2 3 4 4 6" xfId="23637"/>
    <cellStyle name="Обычный 3 2 3 4 5" xfId="23638"/>
    <cellStyle name="Обычный 3 2 3 4 5 2" xfId="23639"/>
    <cellStyle name="Обычный 3 2 3 4 5 2 2" xfId="23640"/>
    <cellStyle name="Обычный 3 2 3 4 5 3" xfId="23641"/>
    <cellStyle name="Обычный 3 2 3 4 5 3 2" xfId="23642"/>
    <cellStyle name="Обычный 3 2 3 4 5 4" xfId="23643"/>
    <cellStyle name="Обычный 3 2 3 4 6" xfId="23644"/>
    <cellStyle name="Обычный 3 2 3 4 6 2" xfId="23645"/>
    <cellStyle name="Обычный 3 2 3 4 7" xfId="23646"/>
    <cellStyle name="Обычный 3 2 3 4 7 2" xfId="23647"/>
    <cellStyle name="Обычный 3 2 3 4 8" xfId="23648"/>
    <cellStyle name="Обычный 3 2 3 4 8 2" xfId="23649"/>
    <cellStyle name="Обычный 3 2 3 4 9" xfId="23650"/>
    <cellStyle name="Обычный 3 2 3 5" xfId="23651"/>
    <cellStyle name="Обычный 3 2 3 5 2" xfId="23652"/>
    <cellStyle name="Обычный 3 2 3 5 2 2" xfId="23653"/>
    <cellStyle name="Обычный 3 2 3 5 2 2 2" xfId="23654"/>
    <cellStyle name="Обычный 3 2 3 5 2 3" xfId="23655"/>
    <cellStyle name="Обычный 3 2 3 5 2 3 2" xfId="23656"/>
    <cellStyle name="Обычный 3 2 3 5 2 4" xfId="23657"/>
    <cellStyle name="Обычный 3 2 3 5 3" xfId="23658"/>
    <cellStyle name="Обычный 3 2 3 5 3 2" xfId="23659"/>
    <cellStyle name="Обычный 3 2 3 5 4" xfId="23660"/>
    <cellStyle name="Обычный 3 2 3 5 4 2" xfId="23661"/>
    <cellStyle name="Обычный 3 2 3 5 5" xfId="23662"/>
    <cellStyle name="Обычный 3 2 3 5 5 2" xfId="23663"/>
    <cellStyle name="Обычный 3 2 3 5 6" xfId="23664"/>
    <cellStyle name="Обычный 3 2 3 6" xfId="23665"/>
    <cellStyle name="Обычный 3 2 3 6 2" xfId="23666"/>
    <cellStyle name="Обычный 3 2 3 6 2 2" xfId="23667"/>
    <cellStyle name="Обычный 3 2 3 6 2 2 2" xfId="23668"/>
    <cellStyle name="Обычный 3 2 3 6 2 3" xfId="23669"/>
    <cellStyle name="Обычный 3 2 3 6 2 3 2" xfId="23670"/>
    <cellStyle name="Обычный 3 2 3 6 2 4" xfId="23671"/>
    <cellStyle name="Обычный 3 2 3 6 3" xfId="23672"/>
    <cellStyle name="Обычный 3 2 3 6 3 2" xfId="23673"/>
    <cellStyle name="Обычный 3 2 3 6 4" xfId="23674"/>
    <cellStyle name="Обычный 3 2 3 6 4 2" xfId="23675"/>
    <cellStyle name="Обычный 3 2 3 6 5" xfId="23676"/>
    <cellStyle name="Обычный 3 2 3 6 5 2" xfId="23677"/>
    <cellStyle name="Обычный 3 2 3 6 6" xfId="23678"/>
    <cellStyle name="Обычный 3 2 3 7" xfId="23679"/>
    <cellStyle name="Обычный 3 2 3 7 2" xfId="23680"/>
    <cellStyle name="Обычный 3 2 3 7 2 2" xfId="23681"/>
    <cellStyle name="Обычный 3 2 3 7 2 2 2" xfId="23682"/>
    <cellStyle name="Обычный 3 2 3 7 2 3" xfId="23683"/>
    <cellStyle name="Обычный 3 2 3 7 2 3 2" xfId="23684"/>
    <cellStyle name="Обычный 3 2 3 7 2 4" xfId="23685"/>
    <cellStyle name="Обычный 3 2 3 7 3" xfId="23686"/>
    <cellStyle name="Обычный 3 2 3 7 3 2" xfId="23687"/>
    <cellStyle name="Обычный 3 2 3 7 4" xfId="23688"/>
    <cellStyle name="Обычный 3 2 3 7 4 2" xfId="23689"/>
    <cellStyle name="Обычный 3 2 3 7 5" xfId="23690"/>
    <cellStyle name="Обычный 3 2 3 7 5 2" xfId="23691"/>
    <cellStyle name="Обычный 3 2 3 7 6" xfId="23692"/>
    <cellStyle name="Обычный 3 2 3 8" xfId="23693"/>
    <cellStyle name="Обычный 3 2 3 8 2" xfId="23694"/>
    <cellStyle name="Обычный 3 2 3 8 2 2" xfId="23695"/>
    <cellStyle name="Обычный 3 2 3 8 2 2 2" xfId="23696"/>
    <cellStyle name="Обычный 3 2 3 8 2 3" xfId="23697"/>
    <cellStyle name="Обычный 3 2 3 8 2 3 2" xfId="23698"/>
    <cellStyle name="Обычный 3 2 3 8 2 4" xfId="23699"/>
    <cellStyle name="Обычный 3 2 3 8 3" xfId="23700"/>
    <cellStyle name="Обычный 3 2 3 8 3 2" xfId="23701"/>
    <cellStyle name="Обычный 3 2 3 8 4" xfId="23702"/>
    <cellStyle name="Обычный 3 2 3 8 4 2" xfId="23703"/>
    <cellStyle name="Обычный 3 2 3 8 5" xfId="23704"/>
    <cellStyle name="Обычный 3 2 3 8 5 2" xfId="23705"/>
    <cellStyle name="Обычный 3 2 3 8 6" xfId="23706"/>
    <cellStyle name="Обычный 3 2 3 9" xfId="23707"/>
    <cellStyle name="Обычный 3 2 3 9 2" xfId="23708"/>
    <cellStyle name="Обычный 3 2 3 9 2 2" xfId="23709"/>
    <cellStyle name="Обычный 3 2 3 9 3" xfId="23710"/>
    <cellStyle name="Обычный 3 2 3 9 3 2" xfId="23711"/>
    <cellStyle name="Обычный 3 2 3 9 4" xfId="23712"/>
    <cellStyle name="Обычный 3 2 4" xfId="23713"/>
    <cellStyle name="Обычный 3 2 4 10" xfId="23714"/>
    <cellStyle name="Обычный 3 2 4 10 2" xfId="23715"/>
    <cellStyle name="Обычный 3 2 4 10 2 2" xfId="23716"/>
    <cellStyle name="Обычный 3 2 4 10 3" xfId="23717"/>
    <cellStyle name="Обычный 3 2 4 11" xfId="23718"/>
    <cellStyle name="Обычный 3 2 4 11 2" xfId="23719"/>
    <cellStyle name="Обычный 3 2 4 12" xfId="23720"/>
    <cellStyle name="Обычный 3 2 4 12 2" xfId="23721"/>
    <cellStyle name="Обычный 3 2 4 13" xfId="23722"/>
    <cellStyle name="Обычный 3 2 4 14" xfId="23723"/>
    <cellStyle name="Обычный 3 2 4 2" xfId="23724"/>
    <cellStyle name="Обычный 3 2 4 2 10" xfId="23725"/>
    <cellStyle name="Обычный 3 2 4 2 10 2" xfId="23726"/>
    <cellStyle name="Обычный 3 2 4 2 11" xfId="23727"/>
    <cellStyle name="Обычный 3 2 4 2 11 2" xfId="23728"/>
    <cellStyle name="Обычный 3 2 4 2 12" xfId="23729"/>
    <cellStyle name="Обычный 3 2 4 2 13" xfId="23730"/>
    <cellStyle name="Обычный 3 2 4 2 2" xfId="23731"/>
    <cellStyle name="Обычный 3 2 4 2 2 10" xfId="23732"/>
    <cellStyle name="Обычный 3 2 4 2 2 2" xfId="23733"/>
    <cellStyle name="Обычный 3 2 4 2 2 2 2" xfId="23734"/>
    <cellStyle name="Обычный 3 2 4 2 2 2 2 2" xfId="23735"/>
    <cellStyle name="Обычный 3 2 4 2 2 2 2 2 2" xfId="23736"/>
    <cellStyle name="Обычный 3 2 4 2 2 2 2 3" xfId="23737"/>
    <cellStyle name="Обычный 3 2 4 2 2 2 2 3 2" xfId="23738"/>
    <cellStyle name="Обычный 3 2 4 2 2 2 2 4" xfId="23739"/>
    <cellStyle name="Обычный 3 2 4 2 2 2 3" xfId="23740"/>
    <cellStyle name="Обычный 3 2 4 2 2 2 3 2" xfId="23741"/>
    <cellStyle name="Обычный 3 2 4 2 2 2 4" xfId="23742"/>
    <cellStyle name="Обычный 3 2 4 2 2 2 4 2" xfId="23743"/>
    <cellStyle name="Обычный 3 2 4 2 2 2 5" xfId="23744"/>
    <cellStyle name="Обычный 3 2 4 2 2 2 5 2" xfId="23745"/>
    <cellStyle name="Обычный 3 2 4 2 2 2 6" xfId="23746"/>
    <cellStyle name="Обычный 3 2 4 2 2 3" xfId="23747"/>
    <cellStyle name="Обычный 3 2 4 2 2 3 2" xfId="23748"/>
    <cellStyle name="Обычный 3 2 4 2 2 3 2 2" xfId="23749"/>
    <cellStyle name="Обычный 3 2 4 2 2 3 2 2 2" xfId="23750"/>
    <cellStyle name="Обычный 3 2 4 2 2 3 2 3" xfId="23751"/>
    <cellStyle name="Обычный 3 2 4 2 2 3 2 3 2" xfId="23752"/>
    <cellStyle name="Обычный 3 2 4 2 2 3 2 4" xfId="23753"/>
    <cellStyle name="Обычный 3 2 4 2 2 3 3" xfId="23754"/>
    <cellStyle name="Обычный 3 2 4 2 2 3 3 2" xfId="23755"/>
    <cellStyle name="Обычный 3 2 4 2 2 3 4" xfId="23756"/>
    <cellStyle name="Обычный 3 2 4 2 2 3 4 2" xfId="23757"/>
    <cellStyle name="Обычный 3 2 4 2 2 3 5" xfId="23758"/>
    <cellStyle name="Обычный 3 2 4 2 2 3 5 2" xfId="23759"/>
    <cellStyle name="Обычный 3 2 4 2 2 3 6" xfId="23760"/>
    <cellStyle name="Обычный 3 2 4 2 2 4" xfId="23761"/>
    <cellStyle name="Обычный 3 2 4 2 2 4 2" xfId="23762"/>
    <cellStyle name="Обычный 3 2 4 2 2 4 2 2" xfId="23763"/>
    <cellStyle name="Обычный 3 2 4 2 2 4 2 2 2" xfId="23764"/>
    <cellStyle name="Обычный 3 2 4 2 2 4 2 3" xfId="23765"/>
    <cellStyle name="Обычный 3 2 4 2 2 4 2 3 2" xfId="23766"/>
    <cellStyle name="Обычный 3 2 4 2 2 4 2 4" xfId="23767"/>
    <cellStyle name="Обычный 3 2 4 2 2 4 3" xfId="23768"/>
    <cellStyle name="Обычный 3 2 4 2 2 4 3 2" xfId="23769"/>
    <cellStyle name="Обычный 3 2 4 2 2 4 4" xfId="23770"/>
    <cellStyle name="Обычный 3 2 4 2 2 4 4 2" xfId="23771"/>
    <cellStyle name="Обычный 3 2 4 2 2 4 5" xfId="23772"/>
    <cellStyle name="Обычный 3 2 4 2 2 4 5 2" xfId="23773"/>
    <cellStyle name="Обычный 3 2 4 2 2 4 6" xfId="23774"/>
    <cellStyle name="Обычный 3 2 4 2 2 5" xfId="23775"/>
    <cellStyle name="Обычный 3 2 4 2 2 5 2" xfId="23776"/>
    <cellStyle name="Обычный 3 2 4 2 2 5 2 2" xfId="23777"/>
    <cellStyle name="Обычный 3 2 4 2 2 5 2 2 2" xfId="23778"/>
    <cellStyle name="Обычный 3 2 4 2 2 5 2 3" xfId="23779"/>
    <cellStyle name="Обычный 3 2 4 2 2 5 2 3 2" xfId="23780"/>
    <cellStyle name="Обычный 3 2 4 2 2 5 2 4" xfId="23781"/>
    <cellStyle name="Обычный 3 2 4 2 2 5 3" xfId="23782"/>
    <cellStyle name="Обычный 3 2 4 2 2 5 3 2" xfId="23783"/>
    <cellStyle name="Обычный 3 2 4 2 2 5 4" xfId="23784"/>
    <cellStyle name="Обычный 3 2 4 2 2 5 4 2" xfId="23785"/>
    <cellStyle name="Обычный 3 2 4 2 2 5 5" xfId="23786"/>
    <cellStyle name="Обычный 3 2 4 2 2 5 5 2" xfId="23787"/>
    <cellStyle name="Обычный 3 2 4 2 2 5 6" xfId="23788"/>
    <cellStyle name="Обычный 3 2 4 2 2 6" xfId="23789"/>
    <cellStyle name="Обычный 3 2 4 2 2 6 2" xfId="23790"/>
    <cellStyle name="Обычный 3 2 4 2 2 6 2 2" xfId="23791"/>
    <cellStyle name="Обычный 3 2 4 2 2 6 3" xfId="23792"/>
    <cellStyle name="Обычный 3 2 4 2 2 6 3 2" xfId="23793"/>
    <cellStyle name="Обычный 3 2 4 2 2 6 4" xfId="23794"/>
    <cellStyle name="Обычный 3 2 4 2 2 7" xfId="23795"/>
    <cellStyle name="Обычный 3 2 4 2 2 7 2" xfId="23796"/>
    <cellStyle name="Обычный 3 2 4 2 2 8" xfId="23797"/>
    <cellStyle name="Обычный 3 2 4 2 2 8 2" xfId="23798"/>
    <cellStyle name="Обычный 3 2 4 2 2 9" xfId="23799"/>
    <cellStyle name="Обычный 3 2 4 2 2 9 2" xfId="23800"/>
    <cellStyle name="Обычный 3 2 4 2 3" xfId="23801"/>
    <cellStyle name="Обычный 3 2 4 2 3 2" xfId="23802"/>
    <cellStyle name="Обычный 3 2 4 2 3 2 2" xfId="23803"/>
    <cellStyle name="Обычный 3 2 4 2 3 2 2 2" xfId="23804"/>
    <cellStyle name="Обычный 3 2 4 2 3 2 2 2 2" xfId="23805"/>
    <cellStyle name="Обычный 3 2 4 2 3 2 2 3" xfId="23806"/>
    <cellStyle name="Обычный 3 2 4 2 3 2 2 3 2" xfId="23807"/>
    <cellStyle name="Обычный 3 2 4 2 3 2 2 4" xfId="23808"/>
    <cellStyle name="Обычный 3 2 4 2 3 2 3" xfId="23809"/>
    <cellStyle name="Обычный 3 2 4 2 3 2 3 2" xfId="23810"/>
    <cellStyle name="Обычный 3 2 4 2 3 2 4" xfId="23811"/>
    <cellStyle name="Обычный 3 2 4 2 3 2 4 2" xfId="23812"/>
    <cellStyle name="Обычный 3 2 4 2 3 2 5" xfId="23813"/>
    <cellStyle name="Обычный 3 2 4 2 3 2 5 2" xfId="23814"/>
    <cellStyle name="Обычный 3 2 4 2 3 2 6" xfId="23815"/>
    <cellStyle name="Обычный 3 2 4 2 3 3" xfId="23816"/>
    <cellStyle name="Обычный 3 2 4 2 3 3 2" xfId="23817"/>
    <cellStyle name="Обычный 3 2 4 2 3 3 2 2" xfId="23818"/>
    <cellStyle name="Обычный 3 2 4 2 3 3 2 2 2" xfId="23819"/>
    <cellStyle name="Обычный 3 2 4 2 3 3 2 3" xfId="23820"/>
    <cellStyle name="Обычный 3 2 4 2 3 3 2 3 2" xfId="23821"/>
    <cellStyle name="Обычный 3 2 4 2 3 3 2 4" xfId="23822"/>
    <cellStyle name="Обычный 3 2 4 2 3 3 3" xfId="23823"/>
    <cellStyle name="Обычный 3 2 4 2 3 3 3 2" xfId="23824"/>
    <cellStyle name="Обычный 3 2 4 2 3 3 4" xfId="23825"/>
    <cellStyle name="Обычный 3 2 4 2 3 3 4 2" xfId="23826"/>
    <cellStyle name="Обычный 3 2 4 2 3 3 5" xfId="23827"/>
    <cellStyle name="Обычный 3 2 4 2 3 3 5 2" xfId="23828"/>
    <cellStyle name="Обычный 3 2 4 2 3 3 6" xfId="23829"/>
    <cellStyle name="Обычный 3 2 4 2 3 4" xfId="23830"/>
    <cellStyle name="Обычный 3 2 4 2 3 4 2" xfId="23831"/>
    <cellStyle name="Обычный 3 2 4 2 3 4 2 2" xfId="23832"/>
    <cellStyle name="Обычный 3 2 4 2 3 4 2 2 2" xfId="23833"/>
    <cellStyle name="Обычный 3 2 4 2 3 4 2 3" xfId="23834"/>
    <cellStyle name="Обычный 3 2 4 2 3 4 2 3 2" xfId="23835"/>
    <cellStyle name="Обычный 3 2 4 2 3 4 2 4" xfId="23836"/>
    <cellStyle name="Обычный 3 2 4 2 3 4 3" xfId="23837"/>
    <cellStyle name="Обычный 3 2 4 2 3 4 3 2" xfId="23838"/>
    <cellStyle name="Обычный 3 2 4 2 3 4 4" xfId="23839"/>
    <cellStyle name="Обычный 3 2 4 2 3 4 4 2" xfId="23840"/>
    <cellStyle name="Обычный 3 2 4 2 3 4 5" xfId="23841"/>
    <cellStyle name="Обычный 3 2 4 2 3 4 5 2" xfId="23842"/>
    <cellStyle name="Обычный 3 2 4 2 3 4 6" xfId="23843"/>
    <cellStyle name="Обычный 3 2 4 2 3 5" xfId="23844"/>
    <cellStyle name="Обычный 3 2 4 2 3 5 2" xfId="23845"/>
    <cellStyle name="Обычный 3 2 4 2 3 5 2 2" xfId="23846"/>
    <cellStyle name="Обычный 3 2 4 2 3 5 3" xfId="23847"/>
    <cellStyle name="Обычный 3 2 4 2 3 5 3 2" xfId="23848"/>
    <cellStyle name="Обычный 3 2 4 2 3 5 4" xfId="23849"/>
    <cellStyle name="Обычный 3 2 4 2 3 6" xfId="23850"/>
    <cellStyle name="Обычный 3 2 4 2 3 6 2" xfId="23851"/>
    <cellStyle name="Обычный 3 2 4 2 3 7" xfId="23852"/>
    <cellStyle name="Обычный 3 2 4 2 3 7 2" xfId="23853"/>
    <cellStyle name="Обычный 3 2 4 2 3 8" xfId="23854"/>
    <cellStyle name="Обычный 3 2 4 2 3 8 2" xfId="23855"/>
    <cellStyle name="Обычный 3 2 4 2 3 9" xfId="23856"/>
    <cellStyle name="Обычный 3 2 4 2 4" xfId="23857"/>
    <cellStyle name="Обычный 3 2 4 2 4 2" xfId="23858"/>
    <cellStyle name="Обычный 3 2 4 2 4 2 2" xfId="23859"/>
    <cellStyle name="Обычный 3 2 4 2 4 2 2 2" xfId="23860"/>
    <cellStyle name="Обычный 3 2 4 2 4 2 3" xfId="23861"/>
    <cellStyle name="Обычный 3 2 4 2 4 2 3 2" xfId="23862"/>
    <cellStyle name="Обычный 3 2 4 2 4 2 4" xfId="23863"/>
    <cellStyle name="Обычный 3 2 4 2 4 3" xfId="23864"/>
    <cellStyle name="Обычный 3 2 4 2 4 3 2" xfId="23865"/>
    <cellStyle name="Обычный 3 2 4 2 4 4" xfId="23866"/>
    <cellStyle name="Обычный 3 2 4 2 4 4 2" xfId="23867"/>
    <cellStyle name="Обычный 3 2 4 2 4 5" xfId="23868"/>
    <cellStyle name="Обычный 3 2 4 2 4 5 2" xfId="23869"/>
    <cellStyle name="Обычный 3 2 4 2 4 6" xfId="23870"/>
    <cellStyle name="Обычный 3 2 4 2 5" xfId="23871"/>
    <cellStyle name="Обычный 3 2 4 2 5 2" xfId="23872"/>
    <cellStyle name="Обычный 3 2 4 2 5 2 2" xfId="23873"/>
    <cellStyle name="Обычный 3 2 4 2 5 2 2 2" xfId="23874"/>
    <cellStyle name="Обычный 3 2 4 2 5 2 3" xfId="23875"/>
    <cellStyle name="Обычный 3 2 4 2 5 2 3 2" xfId="23876"/>
    <cellStyle name="Обычный 3 2 4 2 5 2 4" xfId="23877"/>
    <cellStyle name="Обычный 3 2 4 2 5 3" xfId="23878"/>
    <cellStyle name="Обычный 3 2 4 2 5 3 2" xfId="23879"/>
    <cellStyle name="Обычный 3 2 4 2 5 4" xfId="23880"/>
    <cellStyle name="Обычный 3 2 4 2 5 4 2" xfId="23881"/>
    <cellStyle name="Обычный 3 2 4 2 5 5" xfId="23882"/>
    <cellStyle name="Обычный 3 2 4 2 5 5 2" xfId="23883"/>
    <cellStyle name="Обычный 3 2 4 2 5 6" xfId="23884"/>
    <cellStyle name="Обычный 3 2 4 2 6" xfId="23885"/>
    <cellStyle name="Обычный 3 2 4 2 6 2" xfId="23886"/>
    <cellStyle name="Обычный 3 2 4 2 6 2 2" xfId="23887"/>
    <cellStyle name="Обычный 3 2 4 2 6 2 2 2" xfId="23888"/>
    <cellStyle name="Обычный 3 2 4 2 6 2 3" xfId="23889"/>
    <cellStyle name="Обычный 3 2 4 2 6 2 3 2" xfId="23890"/>
    <cellStyle name="Обычный 3 2 4 2 6 2 4" xfId="23891"/>
    <cellStyle name="Обычный 3 2 4 2 6 3" xfId="23892"/>
    <cellStyle name="Обычный 3 2 4 2 6 3 2" xfId="23893"/>
    <cellStyle name="Обычный 3 2 4 2 6 4" xfId="23894"/>
    <cellStyle name="Обычный 3 2 4 2 6 4 2" xfId="23895"/>
    <cellStyle name="Обычный 3 2 4 2 6 5" xfId="23896"/>
    <cellStyle name="Обычный 3 2 4 2 6 5 2" xfId="23897"/>
    <cellStyle name="Обычный 3 2 4 2 6 6" xfId="23898"/>
    <cellStyle name="Обычный 3 2 4 2 7" xfId="23899"/>
    <cellStyle name="Обычный 3 2 4 2 7 2" xfId="23900"/>
    <cellStyle name="Обычный 3 2 4 2 7 2 2" xfId="23901"/>
    <cellStyle name="Обычный 3 2 4 2 7 2 2 2" xfId="23902"/>
    <cellStyle name="Обычный 3 2 4 2 7 2 3" xfId="23903"/>
    <cellStyle name="Обычный 3 2 4 2 7 2 3 2" xfId="23904"/>
    <cellStyle name="Обычный 3 2 4 2 7 2 4" xfId="23905"/>
    <cellStyle name="Обычный 3 2 4 2 7 3" xfId="23906"/>
    <cellStyle name="Обычный 3 2 4 2 7 3 2" xfId="23907"/>
    <cellStyle name="Обычный 3 2 4 2 7 4" xfId="23908"/>
    <cellStyle name="Обычный 3 2 4 2 7 4 2" xfId="23909"/>
    <cellStyle name="Обычный 3 2 4 2 7 5" xfId="23910"/>
    <cellStyle name="Обычный 3 2 4 2 7 5 2" xfId="23911"/>
    <cellStyle name="Обычный 3 2 4 2 7 6" xfId="23912"/>
    <cellStyle name="Обычный 3 2 4 2 8" xfId="23913"/>
    <cellStyle name="Обычный 3 2 4 2 8 2" xfId="23914"/>
    <cellStyle name="Обычный 3 2 4 2 8 2 2" xfId="23915"/>
    <cellStyle name="Обычный 3 2 4 2 8 3" xfId="23916"/>
    <cellStyle name="Обычный 3 2 4 2 8 3 2" xfId="23917"/>
    <cellStyle name="Обычный 3 2 4 2 8 4" xfId="23918"/>
    <cellStyle name="Обычный 3 2 4 2 9" xfId="23919"/>
    <cellStyle name="Обычный 3 2 4 2 9 2" xfId="23920"/>
    <cellStyle name="Обычный 3 2 4 2 9 2 2" xfId="23921"/>
    <cellStyle name="Обычный 3 2 4 2 9 3" xfId="23922"/>
    <cellStyle name="Обычный 3 2 4 3" xfId="23923"/>
    <cellStyle name="Обычный 3 2 4 3 10" xfId="23924"/>
    <cellStyle name="Обычный 3 2 4 3 2" xfId="23925"/>
    <cellStyle name="Обычный 3 2 4 3 2 2" xfId="23926"/>
    <cellStyle name="Обычный 3 2 4 3 2 2 2" xfId="23927"/>
    <cellStyle name="Обычный 3 2 4 3 2 2 2 2" xfId="23928"/>
    <cellStyle name="Обычный 3 2 4 3 2 2 3" xfId="23929"/>
    <cellStyle name="Обычный 3 2 4 3 2 2 3 2" xfId="23930"/>
    <cellStyle name="Обычный 3 2 4 3 2 2 4" xfId="23931"/>
    <cellStyle name="Обычный 3 2 4 3 2 3" xfId="23932"/>
    <cellStyle name="Обычный 3 2 4 3 2 3 2" xfId="23933"/>
    <cellStyle name="Обычный 3 2 4 3 2 4" xfId="23934"/>
    <cellStyle name="Обычный 3 2 4 3 2 4 2" xfId="23935"/>
    <cellStyle name="Обычный 3 2 4 3 2 5" xfId="23936"/>
    <cellStyle name="Обычный 3 2 4 3 2 5 2" xfId="23937"/>
    <cellStyle name="Обычный 3 2 4 3 2 6" xfId="23938"/>
    <cellStyle name="Обычный 3 2 4 3 3" xfId="23939"/>
    <cellStyle name="Обычный 3 2 4 3 3 2" xfId="23940"/>
    <cellStyle name="Обычный 3 2 4 3 3 2 2" xfId="23941"/>
    <cellStyle name="Обычный 3 2 4 3 3 2 2 2" xfId="23942"/>
    <cellStyle name="Обычный 3 2 4 3 3 2 3" xfId="23943"/>
    <cellStyle name="Обычный 3 2 4 3 3 2 3 2" xfId="23944"/>
    <cellStyle name="Обычный 3 2 4 3 3 2 4" xfId="23945"/>
    <cellStyle name="Обычный 3 2 4 3 3 3" xfId="23946"/>
    <cellStyle name="Обычный 3 2 4 3 3 3 2" xfId="23947"/>
    <cellStyle name="Обычный 3 2 4 3 3 4" xfId="23948"/>
    <cellStyle name="Обычный 3 2 4 3 3 4 2" xfId="23949"/>
    <cellStyle name="Обычный 3 2 4 3 3 5" xfId="23950"/>
    <cellStyle name="Обычный 3 2 4 3 3 5 2" xfId="23951"/>
    <cellStyle name="Обычный 3 2 4 3 3 6" xfId="23952"/>
    <cellStyle name="Обычный 3 2 4 3 4" xfId="23953"/>
    <cellStyle name="Обычный 3 2 4 3 4 2" xfId="23954"/>
    <cellStyle name="Обычный 3 2 4 3 4 2 2" xfId="23955"/>
    <cellStyle name="Обычный 3 2 4 3 4 2 2 2" xfId="23956"/>
    <cellStyle name="Обычный 3 2 4 3 4 2 3" xfId="23957"/>
    <cellStyle name="Обычный 3 2 4 3 4 2 3 2" xfId="23958"/>
    <cellStyle name="Обычный 3 2 4 3 4 2 4" xfId="23959"/>
    <cellStyle name="Обычный 3 2 4 3 4 3" xfId="23960"/>
    <cellStyle name="Обычный 3 2 4 3 4 3 2" xfId="23961"/>
    <cellStyle name="Обычный 3 2 4 3 4 4" xfId="23962"/>
    <cellStyle name="Обычный 3 2 4 3 4 4 2" xfId="23963"/>
    <cellStyle name="Обычный 3 2 4 3 4 5" xfId="23964"/>
    <cellStyle name="Обычный 3 2 4 3 4 5 2" xfId="23965"/>
    <cellStyle name="Обычный 3 2 4 3 4 6" xfId="23966"/>
    <cellStyle name="Обычный 3 2 4 3 5" xfId="23967"/>
    <cellStyle name="Обычный 3 2 4 3 5 2" xfId="23968"/>
    <cellStyle name="Обычный 3 2 4 3 5 2 2" xfId="23969"/>
    <cellStyle name="Обычный 3 2 4 3 5 2 2 2" xfId="23970"/>
    <cellStyle name="Обычный 3 2 4 3 5 2 3" xfId="23971"/>
    <cellStyle name="Обычный 3 2 4 3 5 2 3 2" xfId="23972"/>
    <cellStyle name="Обычный 3 2 4 3 5 2 4" xfId="23973"/>
    <cellStyle name="Обычный 3 2 4 3 5 3" xfId="23974"/>
    <cellStyle name="Обычный 3 2 4 3 5 3 2" xfId="23975"/>
    <cellStyle name="Обычный 3 2 4 3 5 4" xfId="23976"/>
    <cellStyle name="Обычный 3 2 4 3 5 4 2" xfId="23977"/>
    <cellStyle name="Обычный 3 2 4 3 5 5" xfId="23978"/>
    <cellStyle name="Обычный 3 2 4 3 5 5 2" xfId="23979"/>
    <cellStyle name="Обычный 3 2 4 3 5 6" xfId="23980"/>
    <cellStyle name="Обычный 3 2 4 3 6" xfId="23981"/>
    <cellStyle name="Обычный 3 2 4 3 6 2" xfId="23982"/>
    <cellStyle name="Обычный 3 2 4 3 6 2 2" xfId="23983"/>
    <cellStyle name="Обычный 3 2 4 3 6 3" xfId="23984"/>
    <cellStyle name="Обычный 3 2 4 3 6 3 2" xfId="23985"/>
    <cellStyle name="Обычный 3 2 4 3 6 4" xfId="23986"/>
    <cellStyle name="Обычный 3 2 4 3 7" xfId="23987"/>
    <cellStyle name="Обычный 3 2 4 3 7 2" xfId="23988"/>
    <cellStyle name="Обычный 3 2 4 3 8" xfId="23989"/>
    <cellStyle name="Обычный 3 2 4 3 8 2" xfId="23990"/>
    <cellStyle name="Обычный 3 2 4 3 9" xfId="23991"/>
    <cellStyle name="Обычный 3 2 4 3 9 2" xfId="23992"/>
    <cellStyle name="Обычный 3 2 4 4" xfId="23993"/>
    <cellStyle name="Обычный 3 2 4 4 2" xfId="23994"/>
    <cellStyle name="Обычный 3 2 4 4 2 2" xfId="23995"/>
    <cellStyle name="Обычный 3 2 4 4 2 2 2" xfId="23996"/>
    <cellStyle name="Обычный 3 2 4 4 2 2 2 2" xfId="23997"/>
    <cellStyle name="Обычный 3 2 4 4 2 2 3" xfId="23998"/>
    <cellStyle name="Обычный 3 2 4 4 2 2 3 2" xfId="23999"/>
    <cellStyle name="Обычный 3 2 4 4 2 2 4" xfId="24000"/>
    <cellStyle name="Обычный 3 2 4 4 2 3" xfId="24001"/>
    <cellStyle name="Обычный 3 2 4 4 2 3 2" xfId="24002"/>
    <cellStyle name="Обычный 3 2 4 4 2 4" xfId="24003"/>
    <cellStyle name="Обычный 3 2 4 4 2 4 2" xfId="24004"/>
    <cellStyle name="Обычный 3 2 4 4 2 5" xfId="24005"/>
    <cellStyle name="Обычный 3 2 4 4 2 5 2" xfId="24006"/>
    <cellStyle name="Обычный 3 2 4 4 2 6" xfId="24007"/>
    <cellStyle name="Обычный 3 2 4 4 3" xfId="24008"/>
    <cellStyle name="Обычный 3 2 4 4 3 2" xfId="24009"/>
    <cellStyle name="Обычный 3 2 4 4 3 2 2" xfId="24010"/>
    <cellStyle name="Обычный 3 2 4 4 3 2 2 2" xfId="24011"/>
    <cellStyle name="Обычный 3 2 4 4 3 2 3" xfId="24012"/>
    <cellStyle name="Обычный 3 2 4 4 3 2 3 2" xfId="24013"/>
    <cellStyle name="Обычный 3 2 4 4 3 2 4" xfId="24014"/>
    <cellStyle name="Обычный 3 2 4 4 3 3" xfId="24015"/>
    <cellStyle name="Обычный 3 2 4 4 3 3 2" xfId="24016"/>
    <cellStyle name="Обычный 3 2 4 4 3 4" xfId="24017"/>
    <cellStyle name="Обычный 3 2 4 4 3 4 2" xfId="24018"/>
    <cellStyle name="Обычный 3 2 4 4 3 5" xfId="24019"/>
    <cellStyle name="Обычный 3 2 4 4 3 5 2" xfId="24020"/>
    <cellStyle name="Обычный 3 2 4 4 3 6" xfId="24021"/>
    <cellStyle name="Обычный 3 2 4 4 4" xfId="24022"/>
    <cellStyle name="Обычный 3 2 4 4 4 2" xfId="24023"/>
    <cellStyle name="Обычный 3 2 4 4 4 2 2" xfId="24024"/>
    <cellStyle name="Обычный 3 2 4 4 4 2 2 2" xfId="24025"/>
    <cellStyle name="Обычный 3 2 4 4 4 2 3" xfId="24026"/>
    <cellStyle name="Обычный 3 2 4 4 4 2 3 2" xfId="24027"/>
    <cellStyle name="Обычный 3 2 4 4 4 2 4" xfId="24028"/>
    <cellStyle name="Обычный 3 2 4 4 4 3" xfId="24029"/>
    <cellStyle name="Обычный 3 2 4 4 4 3 2" xfId="24030"/>
    <cellStyle name="Обычный 3 2 4 4 4 4" xfId="24031"/>
    <cellStyle name="Обычный 3 2 4 4 4 4 2" xfId="24032"/>
    <cellStyle name="Обычный 3 2 4 4 4 5" xfId="24033"/>
    <cellStyle name="Обычный 3 2 4 4 4 5 2" xfId="24034"/>
    <cellStyle name="Обычный 3 2 4 4 4 6" xfId="24035"/>
    <cellStyle name="Обычный 3 2 4 4 5" xfId="24036"/>
    <cellStyle name="Обычный 3 2 4 4 5 2" xfId="24037"/>
    <cellStyle name="Обычный 3 2 4 4 5 2 2" xfId="24038"/>
    <cellStyle name="Обычный 3 2 4 4 5 3" xfId="24039"/>
    <cellStyle name="Обычный 3 2 4 4 5 3 2" xfId="24040"/>
    <cellStyle name="Обычный 3 2 4 4 5 4" xfId="24041"/>
    <cellStyle name="Обычный 3 2 4 4 6" xfId="24042"/>
    <cellStyle name="Обычный 3 2 4 4 6 2" xfId="24043"/>
    <cellStyle name="Обычный 3 2 4 4 7" xfId="24044"/>
    <cellStyle name="Обычный 3 2 4 4 7 2" xfId="24045"/>
    <cellStyle name="Обычный 3 2 4 4 8" xfId="24046"/>
    <cellStyle name="Обычный 3 2 4 4 8 2" xfId="24047"/>
    <cellStyle name="Обычный 3 2 4 4 9" xfId="24048"/>
    <cellStyle name="Обычный 3 2 4 5" xfId="24049"/>
    <cellStyle name="Обычный 3 2 4 5 2" xfId="24050"/>
    <cellStyle name="Обычный 3 2 4 5 2 2" xfId="24051"/>
    <cellStyle name="Обычный 3 2 4 5 2 2 2" xfId="24052"/>
    <cellStyle name="Обычный 3 2 4 5 2 3" xfId="24053"/>
    <cellStyle name="Обычный 3 2 4 5 2 3 2" xfId="24054"/>
    <cellStyle name="Обычный 3 2 4 5 2 4" xfId="24055"/>
    <cellStyle name="Обычный 3 2 4 5 3" xfId="24056"/>
    <cellStyle name="Обычный 3 2 4 5 3 2" xfId="24057"/>
    <cellStyle name="Обычный 3 2 4 5 4" xfId="24058"/>
    <cellStyle name="Обычный 3 2 4 5 4 2" xfId="24059"/>
    <cellStyle name="Обычный 3 2 4 5 5" xfId="24060"/>
    <cellStyle name="Обычный 3 2 4 5 5 2" xfId="24061"/>
    <cellStyle name="Обычный 3 2 4 5 6" xfId="24062"/>
    <cellStyle name="Обычный 3 2 4 6" xfId="24063"/>
    <cellStyle name="Обычный 3 2 4 6 2" xfId="24064"/>
    <cellStyle name="Обычный 3 2 4 6 2 2" xfId="24065"/>
    <cellStyle name="Обычный 3 2 4 6 2 2 2" xfId="24066"/>
    <cellStyle name="Обычный 3 2 4 6 2 3" xfId="24067"/>
    <cellStyle name="Обычный 3 2 4 6 2 3 2" xfId="24068"/>
    <cellStyle name="Обычный 3 2 4 6 2 4" xfId="24069"/>
    <cellStyle name="Обычный 3 2 4 6 3" xfId="24070"/>
    <cellStyle name="Обычный 3 2 4 6 3 2" xfId="24071"/>
    <cellStyle name="Обычный 3 2 4 6 4" xfId="24072"/>
    <cellStyle name="Обычный 3 2 4 6 4 2" xfId="24073"/>
    <cellStyle name="Обычный 3 2 4 6 5" xfId="24074"/>
    <cellStyle name="Обычный 3 2 4 6 5 2" xfId="24075"/>
    <cellStyle name="Обычный 3 2 4 6 6" xfId="24076"/>
    <cellStyle name="Обычный 3 2 4 7" xfId="24077"/>
    <cellStyle name="Обычный 3 2 4 7 2" xfId="24078"/>
    <cellStyle name="Обычный 3 2 4 7 2 2" xfId="24079"/>
    <cellStyle name="Обычный 3 2 4 7 2 2 2" xfId="24080"/>
    <cellStyle name="Обычный 3 2 4 7 2 3" xfId="24081"/>
    <cellStyle name="Обычный 3 2 4 7 2 3 2" xfId="24082"/>
    <cellStyle name="Обычный 3 2 4 7 2 4" xfId="24083"/>
    <cellStyle name="Обычный 3 2 4 7 3" xfId="24084"/>
    <cellStyle name="Обычный 3 2 4 7 3 2" xfId="24085"/>
    <cellStyle name="Обычный 3 2 4 7 4" xfId="24086"/>
    <cellStyle name="Обычный 3 2 4 7 4 2" xfId="24087"/>
    <cellStyle name="Обычный 3 2 4 7 5" xfId="24088"/>
    <cellStyle name="Обычный 3 2 4 7 5 2" xfId="24089"/>
    <cellStyle name="Обычный 3 2 4 7 6" xfId="24090"/>
    <cellStyle name="Обычный 3 2 4 8" xfId="24091"/>
    <cellStyle name="Обычный 3 2 4 8 2" xfId="24092"/>
    <cellStyle name="Обычный 3 2 4 8 2 2" xfId="24093"/>
    <cellStyle name="Обычный 3 2 4 8 2 2 2" xfId="24094"/>
    <cellStyle name="Обычный 3 2 4 8 2 3" xfId="24095"/>
    <cellStyle name="Обычный 3 2 4 8 2 3 2" xfId="24096"/>
    <cellStyle name="Обычный 3 2 4 8 2 4" xfId="24097"/>
    <cellStyle name="Обычный 3 2 4 8 3" xfId="24098"/>
    <cellStyle name="Обычный 3 2 4 8 3 2" xfId="24099"/>
    <cellStyle name="Обычный 3 2 4 8 4" xfId="24100"/>
    <cellStyle name="Обычный 3 2 4 8 4 2" xfId="24101"/>
    <cellStyle name="Обычный 3 2 4 8 5" xfId="24102"/>
    <cellStyle name="Обычный 3 2 4 8 5 2" xfId="24103"/>
    <cellStyle name="Обычный 3 2 4 8 6" xfId="24104"/>
    <cellStyle name="Обычный 3 2 4 9" xfId="24105"/>
    <cellStyle name="Обычный 3 2 4 9 2" xfId="24106"/>
    <cellStyle name="Обычный 3 2 4 9 2 2" xfId="24107"/>
    <cellStyle name="Обычный 3 2 4 9 3" xfId="24108"/>
    <cellStyle name="Обычный 3 2 4 9 3 2" xfId="24109"/>
    <cellStyle name="Обычный 3 2 4 9 4" xfId="24110"/>
    <cellStyle name="Обычный 3 2 5" xfId="24111"/>
    <cellStyle name="Обычный 3 2 5 10" xfId="24112"/>
    <cellStyle name="Обычный 3 2 5 10 2" xfId="24113"/>
    <cellStyle name="Обычный 3 2 5 10 2 2" xfId="24114"/>
    <cellStyle name="Обычный 3 2 5 10 3" xfId="24115"/>
    <cellStyle name="Обычный 3 2 5 11" xfId="24116"/>
    <cellStyle name="Обычный 3 2 5 11 2" xfId="24117"/>
    <cellStyle name="Обычный 3 2 5 12" xfId="24118"/>
    <cellStyle name="Обычный 3 2 5 12 2" xfId="24119"/>
    <cellStyle name="Обычный 3 2 5 13" xfId="24120"/>
    <cellStyle name="Обычный 3 2 5 14" xfId="24121"/>
    <cellStyle name="Обычный 3 2 5 2" xfId="24122"/>
    <cellStyle name="Обычный 3 2 5 2 10" xfId="24123"/>
    <cellStyle name="Обычный 3 2 5 2 10 2" xfId="24124"/>
    <cellStyle name="Обычный 3 2 5 2 11" xfId="24125"/>
    <cellStyle name="Обычный 3 2 5 2 11 2" xfId="24126"/>
    <cellStyle name="Обычный 3 2 5 2 12" xfId="24127"/>
    <cellStyle name="Обычный 3 2 5 2 13" xfId="24128"/>
    <cellStyle name="Обычный 3 2 5 2 2" xfId="24129"/>
    <cellStyle name="Обычный 3 2 5 2 2 10" xfId="24130"/>
    <cellStyle name="Обычный 3 2 5 2 2 2" xfId="24131"/>
    <cellStyle name="Обычный 3 2 5 2 2 2 2" xfId="24132"/>
    <cellStyle name="Обычный 3 2 5 2 2 2 2 2" xfId="24133"/>
    <cellStyle name="Обычный 3 2 5 2 2 2 2 2 2" xfId="24134"/>
    <cellStyle name="Обычный 3 2 5 2 2 2 2 3" xfId="24135"/>
    <cellStyle name="Обычный 3 2 5 2 2 2 2 3 2" xfId="24136"/>
    <cellStyle name="Обычный 3 2 5 2 2 2 2 4" xfId="24137"/>
    <cellStyle name="Обычный 3 2 5 2 2 2 3" xfId="24138"/>
    <cellStyle name="Обычный 3 2 5 2 2 2 3 2" xfId="24139"/>
    <cellStyle name="Обычный 3 2 5 2 2 2 4" xfId="24140"/>
    <cellStyle name="Обычный 3 2 5 2 2 2 4 2" xfId="24141"/>
    <cellStyle name="Обычный 3 2 5 2 2 2 5" xfId="24142"/>
    <cellStyle name="Обычный 3 2 5 2 2 2 5 2" xfId="24143"/>
    <cellStyle name="Обычный 3 2 5 2 2 2 6" xfId="24144"/>
    <cellStyle name="Обычный 3 2 5 2 2 3" xfId="24145"/>
    <cellStyle name="Обычный 3 2 5 2 2 3 2" xfId="24146"/>
    <cellStyle name="Обычный 3 2 5 2 2 3 2 2" xfId="24147"/>
    <cellStyle name="Обычный 3 2 5 2 2 3 2 2 2" xfId="24148"/>
    <cellStyle name="Обычный 3 2 5 2 2 3 2 3" xfId="24149"/>
    <cellStyle name="Обычный 3 2 5 2 2 3 2 3 2" xfId="24150"/>
    <cellStyle name="Обычный 3 2 5 2 2 3 2 4" xfId="24151"/>
    <cellStyle name="Обычный 3 2 5 2 2 3 3" xfId="24152"/>
    <cellStyle name="Обычный 3 2 5 2 2 3 3 2" xfId="24153"/>
    <cellStyle name="Обычный 3 2 5 2 2 3 4" xfId="24154"/>
    <cellStyle name="Обычный 3 2 5 2 2 3 4 2" xfId="24155"/>
    <cellStyle name="Обычный 3 2 5 2 2 3 5" xfId="24156"/>
    <cellStyle name="Обычный 3 2 5 2 2 3 5 2" xfId="24157"/>
    <cellStyle name="Обычный 3 2 5 2 2 3 6" xfId="24158"/>
    <cellStyle name="Обычный 3 2 5 2 2 4" xfId="24159"/>
    <cellStyle name="Обычный 3 2 5 2 2 4 2" xfId="24160"/>
    <cellStyle name="Обычный 3 2 5 2 2 4 2 2" xfId="24161"/>
    <cellStyle name="Обычный 3 2 5 2 2 4 2 2 2" xfId="24162"/>
    <cellStyle name="Обычный 3 2 5 2 2 4 2 3" xfId="24163"/>
    <cellStyle name="Обычный 3 2 5 2 2 4 2 3 2" xfId="24164"/>
    <cellStyle name="Обычный 3 2 5 2 2 4 2 4" xfId="24165"/>
    <cellStyle name="Обычный 3 2 5 2 2 4 3" xfId="24166"/>
    <cellStyle name="Обычный 3 2 5 2 2 4 3 2" xfId="24167"/>
    <cellStyle name="Обычный 3 2 5 2 2 4 4" xfId="24168"/>
    <cellStyle name="Обычный 3 2 5 2 2 4 4 2" xfId="24169"/>
    <cellStyle name="Обычный 3 2 5 2 2 4 5" xfId="24170"/>
    <cellStyle name="Обычный 3 2 5 2 2 4 5 2" xfId="24171"/>
    <cellStyle name="Обычный 3 2 5 2 2 4 6" xfId="24172"/>
    <cellStyle name="Обычный 3 2 5 2 2 5" xfId="24173"/>
    <cellStyle name="Обычный 3 2 5 2 2 5 2" xfId="24174"/>
    <cellStyle name="Обычный 3 2 5 2 2 5 2 2" xfId="24175"/>
    <cellStyle name="Обычный 3 2 5 2 2 5 2 2 2" xfId="24176"/>
    <cellStyle name="Обычный 3 2 5 2 2 5 2 3" xfId="24177"/>
    <cellStyle name="Обычный 3 2 5 2 2 5 2 3 2" xfId="24178"/>
    <cellStyle name="Обычный 3 2 5 2 2 5 2 4" xfId="24179"/>
    <cellStyle name="Обычный 3 2 5 2 2 5 3" xfId="24180"/>
    <cellStyle name="Обычный 3 2 5 2 2 5 3 2" xfId="24181"/>
    <cellStyle name="Обычный 3 2 5 2 2 5 4" xfId="24182"/>
    <cellStyle name="Обычный 3 2 5 2 2 5 4 2" xfId="24183"/>
    <cellStyle name="Обычный 3 2 5 2 2 5 5" xfId="24184"/>
    <cellStyle name="Обычный 3 2 5 2 2 5 5 2" xfId="24185"/>
    <cellStyle name="Обычный 3 2 5 2 2 5 6" xfId="24186"/>
    <cellStyle name="Обычный 3 2 5 2 2 6" xfId="24187"/>
    <cellStyle name="Обычный 3 2 5 2 2 6 2" xfId="24188"/>
    <cellStyle name="Обычный 3 2 5 2 2 6 2 2" xfId="24189"/>
    <cellStyle name="Обычный 3 2 5 2 2 6 3" xfId="24190"/>
    <cellStyle name="Обычный 3 2 5 2 2 6 3 2" xfId="24191"/>
    <cellStyle name="Обычный 3 2 5 2 2 6 4" xfId="24192"/>
    <cellStyle name="Обычный 3 2 5 2 2 7" xfId="24193"/>
    <cellStyle name="Обычный 3 2 5 2 2 7 2" xfId="24194"/>
    <cellStyle name="Обычный 3 2 5 2 2 8" xfId="24195"/>
    <cellStyle name="Обычный 3 2 5 2 2 8 2" xfId="24196"/>
    <cellStyle name="Обычный 3 2 5 2 2 9" xfId="24197"/>
    <cellStyle name="Обычный 3 2 5 2 2 9 2" xfId="24198"/>
    <cellStyle name="Обычный 3 2 5 2 3" xfId="24199"/>
    <cellStyle name="Обычный 3 2 5 2 3 2" xfId="24200"/>
    <cellStyle name="Обычный 3 2 5 2 3 2 2" xfId="24201"/>
    <cellStyle name="Обычный 3 2 5 2 3 2 2 2" xfId="24202"/>
    <cellStyle name="Обычный 3 2 5 2 3 2 2 2 2" xfId="24203"/>
    <cellStyle name="Обычный 3 2 5 2 3 2 2 3" xfId="24204"/>
    <cellStyle name="Обычный 3 2 5 2 3 2 2 3 2" xfId="24205"/>
    <cellStyle name="Обычный 3 2 5 2 3 2 2 4" xfId="24206"/>
    <cellStyle name="Обычный 3 2 5 2 3 2 3" xfId="24207"/>
    <cellStyle name="Обычный 3 2 5 2 3 2 3 2" xfId="24208"/>
    <cellStyle name="Обычный 3 2 5 2 3 2 4" xfId="24209"/>
    <cellStyle name="Обычный 3 2 5 2 3 2 4 2" xfId="24210"/>
    <cellStyle name="Обычный 3 2 5 2 3 2 5" xfId="24211"/>
    <cellStyle name="Обычный 3 2 5 2 3 2 5 2" xfId="24212"/>
    <cellStyle name="Обычный 3 2 5 2 3 2 6" xfId="24213"/>
    <cellStyle name="Обычный 3 2 5 2 3 3" xfId="24214"/>
    <cellStyle name="Обычный 3 2 5 2 3 3 2" xfId="24215"/>
    <cellStyle name="Обычный 3 2 5 2 3 3 2 2" xfId="24216"/>
    <cellStyle name="Обычный 3 2 5 2 3 3 2 2 2" xfId="24217"/>
    <cellStyle name="Обычный 3 2 5 2 3 3 2 3" xfId="24218"/>
    <cellStyle name="Обычный 3 2 5 2 3 3 2 3 2" xfId="24219"/>
    <cellStyle name="Обычный 3 2 5 2 3 3 2 4" xfId="24220"/>
    <cellStyle name="Обычный 3 2 5 2 3 3 3" xfId="24221"/>
    <cellStyle name="Обычный 3 2 5 2 3 3 3 2" xfId="24222"/>
    <cellStyle name="Обычный 3 2 5 2 3 3 4" xfId="24223"/>
    <cellStyle name="Обычный 3 2 5 2 3 3 4 2" xfId="24224"/>
    <cellStyle name="Обычный 3 2 5 2 3 3 5" xfId="24225"/>
    <cellStyle name="Обычный 3 2 5 2 3 3 5 2" xfId="24226"/>
    <cellStyle name="Обычный 3 2 5 2 3 3 6" xfId="24227"/>
    <cellStyle name="Обычный 3 2 5 2 3 4" xfId="24228"/>
    <cellStyle name="Обычный 3 2 5 2 3 4 2" xfId="24229"/>
    <cellStyle name="Обычный 3 2 5 2 3 4 2 2" xfId="24230"/>
    <cellStyle name="Обычный 3 2 5 2 3 4 2 2 2" xfId="24231"/>
    <cellStyle name="Обычный 3 2 5 2 3 4 2 3" xfId="24232"/>
    <cellStyle name="Обычный 3 2 5 2 3 4 2 3 2" xfId="24233"/>
    <cellStyle name="Обычный 3 2 5 2 3 4 2 4" xfId="24234"/>
    <cellStyle name="Обычный 3 2 5 2 3 4 3" xfId="24235"/>
    <cellStyle name="Обычный 3 2 5 2 3 4 3 2" xfId="24236"/>
    <cellStyle name="Обычный 3 2 5 2 3 4 4" xfId="24237"/>
    <cellStyle name="Обычный 3 2 5 2 3 4 4 2" xfId="24238"/>
    <cellStyle name="Обычный 3 2 5 2 3 4 5" xfId="24239"/>
    <cellStyle name="Обычный 3 2 5 2 3 4 5 2" xfId="24240"/>
    <cellStyle name="Обычный 3 2 5 2 3 4 6" xfId="24241"/>
    <cellStyle name="Обычный 3 2 5 2 3 5" xfId="24242"/>
    <cellStyle name="Обычный 3 2 5 2 3 5 2" xfId="24243"/>
    <cellStyle name="Обычный 3 2 5 2 3 5 2 2" xfId="24244"/>
    <cellStyle name="Обычный 3 2 5 2 3 5 3" xfId="24245"/>
    <cellStyle name="Обычный 3 2 5 2 3 5 3 2" xfId="24246"/>
    <cellStyle name="Обычный 3 2 5 2 3 5 4" xfId="24247"/>
    <cellStyle name="Обычный 3 2 5 2 3 6" xfId="24248"/>
    <cellStyle name="Обычный 3 2 5 2 3 6 2" xfId="24249"/>
    <cellStyle name="Обычный 3 2 5 2 3 7" xfId="24250"/>
    <cellStyle name="Обычный 3 2 5 2 3 7 2" xfId="24251"/>
    <cellStyle name="Обычный 3 2 5 2 3 8" xfId="24252"/>
    <cellStyle name="Обычный 3 2 5 2 3 8 2" xfId="24253"/>
    <cellStyle name="Обычный 3 2 5 2 3 9" xfId="24254"/>
    <cellStyle name="Обычный 3 2 5 2 4" xfId="24255"/>
    <cellStyle name="Обычный 3 2 5 2 4 2" xfId="24256"/>
    <cellStyle name="Обычный 3 2 5 2 4 2 2" xfId="24257"/>
    <cellStyle name="Обычный 3 2 5 2 4 2 2 2" xfId="24258"/>
    <cellStyle name="Обычный 3 2 5 2 4 2 3" xfId="24259"/>
    <cellStyle name="Обычный 3 2 5 2 4 2 3 2" xfId="24260"/>
    <cellStyle name="Обычный 3 2 5 2 4 2 4" xfId="24261"/>
    <cellStyle name="Обычный 3 2 5 2 4 3" xfId="24262"/>
    <cellStyle name="Обычный 3 2 5 2 4 3 2" xfId="24263"/>
    <cellStyle name="Обычный 3 2 5 2 4 4" xfId="24264"/>
    <cellStyle name="Обычный 3 2 5 2 4 4 2" xfId="24265"/>
    <cellStyle name="Обычный 3 2 5 2 4 5" xfId="24266"/>
    <cellStyle name="Обычный 3 2 5 2 4 5 2" xfId="24267"/>
    <cellStyle name="Обычный 3 2 5 2 4 6" xfId="24268"/>
    <cellStyle name="Обычный 3 2 5 2 5" xfId="24269"/>
    <cellStyle name="Обычный 3 2 5 2 5 2" xfId="24270"/>
    <cellStyle name="Обычный 3 2 5 2 5 2 2" xfId="24271"/>
    <cellStyle name="Обычный 3 2 5 2 5 2 2 2" xfId="24272"/>
    <cellStyle name="Обычный 3 2 5 2 5 2 3" xfId="24273"/>
    <cellStyle name="Обычный 3 2 5 2 5 2 3 2" xfId="24274"/>
    <cellStyle name="Обычный 3 2 5 2 5 2 4" xfId="24275"/>
    <cellStyle name="Обычный 3 2 5 2 5 3" xfId="24276"/>
    <cellStyle name="Обычный 3 2 5 2 5 3 2" xfId="24277"/>
    <cellStyle name="Обычный 3 2 5 2 5 4" xfId="24278"/>
    <cellStyle name="Обычный 3 2 5 2 5 4 2" xfId="24279"/>
    <cellStyle name="Обычный 3 2 5 2 5 5" xfId="24280"/>
    <cellStyle name="Обычный 3 2 5 2 5 5 2" xfId="24281"/>
    <cellStyle name="Обычный 3 2 5 2 5 6" xfId="24282"/>
    <cellStyle name="Обычный 3 2 5 2 6" xfId="24283"/>
    <cellStyle name="Обычный 3 2 5 2 6 2" xfId="24284"/>
    <cellStyle name="Обычный 3 2 5 2 6 2 2" xfId="24285"/>
    <cellStyle name="Обычный 3 2 5 2 6 2 2 2" xfId="24286"/>
    <cellStyle name="Обычный 3 2 5 2 6 2 3" xfId="24287"/>
    <cellStyle name="Обычный 3 2 5 2 6 2 3 2" xfId="24288"/>
    <cellStyle name="Обычный 3 2 5 2 6 2 4" xfId="24289"/>
    <cellStyle name="Обычный 3 2 5 2 6 3" xfId="24290"/>
    <cellStyle name="Обычный 3 2 5 2 6 3 2" xfId="24291"/>
    <cellStyle name="Обычный 3 2 5 2 6 4" xfId="24292"/>
    <cellStyle name="Обычный 3 2 5 2 6 4 2" xfId="24293"/>
    <cellStyle name="Обычный 3 2 5 2 6 5" xfId="24294"/>
    <cellStyle name="Обычный 3 2 5 2 6 5 2" xfId="24295"/>
    <cellStyle name="Обычный 3 2 5 2 6 6" xfId="24296"/>
    <cellStyle name="Обычный 3 2 5 2 7" xfId="24297"/>
    <cellStyle name="Обычный 3 2 5 2 7 2" xfId="24298"/>
    <cellStyle name="Обычный 3 2 5 2 7 2 2" xfId="24299"/>
    <cellStyle name="Обычный 3 2 5 2 7 2 2 2" xfId="24300"/>
    <cellStyle name="Обычный 3 2 5 2 7 2 3" xfId="24301"/>
    <cellStyle name="Обычный 3 2 5 2 7 2 3 2" xfId="24302"/>
    <cellStyle name="Обычный 3 2 5 2 7 2 4" xfId="24303"/>
    <cellStyle name="Обычный 3 2 5 2 7 3" xfId="24304"/>
    <cellStyle name="Обычный 3 2 5 2 7 3 2" xfId="24305"/>
    <cellStyle name="Обычный 3 2 5 2 7 4" xfId="24306"/>
    <cellStyle name="Обычный 3 2 5 2 7 4 2" xfId="24307"/>
    <cellStyle name="Обычный 3 2 5 2 7 5" xfId="24308"/>
    <cellStyle name="Обычный 3 2 5 2 7 5 2" xfId="24309"/>
    <cellStyle name="Обычный 3 2 5 2 7 6" xfId="24310"/>
    <cellStyle name="Обычный 3 2 5 2 8" xfId="24311"/>
    <cellStyle name="Обычный 3 2 5 2 8 2" xfId="24312"/>
    <cellStyle name="Обычный 3 2 5 2 8 2 2" xfId="24313"/>
    <cellStyle name="Обычный 3 2 5 2 8 3" xfId="24314"/>
    <cellStyle name="Обычный 3 2 5 2 8 3 2" xfId="24315"/>
    <cellStyle name="Обычный 3 2 5 2 8 4" xfId="24316"/>
    <cellStyle name="Обычный 3 2 5 2 9" xfId="24317"/>
    <cellStyle name="Обычный 3 2 5 2 9 2" xfId="24318"/>
    <cellStyle name="Обычный 3 2 5 2 9 2 2" xfId="24319"/>
    <cellStyle name="Обычный 3 2 5 2 9 3" xfId="24320"/>
    <cellStyle name="Обычный 3 2 5 3" xfId="24321"/>
    <cellStyle name="Обычный 3 2 5 3 10" xfId="24322"/>
    <cellStyle name="Обычный 3 2 5 3 2" xfId="24323"/>
    <cellStyle name="Обычный 3 2 5 3 2 2" xfId="24324"/>
    <cellStyle name="Обычный 3 2 5 3 2 2 2" xfId="24325"/>
    <cellStyle name="Обычный 3 2 5 3 2 2 2 2" xfId="24326"/>
    <cellStyle name="Обычный 3 2 5 3 2 2 3" xfId="24327"/>
    <cellStyle name="Обычный 3 2 5 3 2 2 3 2" xfId="24328"/>
    <cellStyle name="Обычный 3 2 5 3 2 2 4" xfId="24329"/>
    <cellStyle name="Обычный 3 2 5 3 2 3" xfId="24330"/>
    <cellStyle name="Обычный 3 2 5 3 2 3 2" xfId="24331"/>
    <cellStyle name="Обычный 3 2 5 3 2 4" xfId="24332"/>
    <cellStyle name="Обычный 3 2 5 3 2 4 2" xfId="24333"/>
    <cellStyle name="Обычный 3 2 5 3 2 5" xfId="24334"/>
    <cellStyle name="Обычный 3 2 5 3 2 5 2" xfId="24335"/>
    <cellStyle name="Обычный 3 2 5 3 2 6" xfId="24336"/>
    <cellStyle name="Обычный 3 2 5 3 3" xfId="24337"/>
    <cellStyle name="Обычный 3 2 5 3 3 2" xfId="24338"/>
    <cellStyle name="Обычный 3 2 5 3 3 2 2" xfId="24339"/>
    <cellStyle name="Обычный 3 2 5 3 3 2 2 2" xfId="24340"/>
    <cellStyle name="Обычный 3 2 5 3 3 2 3" xfId="24341"/>
    <cellStyle name="Обычный 3 2 5 3 3 2 3 2" xfId="24342"/>
    <cellStyle name="Обычный 3 2 5 3 3 2 4" xfId="24343"/>
    <cellStyle name="Обычный 3 2 5 3 3 3" xfId="24344"/>
    <cellStyle name="Обычный 3 2 5 3 3 3 2" xfId="24345"/>
    <cellStyle name="Обычный 3 2 5 3 3 4" xfId="24346"/>
    <cellStyle name="Обычный 3 2 5 3 3 4 2" xfId="24347"/>
    <cellStyle name="Обычный 3 2 5 3 3 5" xfId="24348"/>
    <cellStyle name="Обычный 3 2 5 3 3 5 2" xfId="24349"/>
    <cellStyle name="Обычный 3 2 5 3 3 6" xfId="24350"/>
    <cellStyle name="Обычный 3 2 5 3 4" xfId="24351"/>
    <cellStyle name="Обычный 3 2 5 3 4 2" xfId="24352"/>
    <cellStyle name="Обычный 3 2 5 3 4 2 2" xfId="24353"/>
    <cellStyle name="Обычный 3 2 5 3 4 2 2 2" xfId="24354"/>
    <cellStyle name="Обычный 3 2 5 3 4 2 3" xfId="24355"/>
    <cellStyle name="Обычный 3 2 5 3 4 2 3 2" xfId="24356"/>
    <cellStyle name="Обычный 3 2 5 3 4 2 4" xfId="24357"/>
    <cellStyle name="Обычный 3 2 5 3 4 3" xfId="24358"/>
    <cellStyle name="Обычный 3 2 5 3 4 3 2" xfId="24359"/>
    <cellStyle name="Обычный 3 2 5 3 4 4" xfId="24360"/>
    <cellStyle name="Обычный 3 2 5 3 4 4 2" xfId="24361"/>
    <cellStyle name="Обычный 3 2 5 3 4 5" xfId="24362"/>
    <cellStyle name="Обычный 3 2 5 3 4 5 2" xfId="24363"/>
    <cellStyle name="Обычный 3 2 5 3 4 6" xfId="24364"/>
    <cellStyle name="Обычный 3 2 5 3 5" xfId="24365"/>
    <cellStyle name="Обычный 3 2 5 3 5 2" xfId="24366"/>
    <cellStyle name="Обычный 3 2 5 3 5 2 2" xfId="24367"/>
    <cellStyle name="Обычный 3 2 5 3 5 2 2 2" xfId="24368"/>
    <cellStyle name="Обычный 3 2 5 3 5 2 3" xfId="24369"/>
    <cellStyle name="Обычный 3 2 5 3 5 2 3 2" xfId="24370"/>
    <cellStyle name="Обычный 3 2 5 3 5 2 4" xfId="24371"/>
    <cellStyle name="Обычный 3 2 5 3 5 3" xfId="24372"/>
    <cellStyle name="Обычный 3 2 5 3 5 3 2" xfId="24373"/>
    <cellStyle name="Обычный 3 2 5 3 5 4" xfId="24374"/>
    <cellStyle name="Обычный 3 2 5 3 5 4 2" xfId="24375"/>
    <cellStyle name="Обычный 3 2 5 3 5 5" xfId="24376"/>
    <cellStyle name="Обычный 3 2 5 3 5 5 2" xfId="24377"/>
    <cellStyle name="Обычный 3 2 5 3 5 6" xfId="24378"/>
    <cellStyle name="Обычный 3 2 5 3 6" xfId="24379"/>
    <cellStyle name="Обычный 3 2 5 3 6 2" xfId="24380"/>
    <cellStyle name="Обычный 3 2 5 3 6 2 2" xfId="24381"/>
    <cellStyle name="Обычный 3 2 5 3 6 3" xfId="24382"/>
    <cellStyle name="Обычный 3 2 5 3 6 3 2" xfId="24383"/>
    <cellStyle name="Обычный 3 2 5 3 6 4" xfId="24384"/>
    <cellStyle name="Обычный 3 2 5 3 7" xfId="24385"/>
    <cellStyle name="Обычный 3 2 5 3 7 2" xfId="24386"/>
    <cellStyle name="Обычный 3 2 5 3 8" xfId="24387"/>
    <cellStyle name="Обычный 3 2 5 3 8 2" xfId="24388"/>
    <cellStyle name="Обычный 3 2 5 3 9" xfId="24389"/>
    <cellStyle name="Обычный 3 2 5 3 9 2" xfId="24390"/>
    <cellStyle name="Обычный 3 2 5 4" xfId="24391"/>
    <cellStyle name="Обычный 3 2 5 4 2" xfId="24392"/>
    <cellStyle name="Обычный 3 2 5 4 2 2" xfId="24393"/>
    <cellStyle name="Обычный 3 2 5 4 2 2 2" xfId="24394"/>
    <cellStyle name="Обычный 3 2 5 4 2 2 2 2" xfId="24395"/>
    <cellStyle name="Обычный 3 2 5 4 2 2 3" xfId="24396"/>
    <cellStyle name="Обычный 3 2 5 4 2 2 3 2" xfId="24397"/>
    <cellStyle name="Обычный 3 2 5 4 2 2 4" xfId="24398"/>
    <cellStyle name="Обычный 3 2 5 4 2 3" xfId="24399"/>
    <cellStyle name="Обычный 3 2 5 4 2 3 2" xfId="24400"/>
    <cellStyle name="Обычный 3 2 5 4 2 4" xfId="24401"/>
    <cellStyle name="Обычный 3 2 5 4 2 4 2" xfId="24402"/>
    <cellStyle name="Обычный 3 2 5 4 2 5" xfId="24403"/>
    <cellStyle name="Обычный 3 2 5 4 2 5 2" xfId="24404"/>
    <cellStyle name="Обычный 3 2 5 4 2 6" xfId="24405"/>
    <cellStyle name="Обычный 3 2 5 4 3" xfId="24406"/>
    <cellStyle name="Обычный 3 2 5 4 3 2" xfId="24407"/>
    <cellStyle name="Обычный 3 2 5 4 3 2 2" xfId="24408"/>
    <cellStyle name="Обычный 3 2 5 4 3 2 2 2" xfId="24409"/>
    <cellStyle name="Обычный 3 2 5 4 3 2 3" xfId="24410"/>
    <cellStyle name="Обычный 3 2 5 4 3 2 3 2" xfId="24411"/>
    <cellStyle name="Обычный 3 2 5 4 3 2 4" xfId="24412"/>
    <cellStyle name="Обычный 3 2 5 4 3 3" xfId="24413"/>
    <cellStyle name="Обычный 3 2 5 4 3 3 2" xfId="24414"/>
    <cellStyle name="Обычный 3 2 5 4 3 4" xfId="24415"/>
    <cellStyle name="Обычный 3 2 5 4 3 4 2" xfId="24416"/>
    <cellStyle name="Обычный 3 2 5 4 3 5" xfId="24417"/>
    <cellStyle name="Обычный 3 2 5 4 3 5 2" xfId="24418"/>
    <cellStyle name="Обычный 3 2 5 4 3 6" xfId="24419"/>
    <cellStyle name="Обычный 3 2 5 4 4" xfId="24420"/>
    <cellStyle name="Обычный 3 2 5 4 4 2" xfId="24421"/>
    <cellStyle name="Обычный 3 2 5 4 4 2 2" xfId="24422"/>
    <cellStyle name="Обычный 3 2 5 4 4 2 2 2" xfId="24423"/>
    <cellStyle name="Обычный 3 2 5 4 4 2 3" xfId="24424"/>
    <cellStyle name="Обычный 3 2 5 4 4 2 3 2" xfId="24425"/>
    <cellStyle name="Обычный 3 2 5 4 4 2 4" xfId="24426"/>
    <cellStyle name="Обычный 3 2 5 4 4 3" xfId="24427"/>
    <cellStyle name="Обычный 3 2 5 4 4 3 2" xfId="24428"/>
    <cellStyle name="Обычный 3 2 5 4 4 4" xfId="24429"/>
    <cellStyle name="Обычный 3 2 5 4 4 4 2" xfId="24430"/>
    <cellStyle name="Обычный 3 2 5 4 4 5" xfId="24431"/>
    <cellStyle name="Обычный 3 2 5 4 4 5 2" xfId="24432"/>
    <cellStyle name="Обычный 3 2 5 4 4 6" xfId="24433"/>
    <cellStyle name="Обычный 3 2 5 4 5" xfId="24434"/>
    <cellStyle name="Обычный 3 2 5 4 5 2" xfId="24435"/>
    <cellStyle name="Обычный 3 2 5 4 5 2 2" xfId="24436"/>
    <cellStyle name="Обычный 3 2 5 4 5 3" xfId="24437"/>
    <cellStyle name="Обычный 3 2 5 4 5 3 2" xfId="24438"/>
    <cellStyle name="Обычный 3 2 5 4 5 4" xfId="24439"/>
    <cellStyle name="Обычный 3 2 5 4 6" xfId="24440"/>
    <cellStyle name="Обычный 3 2 5 4 6 2" xfId="24441"/>
    <cellStyle name="Обычный 3 2 5 4 7" xfId="24442"/>
    <cellStyle name="Обычный 3 2 5 4 7 2" xfId="24443"/>
    <cellStyle name="Обычный 3 2 5 4 8" xfId="24444"/>
    <cellStyle name="Обычный 3 2 5 4 8 2" xfId="24445"/>
    <cellStyle name="Обычный 3 2 5 4 9" xfId="24446"/>
    <cellStyle name="Обычный 3 2 5 5" xfId="24447"/>
    <cellStyle name="Обычный 3 2 5 5 2" xfId="24448"/>
    <cellStyle name="Обычный 3 2 5 5 2 2" xfId="24449"/>
    <cellStyle name="Обычный 3 2 5 5 2 2 2" xfId="24450"/>
    <cellStyle name="Обычный 3 2 5 5 2 3" xfId="24451"/>
    <cellStyle name="Обычный 3 2 5 5 2 3 2" xfId="24452"/>
    <cellStyle name="Обычный 3 2 5 5 2 4" xfId="24453"/>
    <cellStyle name="Обычный 3 2 5 5 3" xfId="24454"/>
    <cellStyle name="Обычный 3 2 5 5 3 2" xfId="24455"/>
    <cellStyle name="Обычный 3 2 5 5 4" xfId="24456"/>
    <cellStyle name="Обычный 3 2 5 5 4 2" xfId="24457"/>
    <cellStyle name="Обычный 3 2 5 5 5" xfId="24458"/>
    <cellStyle name="Обычный 3 2 5 5 5 2" xfId="24459"/>
    <cellStyle name="Обычный 3 2 5 5 6" xfId="24460"/>
    <cellStyle name="Обычный 3 2 5 6" xfId="24461"/>
    <cellStyle name="Обычный 3 2 5 6 2" xfId="24462"/>
    <cellStyle name="Обычный 3 2 5 6 2 2" xfId="24463"/>
    <cellStyle name="Обычный 3 2 5 6 2 2 2" xfId="24464"/>
    <cellStyle name="Обычный 3 2 5 6 2 3" xfId="24465"/>
    <cellStyle name="Обычный 3 2 5 6 2 3 2" xfId="24466"/>
    <cellStyle name="Обычный 3 2 5 6 2 4" xfId="24467"/>
    <cellStyle name="Обычный 3 2 5 6 3" xfId="24468"/>
    <cellStyle name="Обычный 3 2 5 6 3 2" xfId="24469"/>
    <cellStyle name="Обычный 3 2 5 6 4" xfId="24470"/>
    <cellStyle name="Обычный 3 2 5 6 4 2" xfId="24471"/>
    <cellStyle name="Обычный 3 2 5 6 5" xfId="24472"/>
    <cellStyle name="Обычный 3 2 5 6 5 2" xfId="24473"/>
    <cellStyle name="Обычный 3 2 5 6 6" xfId="24474"/>
    <cellStyle name="Обычный 3 2 5 7" xfId="24475"/>
    <cellStyle name="Обычный 3 2 5 7 2" xfId="24476"/>
    <cellStyle name="Обычный 3 2 5 7 2 2" xfId="24477"/>
    <cellStyle name="Обычный 3 2 5 7 2 2 2" xfId="24478"/>
    <cellStyle name="Обычный 3 2 5 7 2 3" xfId="24479"/>
    <cellStyle name="Обычный 3 2 5 7 2 3 2" xfId="24480"/>
    <cellStyle name="Обычный 3 2 5 7 2 4" xfId="24481"/>
    <cellStyle name="Обычный 3 2 5 7 3" xfId="24482"/>
    <cellStyle name="Обычный 3 2 5 7 3 2" xfId="24483"/>
    <cellStyle name="Обычный 3 2 5 7 4" xfId="24484"/>
    <cellStyle name="Обычный 3 2 5 7 4 2" xfId="24485"/>
    <cellStyle name="Обычный 3 2 5 7 5" xfId="24486"/>
    <cellStyle name="Обычный 3 2 5 7 5 2" xfId="24487"/>
    <cellStyle name="Обычный 3 2 5 7 6" xfId="24488"/>
    <cellStyle name="Обычный 3 2 5 8" xfId="24489"/>
    <cellStyle name="Обычный 3 2 5 8 2" xfId="24490"/>
    <cellStyle name="Обычный 3 2 5 8 2 2" xfId="24491"/>
    <cellStyle name="Обычный 3 2 5 8 2 2 2" xfId="24492"/>
    <cellStyle name="Обычный 3 2 5 8 2 3" xfId="24493"/>
    <cellStyle name="Обычный 3 2 5 8 2 3 2" xfId="24494"/>
    <cellStyle name="Обычный 3 2 5 8 2 4" xfId="24495"/>
    <cellStyle name="Обычный 3 2 5 8 3" xfId="24496"/>
    <cellStyle name="Обычный 3 2 5 8 3 2" xfId="24497"/>
    <cellStyle name="Обычный 3 2 5 8 4" xfId="24498"/>
    <cellStyle name="Обычный 3 2 5 8 4 2" xfId="24499"/>
    <cellStyle name="Обычный 3 2 5 8 5" xfId="24500"/>
    <cellStyle name="Обычный 3 2 5 8 5 2" xfId="24501"/>
    <cellStyle name="Обычный 3 2 5 8 6" xfId="24502"/>
    <cellStyle name="Обычный 3 2 5 9" xfId="24503"/>
    <cellStyle name="Обычный 3 2 5 9 2" xfId="24504"/>
    <cellStyle name="Обычный 3 2 5 9 2 2" xfId="24505"/>
    <cellStyle name="Обычный 3 2 5 9 3" xfId="24506"/>
    <cellStyle name="Обычный 3 2 5 9 3 2" xfId="24507"/>
    <cellStyle name="Обычный 3 2 5 9 4" xfId="24508"/>
    <cellStyle name="Обычный 3 2 6" xfId="24509"/>
    <cellStyle name="Обычный 3 2 6 10" xfId="24510"/>
    <cellStyle name="Обычный 3 2 6 10 2" xfId="24511"/>
    <cellStyle name="Обычный 3 2 6 10 2 2" xfId="24512"/>
    <cellStyle name="Обычный 3 2 6 10 3" xfId="24513"/>
    <cellStyle name="Обычный 3 2 6 11" xfId="24514"/>
    <cellStyle name="Обычный 3 2 6 11 2" xfId="24515"/>
    <cellStyle name="Обычный 3 2 6 12" xfId="24516"/>
    <cellStyle name="Обычный 3 2 6 12 2" xfId="24517"/>
    <cellStyle name="Обычный 3 2 6 13" xfId="24518"/>
    <cellStyle name="Обычный 3 2 6 14" xfId="24519"/>
    <cellStyle name="Обычный 3 2 6 2" xfId="24520"/>
    <cellStyle name="Обычный 3 2 6 2 10" xfId="24521"/>
    <cellStyle name="Обычный 3 2 6 2 10 2" xfId="24522"/>
    <cellStyle name="Обычный 3 2 6 2 11" xfId="24523"/>
    <cellStyle name="Обычный 3 2 6 2 11 2" xfId="24524"/>
    <cellStyle name="Обычный 3 2 6 2 12" xfId="24525"/>
    <cellStyle name="Обычный 3 2 6 2 13" xfId="24526"/>
    <cellStyle name="Обычный 3 2 6 2 2" xfId="24527"/>
    <cellStyle name="Обычный 3 2 6 2 2 10" xfId="24528"/>
    <cellStyle name="Обычный 3 2 6 2 2 2" xfId="24529"/>
    <cellStyle name="Обычный 3 2 6 2 2 2 2" xfId="24530"/>
    <cellStyle name="Обычный 3 2 6 2 2 2 2 2" xfId="24531"/>
    <cellStyle name="Обычный 3 2 6 2 2 2 2 2 2" xfId="24532"/>
    <cellStyle name="Обычный 3 2 6 2 2 2 2 3" xfId="24533"/>
    <cellStyle name="Обычный 3 2 6 2 2 2 2 3 2" xfId="24534"/>
    <cellStyle name="Обычный 3 2 6 2 2 2 2 4" xfId="24535"/>
    <cellStyle name="Обычный 3 2 6 2 2 2 3" xfId="24536"/>
    <cellStyle name="Обычный 3 2 6 2 2 2 3 2" xfId="24537"/>
    <cellStyle name="Обычный 3 2 6 2 2 2 4" xfId="24538"/>
    <cellStyle name="Обычный 3 2 6 2 2 2 4 2" xfId="24539"/>
    <cellStyle name="Обычный 3 2 6 2 2 2 5" xfId="24540"/>
    <cellStyle name="Обычный 3 2 6 2 2 2 5 2" xfId="24541"/>
    <cellStyle name="Обычный 3 2 6 2 2 2 6" xfId="24542"/>
    <cellStyle name="Обычный 3 2 6 2 2 3" xfId="24543"/>
    <cellStyle name="Обычный 3 2 6 2 2 3 2" xfId="24544"/>
    <cellStyle name="Обычный 3 2 6 2 2 3 2 2" xfId="24545"/>
    <cellStyle name="Обычный 3 2 6 2 2 3 2 2 2" xfId="24546"/>
    <cellStyle name="Обычный 3 2 6 2 2 3 2 3" xfId="24547"/>
    <cellStyle name="Обычный 3 2 6 2 2 3 2 3 2" xfId="24548"/>
    <cellStyle name="Обычный 3 2 6 2 2 3 2 4" xfId="24549"/>
    <cellStyle name="Обычный 3 2 6 2 2 3 3" xfId="24550"/>
    <cellStyle name="Обычный 3 2 6 2 2 3 3 2" xfId="24551"/>
    <cellStyle name="Обычный 3 2 6 2 2 3 4" xfId="24552"/>
    <cellStyle name="Обычный 3 2 6 2 2 3 4 2" xfId="24553"/>
    <cellStyle name="Обычный 3 2 6 2 2 3 5" xfId="24554"/>
    <cellStyle name="Обычный 3 2 6 2 2 3 5 2" xfId="24555"/>
    <cellStyle name="Обычный 3 2 6 2 2 3 6" xfId="24556"/>
    <cellStyle name="Обычный 3 2 6 2 2 4" xfId="24557"/>
    <cellStyle name="Обычный 3 2 6 2 2 4 2" xfId="24558"/>
    <cellStyle name="Обычный 3 2 6 2 2 4 2 2" xfId="24559"/>
    <cellStyle name="Обычный 3 2 6 2 2 4 2 2 2" xfId="24560"/>
    <cellStyle name="Обычный 3 2 6 2 2 4 2 3" xfId="24561"/>
    <cellStyle name="Обычный 3 2 6 2 2 4 2 3 2" xfId="24562"/>
    <cellStyle name="Обычный 3 2 6 2 2 4 2 4" xfId="24563"/>
    <cellStyle name="Обычный 3 2 6 2 2 4 3" xfId="24564"/>
    <cellStyle name="Обычный 3 2 6 2 2 4 3 2" xfId="24565"/>
    <cellStyle name="Обычный 3 2 6 2 2 4 4" xfId="24566"/>
    <cellStyle name="Обычный 3 2 6 2 2 4 4 2" xfId="24567"/>
    <cellStyle name="Обычный 3 2 6 2 2 4 5" xfId="24568"/>
    <cellStyle name="Обычный 3 2 6 2 2 4 5 2" xfId="24569"/>
    <cellStyle name="Обычный 3 2 6 2 2 4 6" xfId="24570"/>
    <cellStyle name="Обычный 3 2 6 2 2 5" xfId="24571"/>
    <cellStyle name="Обычный 3 2 6 2 2 5 2" xfId="24572"/>
    <cellStyle name="Обычный 3 2 6 2 2 5 2 2" xfId="24573"/>
    <cellStyle name="Обычный 3 2 6 2 2 5 2 2 2" xfId="24574"/>
    <cellStyle name="Обычный 3 2 6 2 2 5 2 3" xfId="24575"/>
    <cellStyle name="Обычный 3 2 6 2 2 5 2 3 2" xfId="24576"/>
    <cellStyle name="Обычный 3 2 6 2 2 5 2 4" xfId="24577"/>
    <cellStyle name="Обычный 3 2 6 2 2 5 3" xfId="24578"/>
    <cellStyle name="Обычный 3 2 6 2 2 5 3 2" xfId="24579"/>
    <cellStyle name="Обычный 3 2 6 2 2 5 4" xfId="24580"/>
    <cellStyle name="Обычный 3 2 6 2 2 5 4 2" xfId="24581"/>
    <cellStyle name="Обычный 3 2 6 2 2 5 5" xfId="24582"/>
    <cellStyle name="Обычный 3 2 6 2 2 5 5 2" xfId="24583"/>
    <cellStyle name="Обычный 3 2 6 2 2 5 6" xfId="24584"/>
    <cellStyle name="Обычный 3 2 6 2 2 6" xfId="24585"/>
    <cellStyle name="Обычный 3 2 6 2 2 6 2" xfId="24586"/>
    <cellStyle name="Обычный 3 2 6 2 2 6 2 2" xfId="24587"/>
    <cellStyle name="Обычный 3 2 6 2 2 6 3" xfId="24588"/>
    <cellStyle name="Обычный 3 2 6 2 2 6 3 2" xfId="24589"/>
    <cellStyle name="Обычный 3 2 6 2 2 6 4" xfId="24590"/>
    <cellStyle name="Обычный 3 2 6 2 2 7" xfId="24591"/>
    <cellStyle name="Обычный 3 2 6 2 2 7 2" xfId="24592"/>
    <cellStyle name="Обычный 3 2 6 2 2 8" xfId="24593"/>
    <cellStyle name="Обычный 3 2 6 2 2 8 2" xfId="24594"/>
    <cellStyle name="Обычный 3 2 6 2 2 9" xfId="24595"/>
    <cellStyle name="Обычный 3 2 6 2 2 9 2" xfId="24596"/>
    <cellStyle name="Обычный 3 2 6 2 3" xfId="24597"/>
    <cellStyle name="Обычный 3 2 6 2 3 2" xfId="24598"/>
    <cellStyle name="Обычный 3 2 6 2 3 2 2" xfId="24599"/>
    <cellStyle name="Обычный 3 2 6 2 3 2 2 2" xfId="24600"/>
    <cellStyle name="Обычный 3 2 6 2 3 2 2 2 2" xfId="24601"/>
    <cellStyle name="Обычный 3 2 6 2 3 2 2 3" xfId="24602"/>
    <cellStyle name="Обычный 3 2 6 2 3 2 2 3 2" xfId="24603"/>
    <cellStyle name="Обычный 3 2 6 2 3 2 2 4" xfId="24604"/>
    <cellStyle name="Обычный 3 2 6 2 3 2 3" xfId="24605"/>
    <cellStyle name="Обычный 3 2 6 2 3 2 3 2" xfId="24606"/>
    <cellStyle name="Обычный 3 2 6 2 3 2 4" xfId="24607"/>
    <cellStyle name="Обычный 3 2 6 2 3 2 4 2" xfId="24608"/>
    <cellStyle name="Обычный 3 2 6 2 3 2 5" xfId="24609"/>
    <cellStyle name="Обычный 3 2 6 2 3 2 5 2" xfId="24610"/>
    <cellStyle name="Обычный 3 2 6 2 3 2 6" xfId="24611"/>
    <cellStyle name="Обычный 3 2 6 2 3 3" xfId="24612"/>
    <cellStyle name="Обычный 3 2 6 2 3 3 2" xfId="24613"/>
    <cellStyle name="Обычный 3 2 6 2 3 3 2 2" xfId="24614"/>
    <cellStyle name="Обычный 3 2 6 2 3 3 2 2 2" xfId="24615"/>
    <cellStyle name="Обычный 3 2 6 2 3 3 2 3" xfId="24616"/>
    <cellStyle name="Обычный 3 2 6 2 3 3 2 3 2" xfId="24617"/>
    <cellStyle name="Обычный 3 2 6 2 3 3 2 4" xfId="24618"/>
    <cellStyle name="Обычный 3 2 6 2 3 3 3" xfId="24619"/>
    <cellStyle name="Обычный 3 2 6 2 3 3 3 2" xfId="24620"/>
    <cellStyle name="Обычный 3 2 6 2 3 3 4" xfId="24621"/>
    <cellStyle name="Обычный 3 2 6 2 3 3 4 2" xfId="24622"/>
    <cellStyle name="Обычный 3 2 6 2 3 3 5" xfId="24623"/>
    <cellStyle name="Обычный 3 2 6 2 3 3 5 2" xfId="24624"/>
    <cellStyle name="Обычный 3 2 6 2 3 3 6" xfId="24625"/>
    <cellStyle name="Обычный 3 2 6 2 3 4" xfId="24626"/>
    <cellStyle name="Обычный 3 2 6 2 3 4 2" xfId="24627"/>
    <cellStyle name="Обычный 3 2 6 2 3 4 2 2" xfId="24628"/>
    <cellStyle name="Обычный 3 2 6 2 3 4 2 2 2" xfId="24629"/>
    <cellStyle name="Обычный 3 2 6 2 3 4 2 3" xfId="24630"/>
    <cellStyle name="Обычный 3 2 6 2 3 4 2 3 2" xfId="24631"/>
    <cellStyle name="Обычный 3 2 6 2 3 4 2 4" xfId="24632"/>
    <cellStyle name="Обычный 3 2 6 2 3 4 3" xfId="24633"/>
    <cellStyle name="Обычный 3 2 6 2 3 4 3 2" xfId="24634"/>
    <cellStyle name="Обычный 3 2 6 2 3 4 4" xfId="24635"/>
    <cellStyle name="Обычный 3 2 6 2 3 4 4 2" xfId="24636"/>
    <cellStyle name="Обычный 3 2 6 2 3 4 5" xfId="24637"/>
    <cellStyle name="Обычный 3 2 6 2 3 4 5 2" xfId="24638"/>
    <cellStyle name="Обычный 3 2 6 2 3 4 6" xfId="24639"/>
    <cellStyle name="Обычный 3 2 6 2 3 5" xfId="24640"/>
    <cellStyle name="Обычный 3 2 6 2 3 5 2" xfId="24641"/>
    <cellStyle name="Обычный 3 2 6 2 3 5 2 2" xfId="24642"/>
    <cellStyle name="Обычный 3 2 6 2 3 5 3" xfId="24643"/>
    <cellStyle name="Обычный 3 2 6 2 3 5 3 2" xfId="24644"/>
    <cellStyle name="Обычный 3 2 6 2 3 5 4" xfId="24645"/>
    <cellStyle name="Обычный 3 2 6 2 3 6" xfId="24646"/>
    <cellStyle name="Обычный 3 2 6 2 3 6 2" xfId="24647"/>
    <cellStyle name="Обычный 3 2 6 2 3 7" xfId="24648"/>
    <cellStyle name="Обычный 3 2 6 2 3 7 2" xfId="24649"/>
    <cellStyle name="Обычный 3 2 6 2 3 8" xfId="24650"/>
    <cellStyle name="Обычный 3 2 6 2 3 8 2" xfId="24651"/>
    <cellStyle name="Обычный 3 2 6 2 3 9" xfId="24652"/>
    <cellStyle name="Обычный 3 2 6 2 4" xfId="24653"/>
    <cellStyle name="Обычный 3 2 6 2 4 2" xfId="24654"/>
    <cellStyle name="Обычный 3 2 6 2 4 2 2" xfId="24655"/>
    <cellStyle name="Обычный 3 2 6 2 4 2 2 2" xfId="24656"/>
    <cellStyle name="Обычный 3 2 6 2 4 2 3" xfId="24657"/>
    <cellStyle name="Обычный 3 2 6 2 4 2 3 2" xfId="24658"/>
    <cellStyle name="Обычный 3 2 6 2 4 2 4" xfId="24659"/>
    <cellStyle name="Обычный 3 2 6 2 4 3" xfId="24660"/>
    <cellStyle name="Обычный 3 2 6 2 4 3 2" xfId="24661"/>
    <cellStyle name="Обычный 3 2 6 2 4 4" xfId="24662"/>
    <cellStyle name="Обычный 3 2 6 2 4 4 2" xfId="24663"/>
    <cellStyle name="Обычный 3 2 6 2 4 5" xfId="24664"/>
    <cellStyle name="Обычный 3 2 6 2 4 5 2" xfId="24665"/>
    <cellStyle name="Обычный 3 2 6 2 4 6" xfId="24666"/>
    <cellStyle name="Обычный 3 2 6 2 5" xfId="24667"/>
    <cellStyle name="Обычный 3 2 6 2 5 2" xfId="24668"/>
    <cellStyle name="Обычный 3 2 6 2 5 2 2" xfId="24669"/>
    <cellStyle name="Обычный 3 2 6 2 5 2 2 2" xfId="24670"/>
    <cellStyle name="Обычный 3 2 6 2 5 2 3" xfId="24671"/>
    <cellStyle name="Обычный 3 2 6 2 5 2 3 2" xfId="24672"/>
    <cellStyle name="Обычный 3 2 6 2 5 2 4" xfId="24673"/>
    <cellStyle name="Обычный 3 2 6 2 5 3" xfId="24674"/>
    <cellStyle name="Обычный 3 2 6 2 5 3 2" xfId="24675"/>
    <cellStyle name="Обычный 3 2 6 2 5 4" xfId="24676"/>
    <cellStyle name="Обычный 3 2 6 2 5 4 2" xfId="24677"/>
    <cellStyle name="Обычный 3 2 6 2 5 5" xfId="24678"/>
    <cellStyle name="Обычный 3 2 6 2 5 5 2" xfId="24679"/>
    <cellStyle name="Обычный 3 2 6 2 5 6" xfId="24680"/>
    <cellStyle name="Обычный 3 2 6 2 6" xfId="24681"/>
    <cellStyle name="Обычный 3 2 6 2 6 2" xfId="24682"/>
    <cellStyle name="Обычный 3 2 6 2 6 2 2" xfId="24683"/>
    <cellStyle name="Обычный 3 2 6 2 6 2 2 2" xfId="24684"/>
    <cellStyle name="Обычный 3 2 6 2 6 2 3" xfId="24685"/>
    <cellStyle name="Обычный 3 2 6 2 6 2 3 2" xfId="24686"/>
    <cellStyle name="Обычный 3 2 6 2 6 2 4" xfId="24687"/>
    <cellStyle name="Обычный 3 2 6 2 6 3" xfId="24688"/>
    <cellStyle name="Обычный 3 2 6 2 6 3 2" xfId="24689"/>
    <cellStyle name="Обычный 3 2 6 2 6 4" xfId="24690"/>
    <cellStyle name="Обычный 3 2 6 2 6 4 2" xfId="24691"/>
    <cellStyle name="Обычный 3 2 6 2 6 5" xfId="24692"/>
    <cellStyle name="Обычный 3 2 6 2 6 5 2" xfId="24693"/>
    <cellStyle name="Обычный 3 2 6 2 6 6" xfId="24694"/>
    <cellStyle name="Обычный 3 2 6 2 7" xfId="24695"/>
    <cellStyle name="Обычный 3 2 6 2 7 2" xfId="24696"/>
    <cellStyle name="Обычный 3 2 6 2 7 2 2" xfId="24697"/>
    <cellStyle name="Обычный 3 2 6 2 7 2 2 2" xfId="24698"/>
    <cellStyle name="Обычный 3 2 6 2 7 2 3" xfId="24699"/>
    <cellStyle name="Обычный 3 2 6 2 7 2 3 2" xfId="24700"/>
    <cellStyle name="Обычный 3 2 6 2 7 2 4" xfId="24701"/>
    <cellStyle name="Обычный 3 2 6 2 7 3" xfId="24702"/>
    <cellStyle name="Обычный 3 2 6 2 7 3 2" xfId="24703"/>
    <cellStyle name="Обычный 3 2 6 2 7 4" xfId="24704"/>
    <cellStyle name="Обычный 3 2 6 2 7 4 2" xfId="24705"/>
    <cellStyle name="Обычный 3 2 6 2 7 5" xfId="24706"/>
    <cellStyle name="Обычный 3 2 6 2 7 5 2" xfId="24707"/>
    <cellStyle name="Обычный 3 2 6 2 7 6" xfId="24708"/>
    <cellStyle name="Обычный 3 2 6 2 8" xfId="24709"/>
    <cellStyle name="Обычный 3 2 6 2 8 2" xfId="24710"/>
    <cellStyle name="Обычный 3 2 6 2 8 2 2" xfId="24711"/>
    <cellStyle name="Обычный 3 2 6 2 8 3" xfId="24712"/>
    <cellStyle name="Обычный 3 2 6 2 8 3 2" xfId="24713"/>
    <cellStyle name="Обычный 3 2 6 2 8 4" xfId="24714"/>
    <cellStyle name="Обычный 3 2 6 2 9" xfId="24715"/>
    <cellStyle name="Обычный 3 2 6 2 9 2" xfId="24716"/>
    <cellStyle name="Обычный 3 2 6 2 9 2 2" xfId="24717"/>
    <cellStyle name="Обычный 3 2 6 2 9 3" xfId="24718"/>
    <cellStyle name="Обычный 3 2 6 3" xfId="24719"/>
    <cellStyle name="Обычный 3 2 6 3 10" xfId="24720"/>
    <cellStyle name="Обычный 3 2 6 3 2" xfId="24721"/>
    <cellStyle name="Обычный 3 2 6 3 2 2" xfId="24722"/>
    <cellStyle name="Обычный 3 2 6 3 2 2 2" xfId="24723"/>
    <cellStyle name="Обычный 3 2 6 3 2 2 2 2" xfId="24724"/>
    <cellStyle name="Обычный 3 2 6 3 2 2 3" xfId="24725"/>
    <cellStyle name="Обычный 3 2 6 3 2 2 3 2" xfId="24726"/>
    <cellStyle name="Обычный 3 2 6 3 2 2 4" xfId="24727"/>
    <cellStyle name="Обычный 3 2 6 3 2 3" xfId="24728"/>
    <cellStyle name="Обычный 3 2 6 3 2 3 2" xfId="24729"/>
    <cellStyle name="Обычный 3 2 6 3 2 4" xfId="24730"/>
    <cellStyle name="Обычный 3 2 6 3 2 4 2" xfId="24731"/>
    <cellStyle name="Обычный 3 2 6 3 2 5" xfId="24732"/>
    <cellStyle name="Обычный 3 2 6 3 2 5 2" xfId="24733"/>
    <cellStyle name="Обычный 3 2 6 3 2 6" xfId="24734"/>
    <cellStyle name="Обычный 3 2 6 3 3" xfId="24735"/>
    <cellStyle name="Обычный 3 2 6 3 3 2" xfId="24736"/>
    <cellStyle name="Обычный 3 2 6 3 3 2 2" xfId="24737"/>
    <cellStyle name="Обычный 3 2 6 3 3 2 2 2" xfId="24738"/>
    <cellStyle name="Обычный 3 2 6 3 3 2 3" xfId="24739"/>
    <cellStyle name="Обычный 3 2 6 3 3 2 3 2" xfId="24740"/>
    <cellStyle name="Обычный 3 2 6 3 3 2 4" xfId="24741"/>
    <cellStyle name="Обычный 3 2 6 3 3 3" xfId="24742"/>
    <cellStyle name="Обычный 3 2 6 3 3 3 2" xfId="24743"/>
    <cellStyle name="Обычный 3 2 6 3 3 4" xfId="24744"/>
    <cellStyle name="Обычный 3 2 6 3 3 4 2" xfId="24745"/>
    <cellStyle name="Обычный 3 2 6 3 3 5" xfId="24746"/>
    <cellStyle name="Обычный 3 2 6 3 3 5 2" xfId="24747"/>
    <cellStyle name="Обычный 3 2 6 3 3 6" xfId="24748"/>
    <cellStyle name="Обычный 3 2 6 3 4" xfId="24749"/>
    <cellStyle name="Обычный 3 2 6 3 4 2" xfId="24750"/>
    <cellStyle name="Обычный 3 2 6 3 4 2 2" xfId="24751"/>
    <cellStyle name="Обычный 3 2 6 3 4 2 2 2" xfId="24752"/>
    <cellStyle name="Обычный 3 2 6 3 4 2 3" xfId="24753"/>
    <cellStyle name="Обычный 3 2 6 3 4 2 3 2" xfId="24754"/>
    <cellStyle name="Обычный 3 2 6 3 4 2 4" xfId="24755"/>
    <cellStyle name="Обычный 3 2 6 3 4 3" xfId="24756"/>
    <cellStyle name="Обычный 3 2 6 3 4 3 2" xfId="24757"/>
    <cellStyle name="Обычный 3 2 6 3 4 4" xfId="24758"/>
    <cellStyle name="Обычный 3 2 6 3 4 4 2" xfId="24759"/>
    <cellStyle name="Обычный 3 2 6 3 4 5" xfId="24760"/>
    <cellStyle name="Обычный 3 2 6 3 4 5 2" xfId="24761"/>
    <cellStyle name="Обычный 3 2 6 3 4 6" xfId="24762"/>
    <cellStyle name="Обычный 3 2 6 3 5" xfId="24763"/>
    <cellStyle name="Обычный 3 2 6 3 5 2" xfId="24764"/>
    <cellStyle name="Обычный 3 2 6 3 5 2 2" xfId="24765"/>
    <cellStyle name="Обычный 3 2 6 3 5 2 2 2" xfId="24766"/>
    <cellStyle name="Обычный 3 2 6 3 5 2 3" xfId="24767"/>
    <cellStyle name="Обычный 3 2 6 3 5 2 3 2" xfId="24768"/>
    <cellStyle name="Обычный 3 2 6 3 5 2 4" xfId="24769"/>
    <cellStyle name="Обычный 3 2 6 3 5 3" xfId="24770"/>
    <cellStyle name="Обычный 3 2 6 3 5 3 2" xfId="24771"/>
    <cellStyle name="Обычный 3 2 6 3 5 4" xfId="24772"/>
    <cellStyle name="Обычный 3 2 6 3 5 4 2" xfId="24773"/>
    <cellStyle name="Обычный 3 2 6 3 5 5" xfId="24774"/>
    <cellStyle name="Обычный 3 2 6 3 5 5 2" xfId="24775"/>
    <cellStyle name="Обычный 3 2 6 3 5 6" xfId="24776"/>
    <cellStyle name="Обычный 3 2 6 3 6" xfId="24777"/>
    <cellStyle name="Обычный 3 2 6 3 6 2" xfId="24778"/>
    <cellStyle name="Обычный 3 2 6 3 6 2 2" xfId="24779"/>
    <cellStyle name="Обычный 3 2 6 3 6 3" xfId="24780"/>
    <cellStyle name="Обычный 3 2 6 3 6 3 2" xfId="24781"/>
    <cellStyle name="Обычный 3 2 6 3 6 4" xfId="24782"/>
    <cellStyle name="Обычный 3 2 6 3 7" xfId="24783"/>
    <cellStyle name="Обычный 3 2 6 3 7 2" xfId="24784"/>
    <cellStyle name="Обычный 3 2 6 3 8" xfId="24785"/>
    <cellStyle name="Обычный 3 2 6 3 8 2" xfId="24786"/>
    <cellStyle name="Обычный 3 2 6 3 9" xfId="24787"/>
    <cellStyle name="Обычный 3 2 6 3 9 2" xfId="24788"/>
    <cellStyle name="Обычный 3 2 6 4" xfId="24789"/>
    <cellStyle name="Обычный 3 2 6 4 2" xfId="24790"/>
    <cellStyle name="Обычный 3 2 6 4 2 2" xfId="24791"/>
    <cellStyle name="Обычный 3 2 6 4 2 2 2" xfId="24792"/>
    <cellStyle name="Обычный 3 2 6 4 2 2 2 2" xfId="24793"/>
    <cellStyle name="Обычный 3 2 6 4 2 2 3" xfId="24794"/>
    <cellStyle name="Обычный 3 2 6 4 2 2 3 2" xfId="24795"/>
    <cellStyle name="Обычный 3 2 6 4 2 2 4" xfId="24796"/>
    <cellStyle name="Обычный 3 2 6 4 2 3" xfId="24797"/>
    <cellStyle name="Обычный 3 2 6 4 2 3 2" xfId="24798"/>
    <cellStyle name="Обычный 3 2 6 4 2 4" xfId="24799"/>
    <cellStyle name="Обычный 3 2 6 4 2 4 2" xfId="24800"/>
    <cellStyle name="Обычный 3 2 6 4 2 5" xfId="24801"/>
    <cellStyle name="Обычный 3 2 6 4 2 5 2" xfId="24802"/>
    <cellStyle name="Обычный 3 2 6 4 2 6" xfId="24803"/>
    <cellStyle name="Обычный 3 2 6 4 3" xfId="24804"/>
    <cellStyle name="Обычный 3 2 6 4 3 2" xfId="24805"/>
    <cellStyle name="Обычный 3 2 6 4 3 2 2" xfId="24806"/>
    <cellStyle name="Обычный 3 2 6 4 3 2 2 2" xfId="24807"/>
    <cellStyle name="Обычный 3 2 6 4 3 2 3" xfId="24808"/>
    <cellStyle name="Обычный 3 2 6 4 3 2 3 2" xfId="24809"/>
    <cellStyle name="Обычный 3 2 6 4 3 2 4" xfId="24810"/>
    <cellStyle name="Обычный 3 2 6 4 3 3" xfId="24811"/>
    <cellStyle name="Обычный 3 2 6 4 3 3 2" xfId="24812"/>
    <cellStyle name="Обычный 3 2 6 4 3 4" xfId="24813"/>
    <cellStyle name="Обычный 3 2 6 4 3 4 2" xfId="24814"/>
    <cellStyle name="Обычный 3 2 6 4 3 5" xfId="24815"/>
    <cellStyle name="Обычный 3 2 6 4 3 5 2" xfId="24816"/>
    <cellStyle name="Обычный 3 2 6 4 3 6" xfId="24817"/>
    <cellStyle name="Обычный 3 2 6 4 4" xfId="24818"/>
    <cellStyle name="Обычный 3 2 6 4 4 2" xfId="24819"/>
    <cellStyle name="Обычный 3 2 6 4 4 2 2" xfId="24820"/>
    <cellStyle name="Обычный 3 2 6 4 4 2 2 2" xfId="24821"/>
    <cellStyle name="Обычный 3 2 6 4 4 2 3" xfId="24822"/>
    <cellStyle name="Обычный 3 2 6 4 4 2 3 2" xfId="24823"/>
    <cellStyle name="Обычный 3 2 6 4 4 2 4" xfId="24824"/>
    <cellStyle name="Обычный 3 2 6 4 4 3" xfId="24825"/>
    <cellStyle name="Обычный 3 2 6 4 4 3 2" xfId="24826"/>
    <cellStyle name="Обычный 3 2 6 4 4 4" xfId="24827"/>
    <cellStyle name="Обычный 3 2 6 4 4 4 2" xfId="24828"/>
    <cellStyle name="Обычный 3 2 6 4 4 5" xfId="24829"/>
    <cellStyle name="Обычный 3 2 6 4 4 5 2" xfId="24830"/>
    <cellStyle name="Обычный 3 2 6 4 4 6" xfId="24831"/>
    <cellStyle name="Обычный 3 2 6 4 5" xfId="24832"/>
    <cellStyle name="Обычный 3 2 6 4 5 2" xfId="24833"/>
    <cellStyle name="Обычный 3 2 6 4 5 2 2" xfId="24834"/>
    <cellStyle name="Обычный 3 2 6 4 5 3" xfId="24835"/>
    <cellStyle name="Обычный 3 2 6 4 5 3 2" xfId="24836"/>
    <cellStyle name="Обычный 3 2 6 4 5 4" xfId="24837"/>
    <cellStyle name="Обычный 3 2 6 4 6" xfId="24838"/>
    <cellStyle name="Обычный 3 2 6 4 6 2" xfId="24839"/>
    <cellStyle name="Обычный 3 2 6 4 7" xfId="24840"/>
    <cellStyle name="Обычный 3 2 6 4 7 2" xfId="24841"/>
    <cellStyle name="Обычный 3 2 6 4 8" xfId="24842"/>
    <cellStyle name="Обычный 3 2 6 4 8 2" xfId="24843"/>
    <cellStyle name="Обычный 3 2 6 4 9" xfId="24844"/>
    <cellStyle name="Обычный 3 2 6 5" xfId="24845"/>
    <cellStyle name="Обычный 3 2 6 5 2" xfId="24846"/>
    <cellStyle name="Обычный 3 2 6 5 2 2" xfId="24847"/>
    <cellStyle name="Обычный 3 2 6 5 2 2 2" xfId="24848"/>
    <cellStyle name="Обычный 3 2 6 5 2 3" xfId="24849"/>
    <cellStyle name="Обычный 3 2 6 5 2 3 2" xfId="24850"/>
    <cellStyle name="Обычный 3 2 6 5 2 4" xfId="24851"/>
    <cellStyle name="Обычный 3 2 6 5 3" xfId="24852"/>
    <cellStyle name="Обычный 3 2 6 5 3 2" xfId="24853"/>
    <cellStyle name="Обычный 3 2 6 5 4" xfId="24854"/>
    <cellStyle name="Обычный 3 2 6 5 4 2" xfId="24855"/>
    <cellStyle name="Обычный 3 2 6 5 5" xfId="24856"/>
    <cellStyle name="Обычный 3 2 6 5 5 2" xfId="24857"/>
    <cellStyle name="Обычный 3 2 6 5 6" xfId="24858"/>
    <cellStyle name="Обычный 3 2 6 6" xfId="24859"/>
    <cellStyle name="Обычный 3 2 6 6 2" xfId="24860"/>
    <cellStyle name="Обычный 3 2 6 6 2 2" xfId="24861"/>
    <cellStyle name="Обычный 3 2 6 6 2 2 2" xfId="24862"/>
    <cellStyle name="Обычный 3 2 6 6 2 3" xfId="24863"/>
    <cellStyle name="Обычный 3 2 6 6 2 3 2" xfId="24864"/>
    <cellStyle name="Обычный 3 2 6 6 2 4" xfId="24865"/>
    <cellStyle name="Обычный 3 2 6 6 3" xfId="24866"/>
    <cellStyle name="Обычный 3 2 6 6 3 2" xfId="24867"/>
    <cellStyle name="Обычный 3 2 6 6 4" xfId="24868"/>
    <cellStyle name="Обычный 3 2 6 6 4 2" xfId="24869"/>
    <cellStyle name="Обычный 3 2 6 6 5" xfId="24870"/>
    <cellStyle name="Обычный 3 2 6 6 5 2" xfId="24871"/>
    <cellStyle name="Обычный 3 2 6 6 6" xfId="24872"/>
    <cellStyle name="Обычный 3 2 6 7" xfId="24873"/>
    <cellStyle name="Обычный 3 2 6 7 2" xfId="24874"/>
    <cellStyle name="Обычный 3 2 6 7 2 2" xfId="24875"/>
    <cellStyle name="Обычный 3 2 6 7 2 2 2" xfId="24876"/>
    <cellStyle name="Обычный 3 2 6 7 2 3" xfId="24877"/>
    <cellStyle name="Обычный 3 2 6 7 2 3 2" xfId="24878"/>
    <cellStyle name="Обычный 3 2 6 7 2 4" xfId="24879"/>
    <cellStyle name="Обычный 3 2 6 7 3" xfId="24880"/>
    <cellStyle name="Обычный 3 2 6 7 3 2" xfId="24881"/>
    <cellStyle name="Обычный 3 2 6 7 4" xfId="24882"/>
    <cellStyle name="Обычный 3 2 6 7 4 2" xfId="24883"/>
    <cellStyle name="Обычный 3 2 6 7 5" xfId="24884"/>
    <cellStyle name="Обычный 3 2 6 7 5 2" xfId="24885"/>
    <cellStyle name="Обычный 3 2 6 7 6" xfId="24886"/>
    <cellStyle name="Обычный 3 2 6 8" xfId="24887"/>
    <cellStyle name="Обычный 3 2 6 8 2" xfId="24888"/>
    <cellStyle name="Обычный 3 2 6 8 2 2" xfId="24889"/>
    <cellStyle name="Обычный 3 2 6 8 2 2 2" xfId="24890"/>
    <cellStyle name="Обычный 3 2 6 8 2 3" xfId="24891"/>
    <cellStyle name="Обычный 3 2 6 8 2 3 2" xfId="24892"/>
    <cellStyle name="Обычный 3 2 6 8 2 4" xfId="24893"/>
    <cellStyle name="Обычный 3 2 6 8 3" xfId="24894"/>
    <cellStyle name="Обычный 3 2 6 8 3 2" xfId="24895"/>
    <cellStyle name="Обычный 3 2 6 8 4" xfId="24896"/>
    <cellStyle name="Обычный 3 2 6 8 4 2" xfId="24897"/>
    <cellStyle name="Обычный 3 2 6 8 5" xfId="24898"/>
    <cellStyle name="Обычный 3 2 6 8 5 2" xfId="24899"/>
    <cellStyle name="Обычный 3 2 6 8 6" xfId="24900"/>
    <cellStyle name="Обычный 3 2 6 9" xfId="24901"/>
    <cellStyle name="Обычный 3 2 6 9 2" xfId="24902"/>
    <cellStyle name="Обычный 3 2 6 9 2 2" xfId="24903"/>
    <cellStyle name="Обычный 3 2 6 9 3" xfId="24904"/>
    <cellStyle name="Обычный 3 2 6 9 3 2" xfId="24905"/>
    <cellStyle name="Обычный 3 2 6 9 4" xfId="24906"/>
    <cellStyle name="Обычный 3 2 7" xfId="24907"/>
    <cellStyle name="Обычный 3 2 7 10" xfId="24908"/>
    <cellStyle name="Обычный 3 2 7 10 2" xfId="24909"/>
    <cellStyle name="Обычный 3 2 7 10 2 2" xfId="24910"/>
    <cellStyle name="Обычный 3 2 7 10 3" xfId="24911"/>
    <cellStyle name="Обычный 3 2 7 11" xfId="24912"/>
    <cellStyle name="Обычный 3 2 7 11 2" xfId="24913"/>
    <cellStyle name="Обычный 3 2 7 12" xfId="24914"/>
    <cellStyle name="Обычный 3 2 7 12 2" xfId="24915"/>
    <cellStyle name="Обычный 3 2 7 13" xfId="24916"/>
    <cellStyle name="Обычный 3 2 7 14" xfId="24917"/>
    <cellStyle name="Обычный 3 2 7 2" xfId="24918"/>
    <cellStyle name="Обычный 3 2 7 2 10" xfId="24919"/>
    <cellStyle name="Обычный 3 2 7 2 10 2" xfId="24920"/>
    <cellStyle name="Обычный 3 2 7 2 11" xfId="24921"/>
    <cellStyle name="Обычный 3 2 7 2 11 2" xfId="24922"/>
    <cellStyle name="Обычный 3 2 7 2 12" xfId="24923"/>
    <cellStyle name="Обычный 3 2 7 2 13" xfId="24924"/>
    <cellStyle name="Обычный 3 2 7 2 2" xfId="24925"/>
    <cellStyle name="Обычный 3 2 7 2 2 10" xfId="24926"/>
    <cellStyle name="Обычный 3 2 7 2 2 2" xfId="24927"/>
    <cellStyle name="Обычный 3 2 7 2 2 2 2" xfId="24928"/>
    <cellStyle name="Обычный 3 2 7 2 2 2 2 2" xfId="24929"/>
    <cellStyle name="Обычный 3 2 7 2 2 2 2 2 2" xfId="24930"/>
    <cellStyle name="Обычный 3 2 7 2 2 2 2 3" xfId="24931"/>
    <cellStyle name="Обычный 3 2 7 2 2 2 2 3 2" xfId="24932"/>
    <cellStyle name="Обычный 3 2 7 2 2 2 2 4" xfId="24933"/>
    <cellStyle name="Обычный 3 2 7 2 2 2 3" xfId="24934"/>
    <cellStyle name="Обычный 3 2 7 2 2 2 3 2" xfId="24935"/>
    <cellStyle name="Обычный 3 2 7 2 2 2 4" xfId="24936"/>
    <cellStyle name="Обычный 3 2 7 2 2 2 4 2" xfId="24937"/>
    <cellStyle name="Обычный 3 2 7 2 2 2 5" xfId="24938"/>
    <cellStyle name="Обычный 3 2 7 2 2 2 5 2" xfId="24939"/>
    <cellStyle name="Обычный 3 2 7 2 2 2 6" xfId="24940"/>
    <cellStyle name="Обычный 3 2 7 2 2 3" xfId="24941"/>
    <cellStyle name="Обычный 3 2 7 2 2 3 2" xfId="24942"/>
    <cellStyle name="Обычный 3 2 7 2 2 3 2 2" xfId="24943"/>
    <cellStyle name="Обычный 3 2 7 2 2 3 2 2 2" xfId="24944"/>
    <cellStyle name="Обычный 3 2 7 2 2 3 2 3" xfId="24945"/>
    <cellStyle name="Обычный 3 2 7 2 2 3 2 3 2" xfId="24946"/>
    <cellStyle name="Обычный 3 2 7 2 2 3 2 4" xfId="24947"/>
    <cellStyle name="Обычный 3 2 7 2 2 3 3" xfId="24948"/>
    <cellStyle name="Обычный 3 2 7 2 2 3 3 2" xfId="24949"/>
    <cellStyle name="Обычный 3 2 7 2 2 3 4" xfId="24950"/>
    <cellStyle name="Обычный 3 2 7 2 2 3 4 2" xfId="24951"/>
    <cellStyle name="Обычный 3 2 7 2 2 3 5" xfId="24952"/>
    <cellStyle name="Обычный 3 2 7 2 2 3 5 2" xfId="24953"/>
    <cellStyle name="Обычный 3 2 7 2 2 3 6" xfId="24954"/>
    <cellStyle name="Обычный 3 2 7 2 2 4" xfId="24955"/>
    <cellStyle name="Обычный 3 2 7 2 2 4 2" xfId="24956"/>
    <cellStyle name="Обычный 3 2 7 2 2 4 2 2" xfId="24957"/>
    <cellStyle name="Обычный 3 2 7 2 2 4 2 2 2" xfId="24958"/>
    <cellStyle name="Обычный 3 2 7 2 2 4 2 3" xfId="24959"/>
    <cellStyle name="Обычный 3 2 7 2 2 4 2 3 2" xfId="24960"/>
    <cellStyle name="Обычный 3 2 7 2 2 4 2 4" xfId="24961"/>
    <cellStyle name="Обычный 3 2 7 2 2 4 3" xfId="24962"/>
    <cellStyle name="Обычный 3 2 7 2 2 4 3 2" xfId="24963"/>
    <cellStyle name="Обычный 3 2 7 2 2 4 4" xfId="24964"/>
    <cellStyle name="Обычный 3 2 7 2 2 4 4 2" xfId="24965"/>
    <cellStyle name="Обычный 3 2 7 2 2 4 5" xfId="24966"/>
    <cellStyle name="Обычный 3 2 7 2 2 4 5 2" xfId="24967"/>
    <cellStyle name="Обычный 3 2 7 2 2 4 6" xfId="24968"/>
    <cellStyle name="Обычный 3 2 7 2 2 5" xfId="24969"/>
    <cellStyle name="Обычный 3 2 7 2 2 5 2" xfId="24970"/>
    <cellStyle name="Обычный 3 2 7 2 2 5 2 2" xfId="24971"/>
    <cellStyle name="Обычный 3 2 7 2 2 5 2 2 2" xfId="24972"/>
    <cellStyle name="Обычный 3 2 7 2 2 5 2 3" xfId="24973"/>
    <cellStyle name="Обычный 3 2 7 2 2 5 2 3 2" xfId="24974"/>
    <cellStyle name="Обычный 3 2 7 2 2 5 2 4" xfId="24975"/>
    <cellStyle name="Обычный 3 2 7 2 2 5 3" xfId="24976"/>
    <cellStyle name="Обычный 3 2 7 2 2 5 3 2" xfId="24977"/>
    <cellStyle name="Обычный 3 2 7 2 2 5 4" xfId="24978"/>
    <cellStyle name="Обычный 3 2 7 2 2 5 4 2" xfId="24979"/>
    <cellStyle name="Обычный 3 2 7 2 2 5 5" xfId="24980"/>
    <cellStyle name="Обычный 3 2 7 2 2 5 5 2" xfId="24981"/>
    <cellStyle name="Обычный 3 2 7 2 2 5 6" xfId="24982"/>
    <cellStyle name="Обычный 3 2 7 2 2 6" xfId="24983"/>
    <cellStyle name="Обычный 3 2 7 2 2 6 2" xfId="24984"/>
    <cellStyle name="Обычный 3 2 7 2 2 6 2 2" xfId="24985"/>
    <cellStyle name="Обычный 3 2 7 2 2 6 3" xfId="24986"/>
    <cellStyle name="Обычный 3 2 7 2 2 6 3 2" xfId="24987"/>
    <cellStyle name="Обычный 3 2 7 2 2 6 4" xfId="24988"/>
    <cellStyle name="Обычный 3 2 7 2 2 7" xfId="24989"/>
    <cellStyle name="Обычный 3 2 7 2 2 7 2" xfId="24990"/>
    <cellStyle name="Обычный 3 2 7 2 2 8" xfId="24991"/>
    <cellStyle name="Обычный 3 2 7 2 2 8 2" xfId="24992"/>
    <cellStyle name="Обычный 3 2 7 2 2 9" xfId="24993"/>
    <cellStyle name="Обычный 3 2 7 2 2 9 2" xfId="24994"/>
    <cellStyle name="Обычный 3 2 7 2 3" xfId="24995"/>
    <cellStyle name="Обычный 3 2 7 2 3 2" xfId="24996"/>
    <cellStyle name="Обычный 3 2 7 2 3 2 2" xfId="24997"/>
    <cellStyle name="Обычный 3 2 7 2 3 2 2 2" xfId="24998"/>
    <cellStyle name="Обычный 3 2 7 2 3 2 2 2 2" xfId="24999"/>
    <cellStyle name="Обычный 3 2 7 2 3 2 2 3" xfId="25000"/>
    <cellStyle name="Обычный 3 2 7 2 3 2 2 3 2" xfId="25001"/>
    <cellStyle name="Обычный 3 2 7 2 3 2 2 4" xfId="25002"/>
    <cellStyle name="Обычный 3 2 7 2 3 2 3" xfId="25003"/>
    <cellStyle name="Обычный 3 2 7 2 3 2 3 2" xfId="25004"/>
    <cellStyle name="Обычный 3 2 7 2 3 2 4" xfId="25005"/>
    <cellStyle name="Обычный 3 2 7 2 3 2 4 2" xfId="25006"/>
    <cellStyle name="Обычный 3 2 7 2 3 2 5" xfId="25007"/>
    <cellStyle name="Обычный 3 2 7 2 3 2 5 2" xfId="25008"/>
    <cellStyle name="Обычный 3 2 7 2 3 2 6" xfId="25009"/>
    <cellStyle name="Обычный 3 2 7 2 3 3" xfId="25010"/>
    <cellStyle name="Обычный 3 2 7 2 3 3 2" xfId="25011"/>
    <cellStyle name="Обычный 3 2 7 2 3 3 2 2" xfId="25012"/>
    <cellStyle name="Обычный 3 2 7 2 3 3 2 2 2" xfId="25013"/>
    <cellStyle name="Обычный 3 2 7 2 3 3 2 3" xfId="25014"/>
    <cellStyle name="Обычный 3 2 7 2 3 3 2 3 2" xfId="25015"/>
    <cellStyle name="Обычный 3 2 7 2 3 3 2 4" xfId="25016"/>
    <cellStyle name="Обычный 3 2 7 2 3 3 3" xfId="25017"/>
    <cellStyle name="Обычный 3 2 7 2 3 3 3 2" xfId="25018"/>
    <cellStyle name="Обычный 3 2 7 2 3 3 4" xfId="25019"/>
    <cellStyle name="Обычный 3 2 7 2 3 3 4 2" xfId="25020"/>
    <cellStyle name="Обычный 3 2 7 2 3 3 5" xfId="25021"/>
    <cellStyle name="Обычный 3 2 7 2 3 3 5 2" xfId="25022"/>
    <cellStyle name="Обычный 3 2 7 2 3 3 6" xfId="25023"/>
    <cellStyle name="Обычный 3 2 7 2 3 4" xfId="25024"/>
    <cellStyle name="Обычный 3 2 7 2 3 4 2" xfId="25025"/>
    <cellStyle name="Обычный 3 2 7 2 3 4 2 2" xfId="25026"/>
    <cellStyle name="Обычный 3 2 7 2 3 4 2 2 2" xfId="25027"/>
    <cellStyle name="Обычный 3 2 7 2 3 4 2 3" xfId="25028"/>
    <cellStyle name="Обычный 3 2 7 2 3 4 2 3 2" xfId="25029"/>
    <cellStyle name="Обычный 3 2 7 2 3 4 2 4" xfId="25030"/>
    <cellStyle name="Обычный 3 2 7 2 3 4 3" xfId="25031"/>
    <cellStyle name="Обычный 3 2 7 2 3 4 3 2" xfId="25032"/>
    <cellStyle name="Обычный 3 2 7 2 3 4 4" xfId="25033"/>
    <cellStyle name="Обычный 3 2 7 2 3 4 4 2" xfId="25034"/>
    <cellStyle name="Обычный 3 2 7 2 3 4 5" xfId="25035"/>
    <cellStyle name="Обычный 3 2 7 2 3 4 5 2" xfId="25036"/>
    <cellStyle name="Обычный 3 2 7 2 3 4 6" xfId="25037"/>
    <cellStyle name="Обычный 3 2 7 2 3 5" xfId="25038"/>
    <cellStyle name="Обычный 3 2 7 2 3 5 2" xfId="25039"/>
    <cellStyle name="Обычный 3 2 7 2 3 5 2 2" xfId="25040"/>
    <cellStyle name="Обычный 3 2 7 2 3 5 3" xfId="25041"/>
    <cellStyle name="Обычный 3 2 7 2 3 5 3 2" xfId="25042"/>
    <cellStyle name="Обычный 3 2 7 2 3 5 4" xfId="25043"/>
    <cellStyle name="Обычный 3 2 7 2 3 6" xfId="25044"/>
    <cellStyle name="Обычный 3 2 7 2 3 6 2" xfId="25045"/>
    <cellStyle name="Обычный 3 2 7 2 3 7" xfId="25046"/>
    <cellStyle name="Обычный 3 2 7 2 3 7 2" xfId="25047"/>
    <cellStyle name="Обычный 3 2 7 2 3 8" xfId="25048"/>
    <cellStyle name="Обычный 3 2 7 2 3 8 2" xfId="25049"/>
    <cellStyle name="Обычный 3 2 7 2 3 9" xfId="25050"/>
    <cellStyle name="Обычный 3 2 7 2 4" xfId="25051"/>
    <cellStyle name="Обычный 3 2 7 2 4 2" xfId="25052"/>
    <cellStyle name="Обычный 3 2 7 2 4 2 2" xfId="25053"/>
    <cellStyle name="Обычный 3 2 7 2 4 2 2 2" xfId="25054"/>
    <cellStyle name="Обычный 3 2 7 2 4 2 3" xfId="25055"/>
    <cellStyle name="Обычный 3 2 7 2 4 2 3 2" xfId="25056"/>
    <cellStyle name="Обычный 3 2 7 2 4 2 4" xfId="25057"/>
    <cellStyle name="Обычный 3 2 7 2 4 3" xfId="25058"/>
    <cellStyle name="Обычный 3 2 7 2 4 3 2" xfId="25059"/>
    <cellStyle name="Обычный 3 2 7 2 4 4" xfId="25060"/>
    <cellStyle name="Обычный 3 2 7 2 4 4 2" xfId="25061"/>
    <cellStyle name="Обычный 3 2 7 2 4 5" xfId="25062"/>
    <cellStyle name="Обычный 3 2 7 2 4 5 2" xfId="25063"/>
    <cellStyle name="Обычный 3 2 7 2 4 6" xfId="25064"/>
    <cellStyle name="Обычный 3 2 7 2 5" xfId="25065"/>
    <cellStyle name="Обычный 3 2 7 2 5 2" xfId="25066"/>
    <cellStyle name="Обычный 3 2 7 2 5 2 2" xfId="25067"/>
    <cellStyle name="Обычный 3 2 7 2 5 2 2 2" xfId="25068"/>
    <cellStyle name="Обычный 3 2 7 2 5 2 3" xfId="25069"/>
    <cellStyle name="Обычный 3 2 7 2 5 2 3 2" xfId="25070"/>
    <cellStyle name="Обычный 3 2 7 2 5 2 4" xfId="25071"/>
    <cellStyle name="Обычный 3 2 7 2 5 3" xfId="25072"/>
    <cellStyle name="Обычный 3 2 7 2 5 3 2" xfId="25073"/>
    <cellStyle name="Обычный 3 2 7 2 5 4" xfId="25074"/>
    <cellStyle name="Обычный 3 2 7 2 5 4 2" xfId="25075"/>
    <cellStyle name="Обычный 3 2 7 2 5 5" xfId="25076"/>
    <cellStyle name="Обычный 3 2 7 2 5 5 2" xfId="25077"/>
    <cellStyle name="Обычный 3 2 7 2 5 6" xfId="25078"/>
    <cellStyle name="Обычный 3 2 7 2 6" xfId="25079"/>
    <cellStyle name="Обычный 3 2 7 2 6 2" xfId="25080"/>
    <cellStyle name="Обычный 3 2 7 2 6 2 2" xfId="25081"/>
    <cellStyle name="Обычный 3 2 7 2 6 2 2 2" xfId="25082"/>
    <cellStyle name="Обычный 3 2 7 2 6 2 3" xfId="25083"/>
    <cellStyle name="Обычный 3 2 7 2 6 2 3 2" xfId="25084"/>
    <cellStyle name="Обычный 3 2 7 2 6 2 4" xfId="25085"/>
    <cellStyle name="Обычный 3 2 7 2 6 3" xfId="25086"/>
    <cellStyle name="Обычный 3 2 7 2 6 3 2" xfId="25087"/>
    <cellStyle name="Обычный 3 2 7 2 6 4" xfId="25088"/>
    <cellStyle name="Обычный 3 2 7 2 6 4 2" xfId="25089"/>
    <cellStyle name="Обычный 3 2 7 2 6 5" xfId="25090"/>
    <cellStyle name="Обычный 3 2 7 2 6 5 2" xfId="25091"/>
    <cellStyle name="Обычный 3 2 7 2 6 6" xfId="25092"/>
    <cellStyle name="Обычный 3 2 7 2 7" xfId="25093"/>
    <cellStyle name="Обычный 3 2 7 2 7 2" xfId="25094"/>
    <cellStyle name="Обычный 3 2 7 2 7 2 2" xfId="25095"/>
    <cellStyle name="Обычный 3 2 7 2 7 2 2 2" xfId="25096"/>
    <cellStyle name="Обычный 3 2 7 2 7 2 3" xfId="25097"/>
    <cellStyle name="Обычный 3 2 7 2 7 2 3 2" xfId="25098"/>
    <cellStyle name="Обычный 3 2 7 2 7 2 4" xfId="25099"/>
    <cellStyle name="Обычный 3 2 7 2 7 3" xfId="25100"/>
    <cellStyle name="Обычный 3 2 7 2 7 3 2" xfId="25101"/>
    <cellStyle name="Обычный 3 2 7 2 7 4" xfId="25102"/>
    <cellStyle name="Обычный 3 2 7 2 7 4 2" xfId="25103"/>
    <cellStyle name="Обычный 3 2 7 2 7 5" xfId="25104"/>
    <cellStyle name="Обычный 3 2 7 2 7 5 2" xfId="25105"/>
    <cellStyle name="Обычный 3 2 7 2 7 6" xfId="25106"/>
    <cellStyle name="Обычный 3 2 7 2 8" xfId="25107"/>
    <cellStyle name="Обычный 3 2 7 2 8 2" xfId="25108"/>
    <cellStyle name="Обычный 3 2 7 2 8 2 2" xfId="25109"/>
    <cellStyle name="Обычный 3 2 7 2 8 3" xfId="25110"/>
    <cellStyle name="Обычный 3 2 7 2 8 3 2" xfId="25111"/>
    <cellStyle name="Обычный 3 2 7 2 8 4" xfId="25112"/>
    <cellStyle name="Обычный 3 2 7 2 9" xfId="25113"/>
    <cellStyle name="Обычный 3 2 7 2 9 2" xfId="25114"/>
    <cellStyle name="Обычный 3 2 7 2 9 2 2" xfId="25115"/>
    <cellStyle name="Обычный 3 2 7 2 9 3" xfId="25116"/>
    <cellStyle name="Обычный 3 2 7 3" xfId="25117"/>
    <cellStyle name="Обычный 3 2 7 3 10" xfId="25118"/>
    <cellStyle name="Обычный 3 2 7 3 2" xfId="25119"/>
    <cellStyle name="Обычный 3 2 7 3 2 2" xfId="25120"/>
    <cellStyle name="Обычный 3 2 7 3 2 2 2" xfId="25121"/>
    <cellStyle name="Обычный 3 2 7 3 2 2 2 2" xfId="25122"/>
    <cellStyle name="Обычный 3 2 7 3 2 2 3" xfId="25123"/>
    <cellStyle name="Обычный 3 2 7 3 2 2 3 2" xfId="25124"/>
    <cellStyle name="Обычный 3 2 7 3 2 2 4" xfId="25125"/>
    <cellStyle name="Обычный 3 2 7 3 2 3" xfId="25126"/>
    <cellStyle name="Обычный 3 2 7 3 2 3 2" xfId="25127"/>
    <cellStyle name="Обычный 3 2 7 3 2 4" xfId="25128"/>
    <cellStyle name="Обычный 3 2 7 3 2 4 2" xfId="25129"/>
    <cellStyle name="Обычный 3 2 7 3 2 5" xfId="25130"/>
    <cellStyle name="Обычный 3 2 7 3 2 5 2" xfId="25131"/>
    <cellStyle name="Обычный 3 2 7 3 2 6" xfId="25132"/>
    <cellStyle name="Обычный 3 2 7 3 3" xfId="25133"/>
    <cellStyle name="Обычный 3 2 7 3 3 2" xfId="25134"/>
    <cellStyle name="Обычный 3 2 7 3 3 2 2" xfId="25135"/>
    <cellStyle name="Обычный 3 2 7 3 3 2 2 2" xfId="25136"/>
    <cellStyle name="Обычный 3 2 7 3 3 2 3" xfId="25137"/>
    <cellStyle name="Обычный 3 2 7 3 3 2 3 2" xfId="25138"/>
    <cellStyle name="Обычный 3 2 7 3 3 2 4" xfId="25139"/>
    <cellStyle name="Обычный 3 2 7 3 3 3" xfId="25140"/>
    <cellStyle name="Обычный 3 2 7 3 3 3 2" xfId="25141"/>
    <cellStyle name="Обычный 3 2 7 3 3 4" xfId="25142"/>
    <cellStyle name="Обычный 3 2 7 3 3 4 2" xfId="25143"/>
    <cellStyle name="Обычный 3 2 7 3 3 5" xfId="25144"/>
    <cellStyle name="Обычный 3 2 7 3 3 5 2" xfId="25145"/>
    <cellStyle name="Обычный 3 2 7 3 3 6" xfId="25146"/>
    <cellStyle name="Обычный 3 2 7 3 4" xfId="25147"/>
    <cellStyle name="Обычный 3 2 7 3 4 2" xfId="25148"/>
    <cellStyle name="Обычный 3 2 7 3 4 2 2" xfId="25149"/>
    <cellStyle name="Обычный 3 2 7 3 4 2 2 2" xfId="25150"/>
    <cellStyle name="Обычный 3 2 7 3 4 2 3" xfId="25151"/>
    <cellStyle name="Обычный 3 2 7 3 4 2 3 2" xfId="25152"/>
    <cellStyle name="Обычный 3 2 7 3 4 2 4" xfId="25153"/>
    <cellStyle name="Обычный 3 2 7 3 4 3" xfId="25154"/>
    <cellStyle name="Обычный 3 2 7 3 4 3 2" xfId="25155"/>
    <cellStyle name="Обычный 3 2 7 3 4 4" xfId="25156"/>
    <cellStyle name="Обычный 3 2 7 3 4 4 2" xfId="25157"/>
    <cellStyle name="Обычный 3 2 7 3 4 5" xfId="25158"/>
    <cellStyle name="Обычный 3 2 7 3 4 5 2" xfId="25159"/>
    <cellStyle name="Обычный 3 2 7 3 4 6" xfId="25160"/>
    <cellStyle name="Обычный 3 2 7 3 5" xfId="25161"/>
    <cellStyle name="Обычный 3 2 7 3 5 2" xfId="25162"/>
    <cellStyle name="Обычный 3 2 7 3 5 2 2" xfId="25163"/>
    <cellStyle name="Обычный 3 2 7 3 5 2 2 2" xfId="25164"/>
    <cellStyle name="Обычный 3 2 7 3 5 2 3" xfId="25165"/>
    <cellStyle name="Обычный 3 2 7 3 5 2 3 2" xfId="25166"/>
    <cellStyle name="Обычный 3 2 7 3 5 2 4" xfId="25167"/>
    <cellStyle name="Обычный 3 2 7 3 5 3" xfId="25168"/>
    <cellStyle name="Обычный 3 2 7 3 5 3 2" xfId="25169"/>
    <cellStyle name="Обычный 3 2 7 3 5 4" xfId="25170"/>
    <cellStyle name="Обычный 3 2 7 3 5 4 2" xfId="25171"/>
    <cellStyle name="Обычный 3 2 7 3 5 5" xfId="25172"/>
    <cellStyle name="Обычный 3 2 7 3 5 5 2" xfId="25173"/>
    <cellStyle name="Обычный 3 2 7 3 5 6" xfId="25174"/>
    <cellStyle name="Обычный 3 2 7 3 6" xfId="25175"/>
    <cellStyle name="Обычный 3 2 7 3 6 2" xfId="25176"/>
    <cellStyle name="Обычный 3 2 7 3 6 2 2" xfId="25177"/>
    <cellStyle name="Обычный 3 2 7 3 6 3" xfId="25178"/>
    <cellStyle name="Обычный 3 2 7 3 6 3 2" xfId="25179"/>
    <cellStyle name="Обычный 3 2 7 3 6 4" xfId="25180"/>
    <cellStyle name="Обычный 3 2 7 3 7" xfId="25181"/>
    <cellStyle name="Обычный 3 2 7 3 7 2" xfId="25182"/>
    <cellStyle name="Обычный 3 2 7 3 8" xfId="25183"/>
    <cellStyle name="Обычный 3 2 7 3 8 2" xfId="25184"/>
    <cellStyle name="Обычный 3 2 7 3 9" xfId="25185"/>
    <cellStyle name="Обычный 3 2 7 3 9 2" xfId="25186"/>
    <cellStyle name="Обычный 3 2 7 4" xfId="25187"/>
    <cellStyle name="Обычный 3 2 7 4 2" xfId="25188"/>
    <cellStyle name="Обычный 3 2 7 4 2 2" xfId="25189"/>
    <cellStyle name="Обычный 3 2 7 4 2 2 2" xfId="25190"/>
    <cellStyle name="Обычный 3 2 7 4 2 2 2 2" xfId="25191"/>
    <cellStyle name="Обычный 3 2 7 4 2 2 3" xfId="25192"/>
    <cellStyle name="Обычный 3 2 7 4 2 2 3 2" xfId="25193"/>
    <cellStyle name="Обычный 3 2 7 4 2 2 4" xfId="25194"/>
    <cellStyle name="Обычный 3 2 7 4 2 3" xfId="25195"/>
    <cellStyle name="Обычный 3 2 7 4 2 3 2" xfId="25196"/>
    <cellStyle name="Обычный 3 2 7 4 2 4" xfId="25197"/>
    <cellStyle name="Обычный 3 2 7 4 2 4 2" xfId="25198"/>
    <cellStyle name="Обычный 3 2 7 4 2 5" xfId="25199"/>
    <cellStyle name="Обычный 3 2 7 4 2 5 2" xfId="25200"/>
    <cellStyle name="Обычный 3 2 7 4 2 6" xfId="25201"/>
    <cellStyle name="Обычный 3 2 7 4 3" xfId="25202"/>
    <cellStyle name="Обычный 3 2 7 4 3 2" xfId="25203"/>
    <cellStyle name="Обычный 3 2 7 4 3 2 2" xfId="25204"/>
    <cellStyle name="Обычный 3 2 7 4 3 2 2 2" xfId="25205"/>
    <cellStyle name="Обычный 3 2 7 4 3 2 3" xfId="25206"/>
    <cellStyle name="Обычный 3 2 7 4 3 2 3 2" xfId="25207"/>
    <cellStyle name="Обычный 3 2 7 4 3 2 4" xfId="25208"/>
    <cellStyle name="Обычный 3 2 7 4 3 3" xfId="25209"/>
    <cellStyle name="Обычный 3 2 7 4 3 3 2" xfId="25210"/>
    <cellStyle name="Обычный 3 2 7 4 3 4" xfId="25211"/>
    <cellStyle name="Обычный 3 2 7 4 3 4 2" xfId="25212"/>
    <cellStyle name="Обычный 3 2 7 4 3 5" xfId="25213"/>
    <cellStyle name="Обычный 3 2 7 4 3 5 2" xfId="25214"/>
    <cellStyle name="Обычный 3 2 7 4 3 6" xfId="25215"/>
    <cellStyle name="Обычный 3 2 7 4 4" xfId="25216"/>
    <cellStyle name="Обычный 3 2 7 4 4 2" xfId="25217"/>
    <cellStyle name="Обычный 3 2 7 4 4 2 2" xfId="25218"/>
    <cellStyle name="Обычный 3 2 7 4 4 2 2 2" xfId="25219"/>
    <cellStyle name="Обычный 3 2 7 4 4 2 3" xfId="25220"/>
    <cellStyle name="Обычный 3 2 7 4 4 2 3 2" xfId="25221"/>
    <cellStyle name="Обычный 3 2 7 4 4 2 4" xfId="25222"/>
    <cellStyle name="Обычный 3 2 7 4 4 3" xfId="25223"/>
    <cellStyle name="Обычный 3 2 7 4 4 3 2" xfId="25224"/>
    <cellStyle name="Обычный 3 2 7 4 4 4" xfId="25225"/>
    <cellStyle name="Обычный 3 2 7 4 4 4 2" xfId="25226"/>
    <cellStyle name="Обычный 3 2 7 4 4 5" xfId="25227"/>
    <cellStyle name="Обычный 3 2 7 4 4 5 2" xfId="25228"/>
    <cellStyle name="Обычный 3 2 7 4 4 6" xfId="25229"/>
    <cellStyle name="Обычный 3 2 7 4 5" xfId="25230"/>
    <cellStyle name="Обычный 3 2 7 4 5 2" xfId="25231"/>
    <cellStyle name="Обычный 3 2 7 4 5 2 2" xfId="25232"/>
    <cellStyle name="Обычный 3 2 7 4 5 3" xfId="25233"/>
    <cellStyle name="Обычный 3 2 7 4 5 3 2" xfId="25234"/>
    <cellStyle name="Обычный 3 2 7 4 5 4" xfId="25235"/>
    <cellStyle name="Обычный 3 2 7 4 6" xfId="25236"/>
    <cellStyle name="Обычный 3 2 7 4 6 2" xfId="25237"/>
    <cellStyle name="Обычный 3 2 7 4 7" xfId="25238"/>
    <cellStyle name="Обычный 3 2 7 4 7 2" xfId="25239"/>
    <cellStyle name="Обычный 3 2 7 4 8" xfId="25240"/>
    <cellStyle name="Обычный 3 2 7 4 8 2" xfId="25241"/>
    <cellStyle name="Обычный 3 2 7 4 9" xfId="25242"/>
    <cellStyle name="Обычный 3 2 7 5" xfId="25243"/>
    <cellStyle name="Обычный 3 2 7 5 2" xfId="25244"/>
    <cellStyle name="Обычный 3 2 7 5 2 2" xfId="25245"/>
    <cellStyle name="Обычный 3 2 7 5 2 2 2" xfId="25246"/>
    <cellStyle name="Обычный 3 2 7 5 2 3" xfId="25247"/>
    <cellStyle name="Обычный 3 2 7 5 2 3 2" xfId="25248"/>
    <cellStyle name="Обычный 3 2 7 5 2 4" xfId="25249"/>
    <cellStyle name="Обычный 3 2 7 5 3" xfId="25250"/>
    <cellStyle name="Обычный 3 2 7 5 3 2" xfId="25251"/>
    <cellStyle name="Обычный 3 2 7 5 4" xfId="25252"/>
    <cellStyle name="Обычный 3 2 7 5 4 2" xfId="25253"/>
    <cellStyle name="Обычный 3 2 7 5 5" xfId="25254"/>
    <cellStyle name="Обычный 3 2 7 5 5 2" xfId="25255"/>
    <cellStyle name="Обычный 3 2 7 5 6" xfId="25256"/>
    <cellStyle name="Обычный 3 2 7 6" xfId="25257"/>
    <cellStyle name="Обычный 3 2 7 6 2" xfId="25258"/>
    <cellStyle name="Обычный 3 2 7 6 2 2" xfId="25259"/>
    <cellStyle name="Обычный 3 2 7 6 2 2 2" xfId="25260"/>
    <cellStyle name="Обычный 3 2 7 6 2 3" xfId="25261"/>
    <cellStyle name="Обычный 3 2 7 6 2 3 2" xfId="25262"/>
    <cellStyle name="Обычный 3 2 7 6 2 4" xfId="25263"/>
    <cellStyle name="Обычный 3 2 7 6 3" xfId="25264"/>
    <cellStyle name="Обычный 3 2 7 6 3 2" xfId="25265"/>
    <cellStyle name="Обычный 3 2 7 6 4" xfId="25266"/>
    <cellStyle name="Обычный 3 2 7 6 4 2" xfId="25267"/>
    <cellStyle name="Обычный 3 2 7 6 5" xfId="25268"/>
    <cellStyle name="Обычный 3 2 7 6 5 2" xfId="25269"/>
    <cellStyle name="Обычный 3 2 7 6 6" xfId="25270"/>
    <cellStyle name="Обычный 3 2 7 7" xfId="25271"/>
    <cellStyle name="Обычный 3 2 7 7 2" xfId="25272"/>
    <cellStyle name="Обычный 3 2 7 7 2 2" xfId="25273"/>
    <cellStyle name="Обычный 3 2 7 7 2 2 2" xfId="25274"/>
    <cellStyle name="Обычный 3 2 7 7 2 3" xfId="25275"/>
    <cellStyle name="Обычный 3 2 7 7 2 3 2" xfId="25276"/>
    <cellStyle name="Обычный 3 2 7 7 2 4" xfId="25277"/>
    <cellStyle name="Обычный 3 2 7 7 3" xfId="25278"/>
    <cellStyle name="Обычный 3 2 7 7 3 2" xfId="25279"/>
    <cellStyle name="Обычный 3 2 7 7 4" xfId="25280"/>
    <cellStyle name="Обычный 3 2 7 7 4 2" xfId="25281"/>
    <cellStyle name="Обычный 3 2 7 7 5" xfId="25282"/>
    <cellStyle name="Обычный 3 2 7 7 5 2" xfId="25283"/>
    <cellStyle name="Обычный 3 2 7 7 6" xfId="25284"/>
    <cellStyle name="Обычный 3 2 7 8" xfId="25285"/>
    <cellStyle name="Обычный 3 2 7 8 2" xfId="25286"/>
    <cellStyle name="Обычный 3 2 7 8 2 2" xfId="25287"/>
    <cellStyle name="Обычный 3 2 7 8 2 2 2" xfId="25288"/>
    <cellStyle name="Обычный 3 2 7 8 2 3" xfId="25289"/>
    <cellStyle name="Обычный 3 2 7 8 2 3 2" xfId="25290"/>
    <cellStyle name="Обычный 3 2 7 8 2 4" xfId="25291"/>
    <cellStyle name="Обычный 3 2 7 8 3" xfId="25292"/>
    <cellStyle name="Обычный 3 2 7 8 3 2" xfId="25293"/>
    <cellStyle name="Обычный 3 2 7 8 4" xfId="25294"/>
    <cellStyle name="Обычный 3 2 7 8 4 2" xfId="25295"/>
    <cellStyle name="Обычный 3 2 7 8 5" xfId="25296"/>
    <cellStyle name="Обычный 3 2 7 8 5 2" xfId="25297"/>
    <cellStyle name="Обычный 3 2 7 8 6" xfId="25298"/>
    <cellStyle name="Обычный 3 2 7 9" xfId="25299"/>
    <cellStyle name="Обычный 3 2 7 9 2" xfId="25300"/>
    <cellStyle name="Обычный 3 2 7 9 2 2" xfId="25301"/>
    <cellStyle name="Обычный 3 2 7 9 3" xfId="25302"/>
    <cellStyle name="Обычный 3 2 7 9 3 2" xfId="25303"/>
    <cellStyle name="Обычный 3 2 7 9 4" xfId="25304"/>
    <cellStyle name="Обычный 3 2 8" xfId="25305"/>
    <cellStyle name="Обычный 3 2 8 10" xfId="25306"/>
    <cellStyle name="Обычный 3 2 8 10 2" xfId="25307"/>
    <cellStyle name="Обычный 3 2 8 10 2 2" xfId="25308"/>
    <cellStyle name="Обычный 3 2 8 10 3" xfId="25309"/>
    <cellStyle name="Обычный 3 2 8 11" xfId="25310"/>
    <cellStyle name="Обычный 3 2 8 11 2" xfId="25311"/>
    <cellStyle name="Обычный 3 2 8 12" xfId="25312"/>
    <cellStyle name="Обычный 3 2 8 12 2" xfId="25313"/>
    <cellStyle name="Обычный 3 2 8 13" xfId="25314"/>
    <cellStyle name="Обычный 3 2 8 14" xfId="25315"/>
    <cellStyle name="Обычный 3 2 8 2" xfId="25316"/>
    <cellStyle name="Обычный 3 2 8 2 10" xfId="25317"/>
    <cellStyle name="Обычный 3 2 8 2 10 2" xfId="25318"/>
    <cellStyle name="Обычный 3 2 8 2 11" xfId="25319"/>
    <cellStyle name="Обычный 3 2 8 2 11 2" xfId="25320"/>
    <cellStyle name="Обычный 3 2 8 2 12" xfId="25321"/>
    <cellStyle name="Обычный 3 2 8 2 13" xfId="25322"/>
    <cellStyle name="Обычный 3 2 8 2 2" xfId="25323"/>
    <cellStyle name="Обычный 3 2 8 2 2 10" xfId="25324"/>
    <cellStyle name="Обычный 3 2 8 2 2 2" xfId="25325"/>
    <cellStyle name="Обычный 3 2 8 2 2 2 2" xfId="25326"/>
    <cellStyle name="Обычный 3 2 8 2 2 2 2 2" xfId="25327"/>
    <cellStyle name="Обычный 3 2 8 2 2 2 2 2 2" xfId="25328"/>
    <cellStyle name="Обычный 3 2 8 2 2 2 2 3" xfId="25329"/>
    <cellStyle name="Обычный 3 2 8 2 2 2 2 3 2" xfId="25330"/>
    <cellStyle name="Обычный 3 2 8 2 2 2 2 4" xfId="25331"/>
    <cellStyle name="Обычный 3 2 8 2 2 2 3" xfId="25332"/>
    <cellStyle name="Обычный 3 2 8 2 2 2 3 2" xfId="25333"/>
    <cellStyle name="Обычный 3 2 8 2 2 2 4" xfId="25334"/>
    <cellStyle name="Обычный 3 2 8 2 2 2 4 2" xfId="25335"/>
    <cellStyle name="Обычный 3 2 8 2 2 2 5" xfId="25336"/>
    <cellStyle name="Обычный 3 2 8 2 2 2 5 2" xfId="25337"/>
    <cellStyle name="Обычный 3 2 8 2 2 2 6" xfId="25338"/>
    <cellStyle name="Обычный 3 2 8 2 2 3" xfId="25339"/>
    <cellStyle name="Обычный 3 2 8 2 2 3 2" xfId="25340"/>
    <cellStyle name="Обычный 3 2 8 2 2 3 2 2" xfId="25341"/>
    <cellStyle name="Обычный 3 2 8 2 2 3 2 2 2" xfId="25342"/>
    <cellStyle name="Обычный 3 2 8 2 2 3 2 3" xfId="25343"/>
    <cellStyle name="Обычный 3 2 8 2 2 3 2 3 2" xfId="25344"/>
    <cellStyle name="Обычный 3 2 8 2 2 3 2 4" xfId="25345"/>
    <cellStyle name="Обычный 3 2 8 2 2 3 3" xfId="25346"/>
    <cellStyle name="Обычный 3 2 8 2 2 3 3 2" xfId="25347"/>
    <cellStyle name="Обычный 3 2 8 2 2 3 4" xfId="25348"/>
    <cellStyle name="Обычный 3 2 8 2 2 3 4 2" xfId="25349"/>
    <cellStyle name="Обычный 3 2 8 2 2 3 5" xfId="25350"/>
    <cellStyle name="Обычный 3 2 8 2 2 3 5 2" xfId="25351"/>
    <cellStyle name="Обычный 3 2 8 2 2 3 6" xfId="25352"/>
    <cellStyle name="Обычный 3 2 8 2 2 4" xfId="25353"/>
    <cellStyle name="Обычный 3 2 8 2 2 4 2" xfId="25354"/>
    <cellStyle name="Обычный 3 2 8 2 2 4 2 2" xfId="25355"/>
    <cellStyle name="Обычный 3 2 8 2 2 4 2 2 2" xfId="25356"/>
    <cellStyle name="Обычный 3 2 8 2 2 4 2 3" xfId="25357"/>
    <cellStyle name="Обычный 3 2 8 2 2 4 2 3 2" xfId="25358"/>
    <cellStyle name="Обычный 3 2 8 2 2 4 2 4" xfId="25359"/>
    <cellStyle name="Обычный 3 2 8 2 2 4 3" xfId="25360"/>
    <cellStyle name="Обычный 3 2 8 2 2 4 3 2" xfId="25361"/>
    <cellStyle name="Обычный 3 2 8 2 2 4 4" xfId="25362"/>
    <cellStyle name="Обычный 3 2 8 2 2 4 4 2" xfId="25363"/>
    <cellStyle name="Обычный 3 2 8 2 2 4 5" xfId="25364"/>
    <cellStyle name="Обычный 3 2 8 2 2 4 5 2" xfId="25365"/>
    <cellStyle name="Обычный 3 2 8 2 2 4 6" xfId="25366"/>
    <cellStyle name="Обычный 3 2 8 2 2 5" xfId="25367"/>
    <cellStyle name="Обычный 3 2 8 2 2 5 2" xfId="25368"/>
    <cellStyle name="Обычный 3 2 8 2 2 5 2 2" xfId="25369"/>
    <cellStyle name="Обычный 3 2 8 2 2 5 2 2 2" xfId="25370"/>
    <cellStyle name="Обычный 3 2 8 2 2 5 2 3" xfId="25371"/>
    <cellStyle name="Обычный 3 2 8 2 2 5 2 3 2" xfId="25372"/>
    <cellStyle name="Обычный 3 2 8 2 2 5 2 4" xfId="25373"/>
    <cellStyle name="Обычный 3 2 8 2 2 5 3" xfId="25374"/>
    <cellStyle name="Обычный 3 2 8 2 2 5 3 2" xfId="25375"/>
    <cellStyle name="Обычный 3 2 8 2 2 5 4" xfId="25376"/>
    <cellStyle name="Обычный 3 2 8 2 2 5 4 2" xfId="25377"/>
    <cellStyle name="Обычный 3 2 8 2 2 5 5" xfId="25378"/>
    <cellStyle name="Обычный 3 2 8 2 2 5 5 2" xfId="25379"/>
    <cellStyle name="Обычный 3 2 8 2 2 5 6" xfId="25380"/>
    <cellStyle name="Обычный 3 2 8 2 2 6" xfId="25381"/>
    <cellStyle name="Обычный 3 2 8 2 2 6 2" xfId="25382"/>
    <cellStyle name="Обычный 3 2 8 2 2 6 2 2" xfId="25383"/>
    <cellStyle name="Обычный 3 2 8 2 2 6 3" xfId="25384"/>
    <cellStyle name="Обычный 3 2 8 2 2 6 3 2" xfId="25385"/>
    <cellStyle name="Обычный 3 2 8 2 2 6 4" xfId="25386"/>
    <cellStyle name="Обычный 3 2 8 2 2 7" xfId="25387"/>
    <cellStyle name="Обычный 3 2 8 2 2 7 2" xfId="25388"/>
    <cellStyle name="Обычный 3 2 8 2 2 8" xfId="25389"/>
    <cellStyle name="Обычный 3 2 8 2 2 8 2" xfId="25390"/>
    <cellStyle name="Обычный 3 2 8 2 2 9" xfId="25391"/>
    <cellStyle name="Обычный 3 2 8 2 2 9 2" xfId="25392"/>
    <cellStyle name="Обычный 3 2 8 2 3" xfId="25393"/>
    <cellStyle name="Обычный 3 2 8 2 3 2" xfId="25394"/>
    <cellStyle name="Обычный 3 2 8 2 3 2 2" xfId="25395"/>
    <cellStyle name="Обычный 3 2 8 2 3 2 2 2" xfId="25396"/>
    <cellStyle name="Обычный 3 2 8 2 3 2 2 2 2" xfId="25397"/>
    <cellStyle name="Обычный 3 2 8 2 3 2 2 3" xfId="25398"/>
    <cellStyle name="Обычный 3 2 8 2 3 2 2 3 2" xfId="25399"/>
    <cellStyle name="Обычный 3 2 8 2 3 2 2 4" xfId="25400"/>
    <cellStyle name="Обычный 3 2 8 2 3 2 3" xfId="25401"/>
    <cellStyle name="Обычный 3 2 8 2 3 2 3 2" xfId="25402"/>
    <cellStyle name="Обычный 3 2 8 2 3 2 4" xfId="25403"/>
    <cellStyle name="Обычный 3 2 8 2 3 2 4 2" xfId="25404"/>
    <cellStyle name="Обычный 3 2 8 2 3 2 5" xfId="25405"/>
    <cellStyle name="Обычный 3 2 8 2 3 2 5 2" xfId="25406"/>
    <cellStyle name="Обычный 3 2 8 2 3 2 6" xfId="25407"/>
    <cellStyle name="Обычный 3 2 8 2 3 3" xfId="25408"/>
    <cellStyle name="Обычный 3 2 8 2 3 3 2" xfId="25409"/>
    <cellStyle name="Обычный 3 2 8 2 3 3 2 2" xfId="25410"/>
    <cellStyle name="Обычный 3 2 8 2 3 3 2 2 2" xfId="25411"/>
    <cellStyle name="Обычный 3 2 8 2 3 3 2 3" xfId="25412"/>
    <cellStyle name="Обычный 3 2 8 2 3 3 2 3 2" xfId="25413"/>
    <cellStyle name="Обычный 3 2 8 2 3 3 2 4" xfId="25414"/>
    <cellStyle name="Обычный 3 2 8 2 3 3 3" xfId="25415"/>
    <cellStyle name="Обычный 3 2 8 2 3 3 3 2" xfId="25416"/>
    <cellStyle name="Обычный 3 2 8 2 3 3 4" xfId="25417"/>
    <cellStyle name="Обычный 3 2 8 2 3 3 4 2" xfId="25418"/>
    <cellStyle name="Обычный 3 2 8 2 3 3 5" xfId="25419"/>
    <cellStyle name="Обычный 3 2 8 2 3 3 5 2" xfId="25420"/>
    <cellStyle name="Обычный 3 2 8 2 3 3 6" xfId="25421"/>
    <cellStyle name="Обычный 3 2 8 2 3 4" xfId="25422"/>
    <cellStyle name="Обычный 3 2 8 2 3 4 2" xfId="25423"/>
    <cellStyle name="Обычный 3 2 8 2 3 4 2 2" xfId="25424"/>
    <cellStyle name="Обычный 3 2 8 2 3 4 2 2 2" xfId="25425"/>
    <cellStyle name="Обычный 3 2 8 2 3 4 2 3" xfId="25426"/>
    <cellStyle name="Обычный 3 2 8 2 3 4 2 3 2" xfId="25427"/>
    <cellStyle name="Обычный 3 2 8 2 3 4 2 4" xfId="25428"/>
    <cellStyle name="Обычный 3 2 8 2 3 4 3" xfId="25429"/>
    <cellStyle name="Обычный 3 2 8 2 3 4 3 2" xfId="25430"/>
    <cellStyle name="Обычный 3 2 8 2 3 4 4" xfId="25431"/>
    <cellStyle name="Обычный 3 2 8 2 3 4 4 2" xfId="25432"/>
    <cellStyle name="Обычный 3 2 8 2 3 4 5" xfId="25433"/>
    <cellStyle name="Обычный 3 2 8 2 3 4 5 2" xfId="25434"/>
    <cellStyle name="Обычный 3 2 8 2 3 4 6" xfId="25435"/>
    <cellStyle name="Обычный 3 2 8 2 3 5" xfId="25436"/>
    <cellStyle name="Обычный 3 2 8 2 3 5 2" xfId="25437"/>
    <cellStyle name="Обычный 3 2 8 2 3 5 2 2" xfId="25438"/>
    <cellStyle name="Обычный 3 2 8 2 3 5 3" xfId="25439"/>
    <cellStyle name="Обычный 3 2 8 2 3 5 3 2" xfId="25440"/>
    <cellStyle name="Обычный 3 2 8 2 3 5 4" xfId="25441"/>
    <cellStyle name="Обычный 3 2 8 2 3 6" xfId="25442"/>
    <cellStyle name="Обычный 3 2 8 2 3 6 2" xfId="25443"/>
    <cellStyle name="Обычный 3 2 8 2 3 7" xfId="25444"/>
    <cellStyle name="Обычный 3 2 8 2 3 7 2" xfId="25445"/>
    <cellStyle name="Обычный 3 2 8 2 3 8" xfId="25446"/>
    <cellStyle name="Обычный 3 2 8 2 3 8 2" xfId="25447"/>
    <cellStyle name="Обычный 3 2 8 2 3 9" xfId="25448"/>
    <cellStyle name="Обычный 3 2 8 2 4" xfId="25449"/>
    <cellStyle name="Обычный 3 2 8 2 4 2" xfId="25450"/>
    <cellStyle name="Обычный 3 2 8 2 4 2 2" xfId="25451"/>
    <cellStyle name="Обычный 3 2 8 2 4 2 2 2" xfId="25452"/>
    <cellStyle name="Обычный 3 2 8 2 4 2 3" xfId="25453"/>
    <cellStyle name="Обычный 3 2 8 2 4 2 3 2" xfId="25454"/>
    <cellStyle name="Обычный 3 2 8 2 4 2 4" xfId="25455"/>
    <cellStyle name="Обычный 3 2 8 2 4 3" xfId="25456"/>
    <cellStyle name="Обычный 3 2 8 2 4 3 2" xfId="25457"/>
    <cellStyle name="Обычный 3 2 8 2 4 4" xfId="25458"/>
    <cellStyle name="Обычный 3 2 8 2 4 4 2" xfId="25459"/>
    <cellStyle name="Обычный 3 2 8 2 4 5" xfId="25460"/>
    <cellStyle name="Обычный 3 2 8 2 4 5 2" xfId="25461"/>
    <cellStyle name="Обычный 3 2 8 2 4 6" xfId="25462"/>
    <cellStyle name="Обычный 3 2 8 2 5" xfId="25463"/>
    <cellStyle name="Обычный 3 2 8 2 5 2" xfId="25464"/>
    <cellStyle name="Обычный 3 2 8 2 5 2 2" xfId="25465"/>
    <cellStyle name="Обычный 3 2 8 2 5 2 2 2" xfId="25466"/>
    <cellStyle name="Обычный 3 2 8 2 5 2 3" xfId="25467"/>
    <cellStyle name="Обычный 3 2 8 2 5 2 3 2" xfId="25468"/>
    <cellStyle name="Обычный 3 2 8 2 5 2 4" xfId="25469"/>
    <cellStyle name="Обычный 3 2 8 2 5 3" xfId="25470"/>
    <cellStyle name="Обычный 3 2 8 2 5 3 2" xfId="25471"/>
    <cellStyle name="Обычный 3 2 8 2 5 4" xfId="25472"/>
    <cellStyle name="Обычный 3 2 8 2 5 4 2" xfId="25473"/>
    <cellStyle name="Обычный 3 2 8 2 5 5" xfId="25474"/>
    <cellStyle name="Обычный 3 2 8 2 5 5 2" xfId="25475"/>
    <cellStyle name="Обычный 3 2 8 2 5 6" xfId="25476"/>
    <cellStyle name="Обычный 3 2 8 2 6" xfId="25477"/>
    <cellStyle name="Обычный 3 2 8 2 6 2" xfId="25478"/>
    <cellStyle name="Обычный 3 2 8 2 6 2 2" xfId="25479"/>
    <cellStyle name="Обычный 3 2 8 2 6 2 2 2" xfId="25480"/>
    <cellStyle name="Обычный 3 2 8 2 6 2 3" xfId="25481"/>
    <cellStyle name="Обычный 3 2 8 2 6 2 3 2" xfId="25482"/>
    <cellStyle name="Обычный 3 2 8 2 6 2 4" xfId="25483"/>
    <cellStyle name="Обычный 3 2 8 2 6 3" xfId="25484"/>
    <cellStyle name="Обычный 3 2 8 2 6 3 2" xfId="25485"/>
    <cellStyle name="Обычный 3 2 8 2 6 4" xfId="25486"/>
    <cellStyle name="Обычный 3 2 8 2 6 4 2" xfId="25487"/>
    <cellStyle name="Обычный 3 2 8 2 6 5" xfId="25488"/>
    <cellStyle name="Обычный 3 2 8 2 6 5 2" xfId="25489"/>
    <cellStyle name="Обычный 3 2 8 2 6 6" xfId="25490"/>
    <cellStyle name="Обычный 3 2 8 2 7" xfId="25491"/>
    <cellStyle name="Обычный 3 2 8 2 7 2" xfId="25492"/>
    <cellStyle name="Обычный 3 2 8 2 7 2 2" xfId="25493"/>
    <cellStyle name="Обычный 3 2 8 2 7 2 2 2" xfId="25494"/>
    <cellStyle name="Обычный 3 2 8 2 7 2 3" xfId="25495"/>
    <cellStyle name="Обычный 3 2 8 2 7 2 3 2" xfId="25496"/>
    <cellStyle name="Обычный 3 2 8 2 7 2 4" xfId="25497"/>
    <cellStyle name="Обычный 3 2 8 2 7 3" xfId="25498"/>
    <cellStyle name="Обычный 3 2 8 2 7 3 2" xfId="25499"/>
    <cellStyle name="Обычный 3 2 8 2 7 4" xfId="25500"/>
    <cellStyle name="Обычный 3 2 8 2 7 4 2" xfId="25501"/>
    <cellStyle name="Обычный 3 2 8 2 7 5" xfId="25502"/>
    <cellStyle name="Обычный 3 2 8 2 7 5 2" xfId="25503"/>
    <cellStyle name="Обычный 3 2 8 2 7 6" xfId="25504"/>
    <cellStyle name="Обычный 3 2 8 2 8" xfId="25505"/>
    <cellStyle name="Обычный 3 2 8 2 8 2" xfId="25506"/>
    <cellStyle name="Обычный 3 2 8 2 8 2 2" xfId="25507"/>
    <cellStyle name="Обычный 3 2 8 2 8 3" xfId="25508"/>
    <cellStyle name="Обычный 3 2 8 2 8 3 2" xfId="25509"/>
    <cellStyle name="Обычный 3 2 8 2 8 4" xfId="25510"/>
    <cellStyle name="Обычный 3 2 8 2 9" xfId="25511"/>
    <cellStyle name="Обычный 3 2 8 2 9 2" xfId="25512"/>
    <cellStyle name="Обычный 3 2 8 2 9 2 2" xfId="25513"/>
    <cellStyle name="Обычный 3 2 8 2 9 3" xfId="25514"/>
    <cellStyle name="Обычный 3 2 8 3" xfId="25515"/>
    <cellStyle name="Обычный 3 2 8 3 10" xfId="25516"/>
    <cellStyle name="Обычный 3 2 8 3 2" xfId="25517"/>
    <cellStyle name="Обычный 3 2 8 3 2 2" xfId="25518"/>
    <cellStyle name="Обычный 3 2 8 3 2 2 2" xfId="25519"/>
    <cellStyle name="Обычный 3 2 8 3 2 2 2 2" xfId="25520"/>
    <cellStyle name="Обычный 3 2 8 3 2 2 3" xfId="25521"/>
    <cellStyle name="Обычный 3 2 8 3 2 2 3 2" xfId="25522"/>
    <cellStyle name="Обычный 3 2 8 3 2 2 4" xfId="25523"/>
    <cellStyle name="Обычный 3 2 8 3 2 3" xfId="25524"/>
    <cellStyle name="Обычный 3 2 8 3 2 3 2" xfId="25525"/>
    <cellStyle name="Обычный 3 2 8 3 2 4" xfId="25526"/>
    <cellStyle name="Обычный 3 2 8 3 2 4 2" xfId="25527"/>
    <cellStyle name="Обычный 3 2 8 3 2 5" xfId="25528"/>
    <cellStyle name="Обычный 3 2 8 3 2 5 2" xfId="25529"/>
    <cellStyle name="Обычный 3 2 8 3 2 6" xfId="25530"/>
    <cellStyle name="Обычный 3 2 8 3 3" xfId="25531"/>
    <cellStyle name="Обычный 3 2 8 3 3 2" xfId="25532"/>
    <cellStyle name="Обычный 3 2 8 3 3 2 2" xfId="25533"/>
    <cellStyle name="Обычный 3 2 8 3 3 2 2 2" xfId="25534"/>
    <cellStyle name="Обычный 3 2 8 3 3 2 3" xfId="25535"/>
    <cellStyle name="Обычный 3 2 8 3 3 2 3 2" xfId="25536"/>
    <cellStyle name="Обычный 3 2 8 3 3 2 4" xfId="25537"/>
    <cellStyle name="Обычный 3 2 8 3 3 3" xfId="25538"/>
    <cellStyle name="Обычный 3 2 8 3 3 3 2" xfId="25539"/>
    <cellStyle name="Обычный 3 2 8 3 3 4" xfId="25540"/>
    <cellStyle name="Обычный 3 2 8 3 3 4 2" xfId="25541"/>
    <cellStyle name="Обычный 3 2 8 3 3 5" xfId="25542"/>
    <cellStyle name="Обычный 3 2 8 3 3 5 2" xfId="25543"/>
    <cellStyle name="Обычный 3 2 8 3 3 6" xfId="25544"/>
    <cellStyle name="Обычный 3 2 8 3 4" xfId="25545"/>
    <cellStyle name="Обычный 3 2 8 3 4 2" xfId="25546"/>
    <cellStyle name="Обычный 3 2 8 3 4 2 2" xfId="25547"/>
    <cellStyle name="Обычный 3 2 8 3 4 2 2 2" xfId="25548"/>
    <cellStyle name="Обычный 3 2 8 3 4 2 3" xfId="25549"/>
    <cellStyle name="Обычный 3 2 8 3 4 2 3 2" xfId="25550"/>
    <cellStyle name="Обычный 3 2 8 3 4 2 4" xfId="25551"/>
    <cellStyle name="Обычный 3 2 8 3 4 3" xfId="25552"/>
    <cellStyle name="Обычный 3 2 8 3 4 3 2" xfId="25553"/>
    <cellStyle name="Обычный 3 2 8 3 4 4" xfId="25554"/>
    <cellStyle name="Обычный 3 2 8 3 4 4 2" xfId="25555"/>
    <cellStyle name="Обычный 3 2 8 3 4 5" xfId="25556"/>
    <cellStyle name="Обычный 3 2 8 3 4 5 2" xfId="25557"/>
    <cellStyle name="Обычный 3 2 8 3 4 6" xfId="25558"/>
    <cellStyle name="Обычный 3 2 8 3 5" xfId="25559"/>
    <cellStyle name="Обычный 3 2 8 3 5 2" xfId="25560"/>
    <cellStyle name="Обычный 3 2 8 3 5 2 2" xfId="25561"/>
    <cellStyle name="Обычный 3 2 8 3 5 2 2 2" xfId="25562"/>
    <cellStyle name="Обычный 3 2 8 3 5 2 3" xfId="25563"/>
    <cellStyle name="Обычный 3 2 8 3 5 2 3 2" xfId="25564"/>
    <cellStyle name="Обычный 3 2 8 3 5 2 4" xfId="25565"/>
    <cellStyle name="Обычный 3 2 8 3 5 3" xfId="25566"/>
    <cellStyle name="Обычный 3 2 8 3 5 3 2" xfId="25567"/>
    <cellStyle name="Обычный 3 2 8 3 5 4" xfId="25568"/>
    <cellStyle name="Обычный 3 2 8 3 5 4 2" xfId="25569"/>
    <cellStyle name="Обычный 3 2 8 3 5 5" xfId="25570"/>
    <cellStyle name="Обычный 3 2 8 3 5 5 2" xfId="25571"/>
    <cellStyle name="Обычный 3 2 8 3 5 6" xfId="25572"/>
    <cellStyle name="Обычный 3 2 8 3 6" xfId="25573"/>
    <cellStyle name="Обычный 3 2 8 3 6 2" xfId="25574"/>
    <cellStyle name="Обычный 3 2 8 3 6 2 2" xfId="25575"/>
    <cellStyle name="Обычный 3 2 8 3 6 3" xfId="25576"/>
    <cellStyle name="Обычный 3 2 8 3 6 3 2" xfId="25577"/>
    <cellStyle name="Обычный 3 2 8 3 6 4" xfId="25578"/>
    <cellStyle name="Обычный 3 2 8 3 7" xfId="25579"/>
    <cellStyle name="Обычный 3 2 8 3 7 2" xfId="25580"/>
    <cellStyle name="Обычный 3 2 8 3 8" xfId="25581"/>
    <cellStyle name="Обычный 3 2 8 3 8 2" xfId="25582"/>
    <cellStyle name="Обычный 3 2 8 3 9" xfId="25583"/>
    <cellStyle name="Обычный 3 2 8 3 9 2" xfId="25584"/>
    <cellStyle name="Обычный 3 2 8 4" xfId="25585"/>
    <cellStyle name="Обычный 3 2 8 4 2" xfId="25586"/>
    <cellStyle name="Обычный 3 2 8 4 2 2" xfId="25587"/>
    <cellStyle name="Обычный 3 2 8 4 2 2 2" xfId="25588"/>
    <cellStyle name="Обычный 3 2 8 4 2 2 2 2" xfId="25589"/>
    <cellStyle name="Обычный 3 2 8 4 2 2 3" xfId="25590"/>
    <cellStyle name="Обычный 3 2 8 4 2 2 3 2" xfId="25591"/>
    <cellStyle name="Обычный 3 2 8 4 2 2 4" xfId="25592"/>
    <cellStyle name="Обычный 3 2 8 4 2 3" xfId="25593"/>
    <cellStyle name="Обычный 3 2 8 4 2 3 2" xfId="25594"/>
    <cellStyle name="Обычный 3 2 8 4 2 4" xfId="25595"/>
    <cellStyle name="Обычный 3 2 8 4 2 4 2" xfId="25596"/>
    <cellStyle name="Обычный 3 2 8 4 2 5" xfId="25597"/>
    <cellStyle name="Обычный 3 2 8 4 2 5 2" xfId="25598"/>
    <cellStyle name="Обычный 3 2 8 4 2 6" xfId="25599"/>
    <cellStyle name="Обычный 3 2 8 4 3" xfId="25600"/>
    <cellStyle name="Обычный 3 2 8 4 3 2" xfId="25601"/>
    <cellStyle name="Обычный 3 2 8 4 3 2 2" xfId="25602"/>
    <cellStyle name="Обычный 3 2 8 4 3 2 2 2" xfId="25603"/>
    <cellStyle name="Обычный 3 2 8 4 3 2 3" xfId="25604"/>
    <cellStyle name="Обычный 3 2 8 4 3 2 3 2" xfId="25605"/>
    <cellStyle name="Обычный 3 2 8 4 3 2 4" xfId="25606"/>
    <cellStyle name="Обычный 3 2 8 4 3 3" xfId="25607"/>
    <cellStyle name="Обычный 3 2 8 4 3 3 2" xfId="25608"/>
    <cellStyle name="Обычный 3 2 8 4 3 4" xfId="25609"/>
    <cellStyle name="Обычный 3 2 8 4 3 4 2" xfId="25610"/>
    <cellStyle name="Обычный 3 2 8 4 3 5" xfId="25611"/>
    <cellStyle name="Обычный 3 2 8 4 3 5 2" xfId="25612"/>
    <cellStyle name="Обычный 3 2 8 4 3 6" xfId="25613"/>
    <cellStyle name="Обычный 3 2 8 4 4" xfId="25614"/>
    <cellStyle name="Обычный 3 2 8 4 4 2" xfId="25615"/>
    <cellStyle name="Обычный 3 2 8 4 4 2 2" xfId="25616"/>
    <cellStyle name="Обычный 3 2 8 4 4 2 2 2" xfId="25617"/>
    <cellStyle name="Обычный 3 2 8 4 4 2 3" xfId="25618"/>
    <cellStyle name="Обычный 3 2 8 4 4 2 3 2" xfId="25619"/>
    <cellStyle name="Обычный 3 2 8 4 4 2 4" xfId="25620"/>
    <cellStyle name="Обычный 3 2 8 4 4 3" xfId="25621"/>
    <cellStyle name="Обычный 3 2 8 4 4 3 2" xfId="25622"/>
    <cellStyle name="Обычный 3 2 8 4 4 4" xfId="25623"/>
    <cellStyle name="Обычный 3 2 8 4 4 4 2" xfId="25624"/>
    <cellStyle name="Обычный 3 2 8 4 4 5" xfId="25625"/>
    <cellStyle name="Обычный 3 2 8 4 4 5 2" xfId="25626"/>
    <cellStyle name="Обычный 3 2 8 4 4 6" xfId="25627"/>
    <cellStyle name="Обычный 3 2 8 4 5" xfId="25628"/>
    <cellStyle name="Обычный 3 2 8 4 5 2" xfId="25629"/>
    <cellStyle name="Обычный 3 2 8 4 5 2 2" xfId="25630"/>
    <cellStyle name="Обычный 3 2 8 4 5 3" xfId="25631"/>
    <cellStyle name="Обычный 3 2 8 4 5 3 2" xfId="25632"/>
    <cellStyle name="Обычный 3 2 8 4 5 4" xfId="25633"/>
    <cellStyle name="Обычный 3 2 8 4 6" xfId="25634"/>
    <cellStyle name="Обычный 3 2 8 4 6 2" xfId="25635"/>
    <cellStyle name="Обычный 3 2 8 4 7" xfId="25636"/>
    <cellStyle name="Обычный 3 2 8 4 7 2" xfId="25637"/>
    <cellStyle name="Обычный 3 2 8 4 8" xfId="25638"/>
    <cellStyle name="Обычный 3 2 8 4 8 2" xfId="25639"/>
    <cellStyle name="Обычный 3 2 8 4 9" xfId="25640"/>
    <cellStyle name="Обычный 3 2 8 5" xfId="25641"/>
    <cellStyle name="Обычный 3 2 8 5 2" xfId="25642"/>
    <cellStyle name="Обычный 3 2 8 5 2 2" xfId="25643"/>
    <cellStyle name="Обычный 3 2 8 5 2 2 2" xfId="25644"/>
    <cellStyle name="Обычный 3 2 8 5 2 3" xfId="25645"/>
    <cellStyle name="Обычный 3 2 8 5 2 3 2" xfId="25646"/>
    <cellStyle name="Обычный 3 2 8 5 2 4" xfId="25647"/>
    <cellStyle name="Обычный 3 2 8 5 3" xfId="25648"/>
    <cellStyle name="Обычный 3 2 8 5 3 2" xfId="25649"/>
    <cellStyle name="Обычный 3 2 8 5 4" xfId="25650"/>
    <cellStyle name="Обычный 3 2 8 5 4 2" xfId="25651"/>
    <cellStyle name="Обычный 3 2 8 5 5" xfId="25652"/>
    <cellStyle name="Обычный 3 2 8 5 5 2" xfId="25653"/>
    <cellStyle name="Обычный 3 2 8 5 6" xfId="25654"/>
    <cellStyle name="Обычный 3 2 8 6" xfId="25655"/>
    <cellStyle name="Обычный 3 2 8 6 2" xfId="25656"/>
    <cellStyle name="Обычный 3 2 8 6 2 2" xfId="25657"/>
    <cellStyle name="Обычный 3 2 8 6 2 2 2" xfId="25658"/>
    <cellStyle name="Обычный 3 2 8 6 2 3" xfId="25659"/>
    <cellStyle name="Обычный 3 2 8 6 2 3 2" xfId="25660"/>
    <cellStyle name="Обычный 3 2 8 6 2 4" xfId="25661"/>
    <cellStyle name="Обычный 3 2 8 6 3" xfId="25662"/>
    <cellStyle name="Обычный 3 2 8 6 3 2" xfId="25663"/>
    <cellStyle name="Обычный 3 2 8 6 4" xfId="25664"/>
    <cellStyle name="Обычный 3 2 8 6 4 2" xfId="25665"/>
    <cellStyle name="Обычный 3 2 8 6 5" xfId="25666"/>
    <cellStyle name="Обычный 3 2 8 6 5 2" xfId="25667"/>
    <cellStyle name="Обычный 3 2 8 6 6" xfId="25668"/>
    <cellStyle name="Обычный 3 2 8 7" xfId="25669"/>
    <cellStyle name="Обычный 3 2 8 7 2" xfId="25670"/>
    <cellStyle name="Обычный 3 2 8 7 2 2" xfId="25671"/>
    <cellStyle name="Обычный 3 2 8 7 2 2 2" xfId="25672"/>
    <cellStyle name="Обычный 3 2 8 7 2 3" xfId="25673"/>
    <cellStyle name="Обычный 3 2 8 7 2 3 2" xfId="25674"/>
    <cellStyle name="Обычный 3 2 8 7 2 4" xfId="25675"/>
    <cellStyle name="Обычный 3 2 8 7 3" xfId="25676"/>
    <cellStyle name="Обычный 3 2 8 7 3 2" xfId="25677"/>
    <cellStyle name="Обычный 3 2 8 7 4" xfId="25678"/>
    <cellStyle name="Обычный 3 2 8 7 4 2" xfId="25679"/>
    <cellStyle name="Обычный 3 2 8 7 5" xfId="25680"/>
    <cellStyle name="Обычный 3 2 8 7 5 2" xfId="25681"/>
    <cellStyle name="Обычный 3 2 8 7 6" xfId="25682"/>
    <cellStyle name="Обычный 3 2 8 8" xfId="25683"/>
    <cellStyle name="Обычный 3 2 8 8 2" xfId="25684"/>
    <cellStyle name="Обычный 3 2 8 8 2 2" xfId="25685"/>
    <cellStyle name="Обычный 3 2 8 8 2 2 2" xfId="25686"/>
    <cellStyle name="Обычный 3 2 8 8 2 3" xfId="25687"/>
    <cellStyle name="Обычный 3 2 8 8 2 3 2" xfId="25688"/>
    <cellStyle name="Обычный 3 2 8 8 2 4" xfId="25689"/>
    <cellStyle name="Обычный 3 2 8 8 3" xfId="25690"/>
    <cellStyle name="Обычный 3 2 8 8 3 2" xfId="25691"/>
    <cellStyle name="Обычный 3 2 8 8 4" xfId="25692"/>
    <cellStyle name="Обычный 3 2 8 8 4 2" xfId="25693"/>
    <cellStyle name="Обычный 3 2 8 8 5" xfId="25694"/>
    <cellStyle name="Обычный 3 2 8 8 5 2" xfId="25695"/>
    <cellStyle name="Обычный 3 2 8 8 6" xfId="25696"/>
    <cellStyle name="Обычный 3 2 8 9" xfId="25697"/>
    <cellStyle name="Обычный 3 2 8 9 2" xfId="25698"/>
    <cellStyle name="Обычный 3 2 8 9 2 2" xfId="25699"/>
    <cellStyle name="Обычный 3 2 8 9 3" xfId="25700"/>
    <cellStyle name="Обычный 3 2 8 9 3 2" xfId="25701"/>
    <cellStyle name="Обычный 3 2 8 9 4" xfId="25702"/>
    <cellStyle name="Обычный 3 2 9" xfId="25703"/>
    <cellStyle name="Обычный 3 2 9 10" xfId="25704"/>
    <cellStyle name="Обычный 3 2 9 10 2" xfId="25705"/>
    <cellStyle name="Обычный 3 2 9 10 2 2" xfId="25706"/>
    <cellStyle name="Обычный 3 2 9 10 3" xfId="25707"/>
    <cellStyle name="Обычный 3 2 9 11" xfId="25708"/>
    <cellStyle name="Обычный 3 2 9 11 2" xfId="25709"/>
    <cellStyle name="Обычный 3 2 9 12" xfId="25710"/>
    <cellStyle name="Обычный 3 2 9 12 2" xfId="25711"/>
    <cellStyle name="Обычный 3 2 9 13" xfId="25712"/>
    <cellStyle name="Обычный 3 2 9 14" xfId="25713"/>
    <cellStyle name="Обычный 3 2 9 2" xfId="25714"/>
    <cellStyle name="Обычный 3 2 9 2 10" xfId="25715"/>
    <cellStyle name="Обычный 3 2 9 2 10 2" xfId="25716"/>
    <cellStyle name="Обычный 3 2 9 2 11" xfId="25717"/>
    <cellStyle name="Обычный 3 2 9 2 11 2" xfId="25718"/>
    <cellStyle name="Обычный 3 2 9 2 12" xfId="25719"/>
    <cellStyle name="Обычный 3 2 9 2 13" xfId="25720"/>
    <cellStyle name="Обычный 3 2 9 2 2" xfId="25721"/>
    <cellStyle name="Обычный 3 2 9 2 2 10" xfId="25722"/>
    <cellStyle name="Обычный 3 2 9 2 2 2" xfId="25723"/>
    <cellStyle name="Обычный 3 2 9 2 2 2 2" xfId="25724"/>
    <cellStyle name="Обычный 3 2 9 2 2 2 2 2" xfId="25725"/>
    <cellStyle name="Обычный 3 2 9 2 2 2 2 2 2" xfId="25726"/>
    <cellStyle name="Обычный 3 2 9 2 2 2 2 3" xfId="25727"/>
    <cellStyle name="Обычный 3 2 9 2 2 2 2 3 2" xfId="25728"/>
    <cellStyle name="Обычный 3 2 9 2 2 2 2 4" xfId="25729"/>
    <cellStyle name="Обычный 3 2 9 2 2 2 3" xfId="25730"/>
    <cellStyle name="Обычный 3 2 9 2 2 2 3 2" xfId="25731"/>
    <cellStyle name="Обычный 3 2 9 2 2 2 4" xfId="25732"/>
    <cellStyle name="Обычный 3 2 9 2 2 2 4 2" xfId="25733"/>
    <cellStyle name="Обычный 3 2 9 2 2 2 5" xfId="25734"/>
    <cellStyle name="Обычный 3 2 9 2 2 2 5 2" xfId="25735"/>
    <cellStyle name="Обычный 3 2 9 2 2 2 6" xfId="25736"/>
    <cellStyle name="Обычный 3 2 9 2 2 3" xfId="25737"/>
    <cellStyle name="Обычный 3 2 9 2 2 3 2" xfId="25738"/>
    <cellStyle name="Обычный 3 2 9 2 2 3 2 2" xfId="25739"/>
    <cellStyle name="Обычный 3 2 9 2 2 3 2 2 2" xfId="25740"/>
    <cellStyle name="Обычный 3 2 9 2 2 3 2 3" xfId="25741"/>
    <cellStyle name="Обычный 3 2 9 2 2 3 2 3 2" xfId="25742"/>
    <cellStyle name="Обычный 3 2 9 2 2 3 2 4" xfId="25743"/>
    <cellStyle name="Обычный 3 2 9 2 2 3 3" xfId="25744"/>
    <cellStyle name="Обычный 3 2 9 2 2 3 3 2" xfId="25745"/>
    <cellStyle name="Обычный 3 2 9 2 2 3 4" xfId="25746"/>
    <cellStyle name="Обычный 3 2 9 2 2 3 4 2" xfId="25747"/>
    <cellStyle name="Обычный 3 2 9 2 2 3 5" xfId="25748"/>
    <cellStyle name="Обычный 3 2 9 2 2 3 5 2" xfId="25749"/>
    <cellStyle name="Обычный 3 2 9 2 2 3 6" xfId="25750"/>
    <cellStyle name="Обычный 3 2 9 2 2 4" xfId="25751"/>
    <cellStyle name="Обычный 3 2 9 2 2 4 2" xfId="25752"/>
    <cellStyle name="Обычный 3 2 9 2 2 4 2 2" xfId="25753"/>
    <cellStyle name="Обычный 3 2 9 2 2 4 2 2 2" xfId="25754"/>
    <cellStyle name="Обычный 3 2 9 2 2 4 2 3" xfId="25755"/>
    <cellStyle name="Обычный 3 2 9 2 2 4 2 3 2" xfId="25756"/>
    <cellStyle name="Обычный 3 2 9 2 2 4 2 4" xfId="25757"/>
    <cellStyle name="Обычный 3 2 9 2 2 4 3" xfId="25758"/>
    <cellStyle name="Обычный 3 2 9 2 2 4 3 2" xfId="25759"/>
    <cellStyle name="Обычный 3 2 9 2 2 4 4" xfId="25760"/>
    <cellStyle name="Обычный 3 2 9 2 2 4 4 2" xfId="25761"/>
    <cellStyle name="Обычный 3 2 9 2 2 4 5" xfId="25762"/>
    <cellStyle name="Обычный 3 2 9 2 2 4 5 2" xfId="25763"/>
    <cellStyle name="Обычный 3 2 9 2 2 4 6" xfId="25764"/>
    <cellStyle name="Обычный 3 2 9 2 2 5" xfId="25765"/>
    <cellStyle name="Обычный 3 2 9 2 2 5 2" xfId="25766"/>
    <cellStyle name="Обычный 3 2 9 2 2 5 2 2" xfId="25767"/>
    <cellStyle name="Обычный 3 2 9 2 2 5 2 2 2" xfId="25768"/>
    <cellStyle name="Обычный 3 2 9 2 2 5 2 3" xfId="25769"/>
    <cellStyle name="Обычный 3 2 9 2 2 5 2 3 2" xfId="25770"/>
    <cellStyle name="Обычный 3 2 9 2 2 5 2 4" xfId="25771"/>
    <cellStyle name="Обычный 3 2 9 2 2 5 3" xfId="25772"/>
    <cellStyle name="Обычный 3 2 9 2 2 5 3 2" xfId="25773"/>
    <cellStyle name="Обычный 3 2 9 2 2 5 4" xfId="25774"/>
    <cellStyle name="Обычный 3 2 9 2 2 5 4 2" xfId="25775"/>
    <cellStyle name="Обычный 3 2 9 2 2 5 5" xfId="25776"/>
    <cellStyle name="Обычный 3 2 9 2 2 5 5 2" xfId="25777"/>
    <cellStyle name="Обычный 3 2 9 2 2 5 6" xfId="25778"/>
    <cellStyle name="Обычный 3 2 9 2 2 6" xfId="25779"/>
    <cellStyle name="Обычный 3 2 9 2 2 6 2" xfId="25780"/>
    <cellStyle name="Обычный 3 2 9 2 2 6 2 2" xfId="25781"/>
    <cellStyle name="Обычный 3 2 9 2 2 6 3" xfId="25782"/>
    <cellStyle name="Обычный 3 2 9 2 2 6 3 2" xfId="25783"/>
    <cellStyle name="Обычный 3 2 9 2 2 6 4" xfId="25784"/>
    <cellStyle name="Обычный 3 2 9 2 2 7" xfId="25785"/>
    <cellStyle name="Обычный 3 2 9 2 2 7 2" xfId="25786"/>
    <cellStyle name="Обычный 3 2 9 2 2 8" xfId="25787"/>
    <cellStyle name="Обычный 3 2 9 2 2 8 2" xfId="25788"/>
    <cellStyle name="Обычный 3 2 9 2 2 9" xfId="25789"/>
    <cellStyle name="Обычный 3 2 9 2 2 9 2" xfId="25790"/>
    <cellStyle name="Обычный 3 2 9 2 3" xfId="25791"/>
    <cellStyle name="Обычный 3 2 9 2 3 2" xfId="25792"/>
    <cellStyle name="Обычный 3 2 9 2 3 2 2" xfId="25793"/>
    <cellStyle name="Обычный 3 2 9 2 3 2 2 2" xfId="25794"/>
    <cellStyle name="Обычный 3 2 9 2 3 2 2 2 2" xfId="25795"/>
    <cellStyle name="Обычный 3 2 9 2 3 2 2 3" xfId="25796"/>
    <cellStyle name="Обычный 3 2 9 2 3 2 2 3 2" xfId="25797"/>
    <cellStyle name="Обычный 3 2 9 2 3 2 2 4" xfId="25798"/>
    <cellStyle name="Обычный 3 2 9 2 3 2 3" xfId="25799"/>
    <cellStyle name="Обычный 3 2 9 2 3 2 3 2" xfId="25800"/>
    <cellStyle name="Обычный 3 2 9 2 3 2 4" xfId="25801"/>
    <cellStyle name="Обычный 3 2 9 2 3 2 4 2" xfId="25802"/>
    <cellStyle name="Обычный 3 2 9 2 3 2 5" xfId="25803"/>
    <cellStyle name="Обычный 3 2 9 2 3 2 5 2" xfId="25804"/>
    <cellStyle name="Обычный 3 2 9 2 3 2 6" xfId="25805"/>
    <cellStyle name="Обычный 3 2 9 2 3 3" xfId="25806"/>
    <cellStyle name="Обычный 3 2 9 2 3 3 2" xfId="25807"/>
    <cellStyle name="Обычный 3 2 9 2 3 3 2 2" xfId="25808"/>
    <cellStyle name="Обычный 3 2 9 2 3 3 2 2 2" xfId="25809"/>
    <cellStyle name="Обычный 3 2 9 2 3 3 2 3" xfId="25810"/>
    <cellStyle name="Обычный 3 2 9 2 3 3 2 3 2" xfId="25811"/>
    <cellStyle name="Обычный 3 2 9 2 3 3 2 4" xfId="25812"/>
    <cellStyle name="Обычный 3 2 9 2 3 3 3" xfId="25813"/>
    <cellStyle name="Обычный 3 2 9 2 3 3 3 2" xfId="25814"/>
    <cellStyle name="Обычный 3 2 9 2 3 3 4" xfId="25815"/>
    <cellStyle name="Обычный 3 2 9 2 3 3 4 2" xfId="25816"/>
    <cellStyle name="Обычный 3 2 9 2 3 3 5" xfId="25817"/>
    <cellStyle name="Обычный 3 2 9 2 3 3 5 2" xfId="25818"/>
    <cellStyle name="Обычный 3 2 9 2 3 3 6" xfId="25819"/>
    <cellStyle name="Обычный 3 2 9 2 3 4" xfId="25820"/>
    <cellStyle name="Обычный 3 2 9 2 3 4 2" xfId="25821"/>
    <cellStyle name="Обычный 3 2 9 2 3 4 2 2" xfId="25822"/>
    <cellStyle name="Обычный 3 2 9 2 3 4 2 2 2" xfId="25823"/>
    <cellStyle name="Обычный 3 2 9 2 3 4 2 3" xfId="25824"/>
    <cellStyle name="Обычный 3 2 9 2 3 4 2 3 2" xfId="25825"/>
    <cellStyle name="Обычный 3 2 9 2 3 4 2 4" xfId="25826"/>
    <cellStyle name="Обычный 3 2 9 2 3 4 3" xfId="25827"/>
    <cellStyle name="Обычный 3 2 9 2 3 4 3 2" xfId="25828"/>
    <cellStyle name="Обычный 3 2 9 2 3 4 4" xfId="25829"/>
    <cellStyle name="Обычный 3 2 9 2 3 4 4 2" xfId="25830"/>
    <cellStyle name="Обычный 3 2 9 2 3 4 5" xfId="25831"/>
    <cellStyle name="Обычный 3 2 9 2 3 4 5 2" xfId="25832"/>
    <cellStyle name="Обычный 3 2 9 2 3 4 6" xfId="25833"/>
    <cellStyle name="Обычный 3 2 9 2 3 5" xfId="25834"/>
    <cellStyle name="Обычный 3 2 9 2 3 5 2" xfId="25835"/>
    <cellStyle name="Обычный 3 2 9 2 3 5 2 2" xfId="25836"/>
    <cellStyle name="Обычный 3 2 9 2 3 5 3" xfId="25837"/>
    <cellStyle name="Обычный 3 2 9 2 3 5 3 2" xfId="25838"/>
    <cellStyle name="Обычный 3 2 9 2 3 5 4" xfId="25839"/>
    <cellStyle name="Обычный 3 2 9 2 3 6" xfId="25840"/>
    <cellStyle name="Обычный 3 2 9 2 3 6 2" xfId="25841"/>
    <cellStyle name="Обычный 3 2 9 2 3 7" xfId="25842"/>
    <cellStyle name="Обычный 3 2 9 2 3 7 2" xfId="25843"/>
    <cellStyle name="Обычный 3 2 9 2 3 8" xfId="25844"/>
    <cellStyle name="Обычный 3 2 9 2 3 8 2" xfId="25845"/>
    <cellStyle name="Обычный 3 2 9 2 3 9" xfId="25846"/>
    <cellStyle name="Обычный 3 2 9 2 4" xfId="25847"/>
    <cellStyle name="Обычный 3 2 9 2 4 2" xfId="25848"/>
    <cellStyle name="Обычный 3 2 9 2 4 2 2" xfId="25849"/>
    <cellStyle name="Обычный 3 2 9 2 4 2 2 2" xfId="25850"/>
    <cellStyle name="Обычный 3 2 9 2 4 2 3" xfId="25851"/>
    <cellStyle name="Обычный 3 2 9 2 4 2 3 2" xfId="25852"/>
    <cellStyle name="Обычный 3 2 9 2 4 2 4" xfId="25853"/>
    <cellStyle name="Обычный 3 2 9 2 4 3" xfId="25854"/>
    <cellStyle name="Обычный 3 2 9 2 4 3 2" xfId="25855"/>
    <cellStyle name="Обычный 3 2 9 2 4 4" xfId="25856"/>
    <cellStyle name="Обычный 3 2 9 2 4 4 2" xfId="25857"/>
    <cellStyle name="Обычный 3 2 9 2 4 5" xfId="25858"/>
    <cellStyle name="Обычный 3 2 9 2 4 5 2" xfId="25859"/>
    <cellStyle name="Обычный 3 2 9 2 4 6" xfId="25860"/>
    <cellStyle name="Обычный 3 2 9 2 5" xfId="25861"/>
    <cellStyle name="Обычный 3 2 9 2 5 2" xfId="25862"/>
    <cellStyle name="Обычный 3 2 9 2 5 2 2" xfId="25863"/>
    <cellStyle name="Обычный 3 2 9 2 5 2 2 2" xfId="25864"/>
    <cellStyle name="Обычный 3 2 9 2 5 2 3" xfId="25865"/>
    <cellStyle name="Обычный 3 2 9 2 5 2 3 2" xfId="25866"/>
    <cellStyle name="Обычный 3 2 9 2 5 2 4" xfId="25867"/>
    <cellStyle name="Обычный 3 2 9 2 5 3" xfId="25868"/>
    <cellStyle name="Обычный 3 2 9 2 5 3 2" xfId="25869"/>
    <cellStyle name="Обычный 3 2 9 2 5 4" xfId="25870"/>
    <cellStyle name="Обычный 3 2 9 2 5 4 2" xfId="25871"/>
    <cellStyle name="Обычный 3 2 9 2 5 5" xfId="25872"/>
    <cellStyle name="Обычный 3 2 9 2 5 5 2" xfId="25873"/>
    <cellStyle name="Обычный 3 2 9 2 5 6" xfId="25874"/>
    <cellStyle name="Обычный 3 2 9 2 6" xfId="25875"/>
    <cellStyle name="Обычный 3 2 9 2 6 2" xfId="25876"/>
    <cellStyle name="Обычный 3 2 9 2 6 2 2" xfId="25877"/>
    <cellStyle name="Обычный 3 2 9 2 6 2 2 2" xfId="25878"/>
    <cellStyle name="Обычный 3 2 9 2 6 2 3" xfId="25879"/>
    <cellStyle name="Обычный 3 2 9 2 6 2 3 2" xfId="25880"/>
    <cellStyle name="Обычный 3 2 9 2 6 2 4" xfId="25881"/>
    <cellStyle name="Обычный 3 2 9 2 6 3" xfId="25882"/>
    <cellStyle name="Обычный 3 2 9 2 6 3 2" xfId="25883"/>
    <cellStyle name="Обычный 3 2 9 2 6 4" xfId="25884"/>
    <cellStyle name="Обычный 3 2 9 2 6 4 2" xfId="25885"/>
    <cellStyle name="Обычный 3 2 9 2 6 5" xfId="25886"/>
    <cellStyle name="Обычный 3 2 9 2 6 5 2" xfId="25887"/>
    <cellStyle name="Обычный 3 2 9 2 6 6" xfId="25888"/>
    <cellStyle name="Обычный 3 2 9 2 7" xfId="25889"/>
    <cellStyle name="Обычный 3 2 9 2 7 2" xfId="25890"/>
    <cellStyle name="Обычный 3 2 9 2 7 2 2" xfId="25891"/>
    <cellStyle name="Обычный 3 2 9 2 7 2 2 2" xfId="25892"/>
    <cellStyle name="Обычный 3 2 9 2 7 2 3" xfId="25893"/>
    <cellStyle name="Обычный 3 2 9 2 7 2 3 2" xfId="25894"/>
    <cellStyle name="Обычный 3 2 9 2 7 2 4" xfId="25895"/>
    <cellStyle name="Обычный 3 2 9 2 7 3" xfId="25896"/>
    <cellStyle name="Обычный 3 2 9 2 7 3 2" xfId="25897"/>
    <cellStyle name="Обычный 3 2 9 2 7 4" xfId="25898"/>
    <cellStyle name="Обычный 3 2 9 2 7 4 2" xfId="25899"/>
    <cellStyle name="Обычный 3 2 9 2 7 5" xfId="25900"/>
    <cellStyle name="Обычный 3 2 9 2 7 5 2" xfId="25901"/>
    <cellStyle name="Обычный 3 2 9 2 7 6" xfId="25902"/>
    <cellStyle name="Обычный 3 2 9 2 8" xfId="25903"/>
    <cellStyle name="Обычный 3 2 9 2 8 2" xfId="25904"/>
    <cellStyle name="Обычный 3 2 9 2 8 2 2" xfId="25905"/>
    <cellStyle name="Обычный 3 2 9 2 8 3" xfId="25906"/>
    <cellStyle name="Обычный 3 2 9 2 8 3 2" xfId="25907"/>
    <cellStyle name="Обычный 3 2 9 2 8 4" xfId="25908"/>
    <cellStyle name="Обычный 3 2 9 2 9" xfId="25909"/>
    <cellStyle name="Обычный 3 2 9 2 9 2" xfId="25910"/>
    <cellStyle name="Обычный 3 2 9 2 9 2 2" xfId="25911"/>
    <cellStyle name="Обычный 3 2 9 2 9 3" xfId="25912"/>
    <cellStyle name="Обычный 3 2 9 3" xfId="25913"/>
    <cellStyle name="Обычный 3 2 9 3 10" xfId="25914"/>
    <cellStyle name="Обычный 3 2 9 3 2" xfId="25915"/>
    <cellStyle name="Обычный 3 2 9 3 2 2" xfId="25916"/>
    <cellStyle name="Обычный 3 2 9 3 2 2 2" xfId="25917"/>
    <cellStyle name="Обычный 3 2 9 3 2 2 2 2" xfId="25918"/>
    <cellStyle name="Обычный 3 2 9 3 2 2 3" xfId="25919"/>
    <cellStyle name="Обычный 3 2 9 3 2 2 3 2" xfId="25920"/>
    <cellStyle name="Обычный 3 2 9 3 2 2 4" xfId="25921"/>
    <cellStyle name="Обычный 3 2 9 3 2 3" xfId="25922"/>
    <cellStyle name="Обычный 3 2 9 3 2 3 2" xfId="25923"/>
    <cellStyle name="Обычный 3 2 9 3 2 4" xfId="25924"/>
    <cellStyle name="Обычный 3 2 9 3 2 4 2" xfId="25925"/>
    <cellStyle name="Обычный 3 2 9 3 2 5" xfId="25926"/>
    <cellStyle name="Обычный 3 2 9 3 2 5 2" xfId="25927"/>
    <cellStyle name="Обычный 3 2 9 3 2 6" xfId="25928"/>
    <cellStyle name="Обычный 3 2 9 3 3" xfId="25929"/>
    <cellStyle name="Обычный 3 2 9 3 3 2" xfId="25930"/>
    <cellStyle name="Обычный 3 2 9 3 3 2 2" xfId="25931"/>
    <cellStyle name="Обычный 3 2 9 3 3 2 2 2" xfId="25932"/>
    <cellStyle name="Обычный 3 2 9 3 3 2 3" xfId="25933"/>
    <cellStyle name="Обычный 3 2 9 3 3 2 3 2" xfId="25934"/>
    <cellStyle name="Обычный 3 2 9 3 3 2 4" xfId="25935"/>
    <cellStyle name="Обычный 3 2 9 3 3 3" xfId="25936"/>
    <cellStyle name="Обычный 3 2 9 3 3 3 2" xfId="25937"/>
    <cellStyle name="Обычный 3 2 9 3 3 4" xfId="25938"/>
    <cellStyle name="Обычный 3 2 9 3 3 4 2" xfId="25939"/>
    <cellStyle name="Обычный 3 2 9 3 3 5" xfId="25940"/>
    <cellStyle name="Обычный 3 2 9 3 3 5 2" xfId="25941"/>
    <cellStyle name="Обычный 3 2 9 3 3 6" xfId="25942"/>
    <cellStyle name="Обычный 3 2 9 3 4" xfId="25943"/>
    <cellStyle name="Обычный 3 2 9 3 4 2" xfId="25944"/>
    <cellStyle name="Обычный 3 2 9 3 4 2 2" xfId="25945"/>
    <cellStyle name="Обычный 3 2 9 3 4 2 2 2" xfId="25946"/>
    <cellStyle name="Обычный 3 2 9 3 4 2 3" xfId="25947"/>
    <cellStyle name="Обычный 3 2 9 3 4 2 3 2" xfId="25948"/>
    <cellStyle name="Обычный 3 2 9 3 4 2 4" xfId="25949"/>
    <cellStyle name="Обычный 3 2 9 3 4 3" xfId="25950"/>
    <cellStyle name="Обычный 3 2 9 3 4 3 2" xfId="25951"/>
    <cellStyle name="Обычный 3 2 9 3 4 4" xfId="25952"/>
    <cellStyle name="Обычный 3 2 9 3 4 4 2" xfId="25953"/>
    <cellStyle name="Обычный 3 2 9 3 4 5" xfId="25954"/>
    <cellStyle name="Обычный 3 2 9 3 4 5 2" xfId="25955"/>
    <cellStyle name="Обычный 3 2 9 3 4 6" xfId="25956"/>
    <cellStyle name="Обычный 3 2 9 3 5" xfId="25957"/>
    <cellStyle name="Обычный 3 2 9 3 5 2" xfId="25958"/>
    <cellStyle name="Обычный 3 2 9 3 5 2 2" xfId="25959"/>
    <cellStyle name="Обычный 3 2 9 3 5 2 2 2" xfId="25960"/>
    <cellStyle name="Обычный 3 2 9 3 5 2 3" xfId="25961"/>
    <cellStyle name="Обычный 3 2 9 3 5 2 3 2" xfId="25962"/>
    <cellStyle name="Обычный 3 2 9 3 5 2 4" xfId="25963"/>
    <cellStyle name="Обычный 3 2 9 3 5 3" xfId="25964"/>
    <cellStyle name="Обычный 3 2 9 3 5 3 2" xfId="25965"/>
    <cellStyle name="Обычный 3 2 9 3 5 4" xfId="25966"/>
    <cellStyle name="Обычный 3 2 9 3 5 4 2" xfId="25967"/>
    <cellStyle name="Обычный 3 2 9 3 5 5" xfId="25968"/>
    <cellStyle name="Обычный 3 2 9 3 5 5 2" xfId="25969"/>
    <cellStyle name="Обычный 3 2 9 3 5 6" xfId="25970"/>
    <cellStyle name="Обычный 3 2 9 3 6" xfId="25971"/>
    <cellStyle name="Обычный 3 2 9 3 6 2" xfId="25972"/>
    <cellStyle name="Обычный 3 2 9 3 6 2 2" xfId="25973"/>
    <cellStyle name="Обычный 3 2 9 3 6 3" xfId="25974"/>
    <cellStyle name="Обычный 3 2 9 3 6 3 2" xfId="25975"/>
    <cellStyle name="Обычный 3 2 9 3 6 4" xfId="25976"/>
    <cellStyle name="Обычный 3 2 9 3 7" xfId="25977"/>
    <cellStyle name="Обычный 3 2 9 3 7 2" xfId="25978"/>
    <cellStyle name="Обычный 3 2 9 3 8" xfId="25979"/>
    <cellStyle name="Обычный 3 2 9 3 8 2" xfId="25980"/>
    <cellStyle name="Обычный 3 2 9 3 9" xfId="25981"/>
    <cellStyle name="Обычный 3 2 9 3 9 2" xfId="25982"/>
    <cellStyle name="Обычный 3 2 9 4" xfId="25983"/>
    <cellStyle name="Обычный 3 2 9 4 2" xfId="25984"/>
    <cellStyle name="Обычный 3 2 9 4 2 2" xfId="25985"/>
    <cellStyle name="Обычный 3 2 9 4 2 2 2" xfId="25986"/>
    <cellStyle name="Обычный 3 2 9 4 2 2 2 2" xfId="25987"/>
    <cellStyle name="Обычный 3 2 9 4 2 2 3" xfId="25988"/>
    <cellStyle name="Обычный 3 2 9 4 2 2 3 2" xfId="25989"/>
    <cellStyle name="Обычный 3 2 9 4 2 2 4" xfId="25990"/>
    <cellStyle name="Обычный 3 2 9 4 2 3" xfId="25991"/>
    <cellStyle name="Обычный 3 2 9 4 2 3 2" xfId="25992"/>
    <cellStyle name="Обычный 3 2 9 4 2 4" xfId="25993"/>
    <cellStyle name="Обычный 3 2 9 4 2 4 2" xfId="25994"/>
    <cellStyle name="Обычный 3 2 9 4 2 5" xfId="25995"/>
    <cellStyle name="Обычный 3 2 9 4 2 5 2" xfId="25996"/>
    <cellStyle name="Обычный 3 2 9 4 2 6" xfId="25997"/>
    <cellStyle name="Обычный 3 2 9 4 3" xfId="25998"/>
    <cellStyle name="Обычный 3 2 9 4 3 2" xfId="25999"/>
    <cellStyle name="Обычный 3 2 9 4 3 2 2" xfId="26000"/>
    <cellStyle name="Обычный 3 2 9 4 3 2 2 2" xfId="26001"/>
    <cellStyle name="Обычный 3 2 9 4 3 2 3" xfId="26002"/>
    <cellStyle name="Обычный 3 2 9 4 3 2 3 2" xfId="26003"/>
    <cellStyle name="Обычный 3 2 9 4 3 2 4" xfId="26004"/>
    <cellStyle name="Обычный 3 2 9 4 3 3" xfId="26005"/>
    <cellStyle name="Обычный 3 2 9 4 3 3 2" xfId="26006"/>
    <cellStyle name="Обычный 3 2 9 4 3 4" xfId="26007"/>
    <cellStyle name="Обычный 3 2 9 4 3 4 2" xfId="26008"/>
    <cellStyle name="Обычный 3 2 9 4 3 5" xfId="26009"/>
    <cellStyle name="Обычный 3 2 9 4 3 5 2" xfId="26010"/>
    <cellStyle name="Обычный 3 2 9 4 3 6" xfId="26011"/>
    <cellStyle name="Обычный 3 2 9 4 4" xfId="26012"/>
    <cellStyle name="Обычный 3 2 9 4 4 2" xfId="26013"/>
    <cellStyle name="Обычный 3 2 9 4 4 2 2" xfId="26014"/>
    <cellStyle name="Обычный 3 2 9 4 4 2 2 2" xfId="26015"/>
    <cellStyle name="Обычный 3 2 9 4 4 2 3" xfId="26016"/>
    <cellStyle name="Обычный 3 2 9 4 4 2 3 2" xfId="26017"/>
    <cellStyle name="Обычный 3 2 9 4 4 2 4" xfId="26018"/>
    <cellStyle name="Обычный 3 2 9 4 4 3" xfId="26019"/>
    <cellStyle name="Обычный 3 2 9 4 4 3 2" xfId="26020"/>
    <cellStyle name="Обычный 3 2 9 4 4 4" xfId="26021"/>
    <cellStyle name="Обычный 3 2 9 4 4 4 2" xfId="26022"/>
    <cellStyle name="Обычный 3 2 9 4 4 5" xfId="26023"/>
    <cellStyle name="Обычный 3 2 9 4 4 5 2" xfId="26024"/>
    <cellStyle name="Обычный 3 2 9 4 4 6" xfId="26025"/>
    <cellStyle name="Обычный 3 2 9 4 5" xfId="26026"/>
    <cellStyle name="Обычный 3 2 9 4 5 2" xfId="26027"/>
    <cellStyle name="Обычный 3 2 9 4 5 2 2" xfId="26028"/>
    <cellStyle name="Обычный 3 2 9 4 5 3" xfId="26029"/>
    <cellStyle name="Обычный 3 2 9 4 5 3 2" xfId="26030"/>
    <cellStyle name="Обычный 3 2 9 4 5 4" xfId="26031"/>
    <cellStyle name="Обычный 3 2 9 4 6" xfId="26032"/>
    <cellStyle name="Обычный 3 2 9 4 6 2" xfId="26033"/>
    <cellStyle name="Обычный 3 2 9 4 7" xfId="26034"/>
    <cellStyle name="Обычный 3 2 9 4 7 2" xfId="26035"/>
    <cellStyle name="Обычный 3 2 9 4 8" xfId="26036"/>
    <cellStyle name="Обычный 3 2 9 4 8 2" xfId="26037"/>
    <cellStyle name="Обычный 3 2 9 4 9" xfId="26038"/>
    <cellStyle name="Обычный 3 2 9 5" xfId="26039"/>
    <cellStyle name="Обычный 3 2 9 5 2" xfId="26040"/>
    <cellStyle name="Обычный 3 2 9 5 2 2" xfId="26041"/>
    <cellStyle name="Обычный 3 2 9 5 2 2 2" xfId="26042"/>
    <cellStyle name="Обычный 3 2 9 5 2 3" xfId="26043"/>
    <cellStyle name="Обычный 3 2 9 5 2 3 2" xfId="26044"/>
    <cellStyle name="Обычный 3 2 9 5 2 4" xfId="26045"/>
    <cellStyle name="Обычный 3 2 9 5 3" xfId="26046"/>
    <cellStyle name="Обычный 3 2 9 5 3 2" xfId="26047"/>
    <cellStyle name="Обычный 3 2 9 5 4" xfId="26048"/>
    <cellStyle name="Обычный 3 2 9 5 4 2" xfId="26049"/>
    <cellStyle name="Обычный 3 2 9 5 5" xfId="26050"/>
    <cellStyle name="Обычный 3 2 9 5 5 2" xfId="26051"/>
    <cellStyle name="Обычный 3 2 9 5 6" xfId="26052"/>
    <cellStyle name="Обычный 3 2 9 6" xfId="26053"/>
    <cellStyle name="Обычный 3 2 9 6 2" xfId="26054"/>
    <cellStyle name="Обычный 3 2 9 6 2 2" xfId="26055"/>
    <cellStyle name="Обычный 3 2 9 6 2 2 2" xfId="26056"/>
    <cellStyle name="Обычный 3 2 9 6 2 3" xfId="26057"/>
    <cellStyle name="Обычный 3 2 9 6 2 3 2" xfId="26058"/>
    <cellStyle name="Обычный 3 2 9 6 2 4" xfId="26059"/>
    <cellStyle name="Обычный 3 2 9 6 3" xfId="26060"/>
    <cellStyle name="Обычный 3 2 9 6 3 2" xfId="26061"/>
    <cellStyle name="Обычный 3 2 9 6 4" xfId="26062"/>
    <cellStyle name="Обычный 3 2 9 6 4 2" xfId="26063"/>
    <cellStyle name="Обычный 3 2 9 6 5" xfId="26064"/>
    <cellStyle name="Обычный 3 2 9 6 5 2" xfId="26065"/>
    <cellStyle name="Обычный 3 2 9 6 6" xfId="26066"/>
    <cellStyle name="Обычный 3 2 9 7" xfId="26067"/>
    <cellStyle name="Обычный 3 2 9 7 2" xfId="26068"/>
    <cellStyle name="Обычный 3 2 9 7 2 2" xfId="26069"/>
    <cellStyle name="Обычный 3 2 9 7 2 2 2" xfId="26070"/>
    <cellStyle name="Обычный 3 2 9 7 2 3" xfId="26071"/>
    <cellStyle name="Обычный 3 2 9 7 2 3 2" xfId="26072"/>
    <cellStyle name="Обычный 3 2 9 7 2 4" xfId="26073"/>
    <cellStyle name="Обычный 3 2 9 7 3" xfId="26074"/>
    <cellStyle name="Обычный 3 2 9 7 3 2" xfId="26075"/>
    <cellStyle name="Обычный 3 2 9 7 4" xfId="26076"/>
    <cellStyle name="Обычный 3 2 9 7 4 2" xfId="26077"/>
    <cellStyle name="Обычный 3 2 9 7 5" xfId="26078"/>
    <cellStyle name="Обычный 3 2 9 7 5 2" xfId="26079"/>
    <cellStyle name="Обычный 3 2 9 7 6" xfId="26080"/>
    <cellStyle name="Обычный 3 2 9 8" xfId="26081"/>
    <cellStyle name="Обычный 3 2 9 8 2" xfId="26082"/>
    <cellStyle name="Обычный 3 2 9 8 2 2" xfId="26083"/>
    <cellStyle name="Обычный 3 2 9 8 2 2 2" xfId="26084"/>
    <cellStyle name="Обычный 3 2 9 8 2 3" xfId="26085"/>
    <cellStyle name="Обычный 3 2 9 8 2 3 2" xfId="26086"/>
    <cellStyle name="Обычный 3 2 9 8 2 4" xfId="26087"/>
    <cellStyle name="Обычный 3 2 9 8 3" xfId="26088"/>
    <cellStyle name="Обычный 3 2 9 8 3 2" xfId="26089"/>
    <cellStyle name="Обычный 3 2 9 8 4" xfId="26090"/>
    <cellStyle name="Обычный 3 2 9 8 4 2" xfId="26091"/>
    <cellStyle name="Обычный 3 2 9 8 5" xfId="26092"/>
    <cellStyle name="Обычный 3 2 9 8 5 2" xfId="26093"/>
    <cellStyle name="Обычный 3 2 9 8 6" xfId="26094"/>
    <cellStyle name="Обычный 3 2 9 9" xfId="26095"/>
    <cellStyle name="Обычный 3 2 9 9 2" xfId="26096"/>
    <cellStyle name="Обычный 3 2 9 9 2 2" xfId="26097"/>
    <cellStyle name="Обычный 3 2 9 9 3" xfId="26098"/>
    <cellStyle name="Обычный 3 2 9 9 3 2" xfId="26099"/>
    <cellStyle name="Обычный 3 2 9 9 4" xfId="26100"/>
    <cellStyle name="Обычный 3 20" xfId="26101"/>
    <cellStyle name="Обычный 3 20 10" xfId="26102"/>
    <cellStyle name="Обычный 3 20 2" xfId="26103"/>
    <cellStyle name="Обычный 3 20 2 2" xfId="26104"/>
    <cellStyle name="Обычный 3 20 2 2 2" xfId="26105"/>
    <cellStyle name="Обычный 3 20 2 2 2 2" xfId="26106"/>
    <cellStyle name="Обычный 3 20 2 2 3" xfId="26107"/>
    <cellStyle name="Обычный 3 20 2 2 3 2" xfId="26108"/>
    <cellStyle name="Обычный 3 20 2 2 4" xfId="26109"/>
    <cellStyle name="Обычный 3 20 2 3" xfId="26110"/>
    <cellStyle name="Обычный 3 20 2 3 2" xfId="26111"/>
    <cellStyle name="Обычный 3 20 2 4" xfId="26112"/>
    <cellStyle name="Обычный 3 20 2 4 2" xfId="26113"/>
    <cellStyle name="Обычный 3 20 2 5" xfId="26114"/>
    <cellStyle name="Обычный 3 20 2 5 2" xfId="26115"/>
    <cellStyle name="Обычный 3 20 2 6" xfId="26116"/>
    <cellStyle name="Обычный 3 20 3" xfId="26117"/>
    <cellStyle name="Обычный 3 20 3 2" xfId="26118"/>
    <cellStyle name="Обычный 3 20 3 2 2" xfId="26119"/>
    <cellStyle name="Обычный 3 20 3 2 2 2" xfId="26120"/>
    <cellStyle name="Обычный 3 20 3 2 3" xfId="26121"/>
    <cellStyle name="Обычный 3 20 3 2 3 2" xfId="26122"/>
    <cellStyle name="Обычный 3 20 3 2 4" xfId="26123"/>
    <cellStyle name="Обычный 3 20 3 3" xfId="26124"/>
    <cellStyle name="Обычный 3 20 3 3 2" xfId="26125"/>
    <cellStyle name="Обычный 3 20 3 4" xfId="26126"/>
    <cellStyle name="Обычный 3 20 3 4 2" xfId="26127"/>
    <cellStyle name="Обычный 3 20 3 5" xfId="26128"/>
    <cellStyle name="Обычный 3 20 3 5 2" xfId="26129"/>
    <cellStyle name="Обычный 3 20 3 6" xfId="26130"/>
    <cellStyle name="Обычный 3 20 4" xfId="26131"/>
    <cellStyle name="Обычный 3 20 4 2" xfId="26132"/>
    <cellStyle name="Обычный 3 20 4 2 2" xfId="26133"/>
    <cellStyle name="Обычный 3 20 4 2 2 2" xfId="26134"/>
    <cellStyle name="Обычный 3 20 4 2 3" xfId="26135"/>
    <cellStyle name="Обычный 3 20 4 2 3 2" xfId="26136"/>
    <cellStyle name="Обычный 3 20 4 2 4" xfId="26137"/>
    <cellStyle name="Обычный 3 20 4 3" xfId="26138"/>
    <cellStyle name="Обычный 3 20 4 3 2" xfId="26139"/>
    <cellStyle name="Обычный 3 20 4 4" xfId="26140"/>
    <cellStyle name="Обычный 3 20 4 4 2" xfId="26141"/>
    <cellStyle name="Обычный 3 20 4 5" xfId="26142"/>
    <cellStyle name="Обычный 3 20 4 5 2" xfId="26143"/>
    <cellStyle name="Обычный 3 20 4 6" xfId="26144"/>
    <cellStyle name="Обычный 3 20 5" xfId="26145"/>
    <cellStyle name="Обычный 3 20 5 2" xfId="26146"/>
    <cellStyle name="Обычный 3 20 5 2 2" xfId="26147"/>
    <cellStyle name="Обычный 3 20 5 2 2 2" xfId="26148"/>
    <cellStyle name="Обычный 3 20 5 2 3" xfId="26149"/>
    <cellStyle name="Обычный 3 20 5 2 3 2" xfId="26150"/>
    <cellStyle name="Обычный 3 20 5 2 4" xfId="26151"/>
    <cellStyle name="Обычный 3 20 5 3" xfId="26152"/>
    <cellStyle name="Обычный 3 20 5 3 2" xfId="26153"/>
    <cellStyle name="Обычный 3 20 5 4" xfId="26154"/>
    <cellStyle name="Обычный 3 20 5 4 2" xfId="26155"/>
    <cellStyle name="Обычный 3 20 5 5" xfId="26156"/>
    <cellStyle name="Обычный 3 20 5 5 2" xfId="26157"/>
    <cellStyle name="Обычный 3 20 5 6" xfId="26158"/>
    <cellStyle name="Обычный 3 20 6" xfId="26159"/>
    <cellStyle name="Обычный 3 20 6 2" xfId="26160"/>
    <cellStyle name="Обычный 3 20 6 2 2" xfId="26161"/>
    <cellStyle name="Обычный 3 20 6 3" xfId="26162"/>
    <cellStyle name="Обычный 3 20 6 3 2" xfId="26163"/>
    <cellStyle name="Обычный 3 20 6 4" xfId="26164"/>
    <cellStyle name="Обычный 3 20 7" xfId="26165"/>
    <cellStyle name="Обычный 3 20 7 2" xfId="26166"/>
    <cellStyle name="Обычный 3 20 8" xfId="26167"/>
    <cellStyle name="Обычный 3 20 8 2" xfId="26168"/>
    <cellStyle name="Обычный 3 20 9" xfId="26169"/>
    <cellStyle name="Обычный 3 20 9 2" xfId="26170"/>
    <cellStyle name="Обычный 3 21" xfId="26171"/>
    <cellStyle name="Обычный 3 21 2" xfId="26172"/>
    <cellStyle name="Обычный 3 21 2 2" xfId="26173"/>
    <cellStyle name="Обычный 3 21 2 2 2" xfId="26174"/>
    <cellStyle name="Обычный 3 21 2 2 2 2" xfId="26175"/>
    <cellStyle name="Обычный 3 21 2 2 3" xfId="26176"/>
    <cellStyle name="Обычный 3 21 2 2 3 2" xfId="26177"/>
    <cellStyle name="Обычный 3 21 2 2 4" xfId="26178"/>
    <cellStyle name="Обычный 3 21 2 3" xfId="26179"/>
    <cellStyle name="Обычный 3 21 2 3 2" xfId="26180"/>
    <cellStyle name="Обычный 3 21 2 4" xfId="26181"/>
    <cellStyle name="Обычный 3 21 2 4 2" xfId="26182"/>
    <cellStyle name="Обычный 3 21 2 5" xfId="26183"/>
    <cellStyle name="Обычный 3 21 2 5 2" xfId="26184"/>
    <cellStyle name="Обычный 3 21 2 6" xfId="26185"/>
    <cellStyle name="Обычный 3 21 3" xfId="26186"/>
    <cellStyle name="Обычный 3 21 3 2" xfId="26187"/>
    <cellStyle name="Обычный 3 21 3 2 2" xfId="26188"/>
    <cellStyle name="Обычный 3 21 3 2 2 2" xfId="26189"/>
    <cellStyle name="Обычный 3 21 3 2 3" xfId="26190"/>
    <cellStyle name="Обычный 3 21 3 2 3 2" xfId="26191"/>
    <cellStyle name="Обычный 3 21 3 2 4" xfId="26192"/>
    <cellStyle name="Обычный 3 21 3 3" xfId="26193"/>
    <cellStyle name="Обычный 3 21 3 3 2" xfId="26194"/>
    <cellStyle name="Обычный 3 21 3 4" xfId="26195"/>
    <cellStyle name="Обычный 3 21 3 4 2" xfId="26196"/>
    <cellStyle name="Обычный 3 21 3 5" xfId="26197"/>
    <cellStyle name="Обычный 3 21 3 5 2" xfId="26198"/>
    <cellStyle name="Обычный 3 21 3 6" xfId="26199"/>
    <cellStyle name="Обычный 3 21 4" xfId="26200"/>
    <cellStyle name="Обычный 3 21 4 2" xfId="26201"/>
    <cellStyle name="Обычный 3 21 4 2 2" xfId="26202"/>
    <cellStyle name="Обычный 3 21 4 2 2 2" xfId="26203"/>
    <cellStyle name="Обычный 3 21 4 2 3" xfId="26204"/>
    <cellStyle name="Обычный 3 21 4 2 3 2" xfId="26205"/>
    <cellStyle name="Обычный 3 21 4 2 4" xfId="26206"/>
    <cellStyle name="Обычный 3 21 4 3" xfId="26207"/>
    <cellStyle name="Обычный 3 21 4 3 2" xfId="26208"/>
    <cellStyle name="Обычный 3 21 4 4" xfId="26209"/>
    <cellStyle name="Обычный 3 21 4 4 2" xfId="26210"/>
    <cellStyle name="Обычный 3 21 4 5" xfId="26211"/>
    <cellStyle name="Обычный 3 21 4 5 2" xfId="26212"/>
    <cellStyle name="Обычный 3 21 4 6" xfId="26213"/>
    <cellStyle name="Обычный 3 21 5" xfId="26214"/>
    <cellStyle name="Обычный 3 21 5 2" xfId="26215"/>
    <cellStyle name="Обычный 3 21 5 2 2" xfId="26216"/>
    <cellStyle name="Обычный 3 21 5 3" xfId="26217"/>
    <cellStyle name="Обычный 3 21 5 3 2" xfId="26218"/>
    <cellStyle name="Обычный 3 21 5 4" xfId="26219"/>
    <cellStyle name="Обычный 3 21 6" xfId="26220"/>
    <cellStyle name="Обычный 3 21 6 2" xfId="26221"/>
    <cellStyle name="Обычный 3 21 7" xfId="26222"/>
    <cellStyle name="Обычный 3 21 7 2" xfId="26223"/>
    <cellStyle name="Обычный 3 21 8" xfId="26224"/>
    <cellStyle name="Обычный 3 21 8 2" xfId="26225"/>
    <cellStyle name="Обычный 3 21 9" xfId="26226"/>
    <cellStyle name="Обычный 3 22" xfId="26227"/>
    <cellStyle name="Обычный 3 22 2" xfId="26228"/>
    <cellStyle name="Обычный 3 22 2 2" xfId="26229"/>
    <cellStyle name="Обычный 3 22 2 2 2" xfId="26230"/>
    <cellStyle name="Обычный 3 22 2 3" xfId="26231"/>
    <cellStyle name="Обычный 3 22 2 3 2" xfId="26232"/>
    <cellStyle name="Обычный 3 22 2 4" xfId="26233"/>
    <cellStyle name="Обычный 3 22 3" xfId="26234"/>
    <cellStyle name="Обычный 3 22 3 2" xfId="26235"/>
    <cellStyle name="Обычный 3 22 4" xfId="26236"/>
    <cellStyle name="Обычный 3 22 4 2" xfId="26237"/>
    <cellStyle name="Обычный 3 22 5" xfId="26238"/>
    <cellStyle name="Обычный 3 22 5 2" xfId="26239"/>
    <cellStyle name="Обычный 3 22 6" xfId="26240"/>
    <cellStyle name="Обычный 3 23" xfId="26241"/>
    <cellStyle name="Обычный 3 23 2" xfId="26242"/>
    <cellStyle name="Обычный 3 23 2 2" xfId="26243"/>
    <cellStyle name="Обычный 3 23 2 2 2" xfId="26244"/>
    <cellStyle name="Обычный 3 23 2 3" xfId="26245"/>
    <cellStyle name="Обычный 3 23 2 3 2" xfId="26246"/>
    <cellStyle name="Обычный 3 23 2 4" xfId="26247"/>
    <cellStyle name="Обычный 3 23 3" xfId="26248"/>
    <cellStyle name="Обычный 3 23 3 2" xfId="26249"/>
    <cellStyle name="Обычный 3 23 4" xfId="26250"/>
    <cellStyle name="Обычный 3 23 4 2" xfId="26251"/>
    <cellStyle name="Обычный 3 23 5" xfId="26252"/>
    <cellStyle name="Обычный 3 23 5 2" xfId="26253"/>
    <cellStyle name="Обычный 3 23 6" xfId="26254"/>
    <cellStyle name="Обычный 3 24" xfId="26255"/>
    <cellStyle name="Обычный 3 24 2" xfId="26256"/>
    <cellStyle name="Обычный 3 24 2 2" xfId="26257"/>
    <cellStyle name="Обычный 3 24 2 2 2" xfId="26258"/>
    <cellStyle name="Обычный 3 24 2 3" xfId="26259"/>
    <cellStyle name="Обычный 3 24 2 3 2" xfId="26260"/>
    <cellStyle name="Обычный 3 24 2 4" xfId="26261"/>
    <cellStyle name="Обычный 3 24 3" xfId="26262"/>
    <cellStyle name="Обычный 3 24 3 2" xfId="26263"/>
    <cellStyle name="Обычный 3 24 4" xfId="26264"/>
    <cellStyle name="Обычный 3 24 4 2" xfId="26265"/>
    <cellStyle name="Обычный 3 24 5" xfId="26266"/>
    <cellStyle name="Обычный 3 24 5 2" xfId="26267"/>
    <cellStyle name="Обычный 3 24 6" xfId="26268"/>
    <cellStyle name="Обычный 3 25" xfId="26269"/>
    <cellStyle name="Обычный 3 25 2" xfId="26270"/>
    <cellStyle name="Обычный 3 25 2 2" xfId="26271"/>
    <cellStyle name="Обычный 3 25 2 2 2" xfId="26272"/>
    <cellStyle name="Обычный 3 25 2 3" xfId="26273"/>
    <cellStyle name="Обычный 3 25 2 3 2" xfId="26274"/>
    <cellStyle name="Обычный 3 25 2 4" xfId="26275"/>
    <cellStyle name="Обычный 3 25 3" xfId="26276"/>
    <cellStyle name="Обычный 3 25 3 2" xfId="26277"/>
    <cellStyle name="Обычный 3 25 4" xfId="26278"/>
    <cellStyle name="Обычный 3 25 4 2" xfId="26279"/>
    <cellStyle name="Обычный 3 25 5" xfId="26280"/>
    <cellStyle name="Обычный 3 25 5 2" xfId="26281"/>
    <cellStyle name="Обычный 3 25 6" xfId="26282"/>
    <cellStyle name="Обычный 3 26" xfId="26283"/>
    <cellStyle name="Обычный 3 26 2" xfId="26284"/>
    <cellStyle name="Обычный 3 26 2 2" xfId="26285"/>
    <cellStyle name="Обычный 3 26 2 2 2" xfId="26286"/>
    <cellStyle name="Обычный 3 26 2 3" xfId="26287"/>
    <cellStyle name="Обычный 3 26 2 3 2" xfId="26288"/>
    <cellStyle name="Обычный 3 26 2 4" xfId="26289"/>
    <cellStyle name="Обычный 3 26 3" xfId="26290"/>
    <cellStyle name="Обычный 3 26 3 2" xfId="26291"/>
    <cellStyle name="Обычный 3 26 4" xfId="26292"/>
    <cellStyle name="Обычный 3 26 4 2" xfId="26293"/>
    <cellStyle name="Обычный 3 26 5" xfId="26294"/>
    <cellStyle name="Обычный 3 26 5 2" xfId="26295"/>
    <cellStyle name="Обычный 3 26 6" xfId="26296"/>
    <cellStyle name="Обычный 3 27" xfId="26297"/>
    <cellStyle name="Обычный 3 27 2" xfId="26298"/>
    <cellStyle name="Обычный 3 27 2 2" xfId="26299"/>
    <cellStyle name="Обычный 3 27 3" xfId="26300"/>
    <cellStyle name="Обычный 3 27 3 2" xfId="26301"/>
    <cellStyle name="Обычный 3 27 4" xfId="26302"/>
    <cellStyle name="Обычный 3 28" xfId="26303"/>
    <cellStyle name="Обычный 3 28 2" xfId="26304"/>
    <cellStyle name="Обычный 3 28 2 2" xfId="26305"/>
    <cellStyle name="Обычный 3 28 3" xfId="26306"/>
    <cellStyle name="Обычный 3 29" xfId="26307"/>
    <cellStyle name="Обычный 3 29 2" xfId="26308"/>
    <cellStyle name="Обычный 3 3" xfId="26309"/>
    <cellStyle name="Обычный 3 3 10" xfId="26310"/>
    <cellStyle name="Обычный 3 3 10 2" xfId="26311"/>
    <cellStyle name="Обычный 3 3 10 2 2" xfId="26312"/>
    <cellStyle name="Обычный 3 3 10 3" xfId="26313"/>
    <cellStyle name="Обычный 3 3 11" xfId="26314"/>
    <cellStyle name="Обычный 3 3 11 2" xfId="26315"/>
    <cellStyle name="Обычный 3 3 12" xfId="26316"/>
    <cellStyle name="Обычный 3 3 12 2" xfId="26317"/>
    <cellStyle name="Обычный 3 3 13" xfId="26318"/>
    <cellStyle name="Обычный 3 3 14" xfId="26319"/>
    <cellStyle name="Обычный 3 3 2" xfId="26320"/>
    <cellStyle name="Обычный 3 3 2 10" xfId="26321"/>
    <cellStyle name="Обычный 3 3 2 10 2" xfId="26322"/>
    <cellStyle name="Обычный 3 3 2 11" xfId="26323"/>
    <cellStyle name="Обычный 3 3 2 11 2" xfId="26324"/>
    <cellStyle name="Обычный 3 3 2 12" xfId="26325"/>
    <cellStyle name="Обычный 3 3 2 13" xfId="26326"/>
    <cellStyle name="Обычный 3 3 2 2" xfId="26327"/>
    <cellStyle name="Обычный 3 3 2 2 10" xfId="26328"/>
    <cellStyle name="Обычный 3 3 2 2 2" xfId="26329"/>
    <cellStyle name="Обычный 3 3 2 2 2 2" xfId="26330"/>
    <cellStyle name="Обычный 3 3 2 2 2 2 2" xfId="26331"/>
    <cellStyle name="Обычный 3 3 2 2 2 2 2 2" xfId="26332"/>
    <cellStyle name="Обычный 3 3 2 2 2 2 3" xfId="26333"/>
    <cellStyle name="Обычный 3 3 2 2 2 2 3 2" xfId="26334"/>
    <cellStyle name="Обычный 3 3 2 2 2 2 4" xfId="26335"/>
    <cellStyle name="Обычный 3 3 2 2 2 3" xfId="26336"/>
    <cellStyle name="Обычный 3 3 2 2 2 3 2" xfId="26337"/>
    <cellStyle name="Обычный 3 3 2 2 2 4" xfId="26338"/>
    <cellStyle name="Обычный 3 3 2 2 2 4 2" xfId="26339"/>
    <cellStyle name="Обычный 3 3 2 2 2 5" xfId="26340"/>
    <cellStyle name="Обычный 3 3 2 2 2 5 2" xfId="26341"/>
    <cellStyle name="Обычный 3 3 2 2 2 6" xfId="26342"/>
    <cellStyle name="Обычный 3 3 2 2 3" xfId="26343"/>
    <cellStyle name="Обычный 3 3 2 2 3 2" xfId="26344"/>
    <cellStyle name="Обычный 3 3 2 2 3 2 2" xfId="26345"/>
    <cellStyle name="Обычный 3 3 2 2 3 2 2 2" xfId="26346"/>
    <cellStyle name="Обычный 3 3 2 2 3 2 3" xfId="26347"/>
    <cellStyle name="Обычный 3 3 2 2 3 2 3 2" xfId="26348"/>
    <cellStyle name="Обычный 3 3 2 2 3 2 4" xfId="26349"/>
    <cellStyle name="Обычный 3 3 2 2 3 3" xfId="26350"/>
    <cellStyle name="Обычный 3 3 2 2 3 3 2" xfId="26351"/>
    <cellStyle name="Обычный 3 3 2 2 3 4" xfId="26352"/>
    <cellStyle name="Обычный 3 3 2 2 3 4 2" xfId="26353"/>
    <cellStyle name="Обычный 3 3 2 2 3 5" xfId="26354"/>
    <cellStyle name="Обычный 3 3 2 2 3 5 2" xfId="26355"/>
    <cellStyle name="Обычный 3 3 2 2 3 6" xfId="26356"/>
    <cellStyle name="Обычный 3 3 2 2 4" xfId="26357"/>
    <cellStyle name="Обычный 3 3 2 2 4 2" xfId="26358"/>
    <cellStyle name="Обычный 3 3 2 2 4 2 2" xfId="26359"/>
    <cellStyle name="Обычный 3 3 2 2 4 2 2 2" xfId="26360"/>
    <cellStyle name="Обычный 3 3 2 2 4 2 3" xfId="26361"/>
    <cellStyle name="Обычный 3 3 2 2 4 2 3 2" xfId="26362"/>
    <cellStyle name="Обычный 3 3 2 2 4 2 4" xfId="26363"/>
    <cellStyle name="Обычный 3 3 2 2 4 3" xfId="26364"/>
    <cellStyle name="Обычный 3 3 2 2 4 3 2" xfId="26365"/>
    <cellStyle name="Обычный 3 3 2 2 4 4" xfId="26366"/>
    <cellStyle name="Обычный 3 3 2 2 4 4 2" xfId="26367"/>
    <cellStyle name="Обычный 3 3 2 2 4 5" xfId="26368"/>
    <cellStyle name="Обычный 3 3 2 2 4 5 2" xfId="26369"/>
    <cellStyle name="Обычный 3 3 2 2 4 6" xfId="26370"/>
    <cellStyle name="Обычный 3 3 2 2 5" xfId="26371"/>
    <cellStyle name="Обычный 3 3 2 2 5 2" xfId="26372"/>
    <cellStyle name="Обычный 3 3 2 2 5 2 2" xfId="26373"/>
    <cellStyle name="Обычный 3 3 2 2 5 2 2 2" xfId="26374"/>
    <cellStyle name="Обычный 3 3 2 2 5 2 3" xfId="26375"/>
    <cellStyle name="Обычный 3 3 2 2 5 2 3 2" xfId="26376"/>
    <cellStyle name="Обычный 3 3 2 2 5 2 4" xfId="26377"/>
    <cellStyle name="Обычный 3 3 2 2 5 3" xfId="26378"/>
    <cellStyle name="Обычный 3 3 2 2 5 3 2" xfId="26379"/>
    <cellStyle name="Обычный 3 3 2 2 5 4" xfId="26380"/>
    <cellStyle name="Обычный 3 3 2 2 5 4 2" xfId="26381"/>
    <cellStyle name="Обычный 3 3 2 2 5 5" xfId="26382"/>
    <cellStyle name="Обычный 3 3 2 2 5 5 2" xfId="26383"/>
    <cellStyle name="Обычный 3 3 2 2 5 6" xfId="26384"/>
    <cellStyle name="Обычный 3 3 2 2 6" xfId="26385"/>
    <cellStyle name="Обычный 3 3 2 2 6 2" xfId="26386"/>
    <cellStyle name="Обычный 3 3 2 2 6 2 2" xfId="26387"/>
    <cellStyle name="Обычный 3 3 2 2 6 3" xfId="26388"/>
    <cellStyle name="Обычный 3 3 2 2 6 3 2" xfId="26389"/>
    <cellStyle name="Обычный 3 3 2 2 6 4" xfId="26390"/>
    <cellStyle name="Обычный 3 3 2 2 7" xfId="26391"/>
    <cellStyle name="Обычный 3 3 2 2 7 2" xfId="26392"/>
    <cellStyle name="Обычный 3 3 2 2 8" xfId="26393"/>
    <cellStyle name="Обычный 3 3 2 2 8 2" xfId="26394"/>
    <cellStyle name="Обычный 3 3 2 2 9" xfId="26395"/>
    <cellStyle name="Обычный 3 3 2 2 9 2" xfId="26396"/>
    <cellStyle name="Обычный 3 3 2 3" xfId="26397"/>
    <cellStyle name="Обычный 3 3 2 3 2" xfId="26398"/>
    <cellStyle name="Обычный 3 3 2 3 2 2" xfId="26399"/>
    <cellStyle name="Обычный 3 3 2 3 2 2 2" xfId="26400"/>
    <cellStyle name="Обычный 3 3 2 3 2 2 2 2" xfId="26401"/>
    <cellStyle name="Обычный 3 3 2 3 2 2 3" xfId="26402"/>
    <cellStyle name="Обычный 3 3 2 3 2 2 3 2" xfId="26403"/>
    <cellStyle name="Обычный 3 3 2 3 2 2 4" xfId="26404"/>
    <cellStyle name="Обычный 3 3 2 3 2 3" xfId="26405"/>
    <cellStyle name="Обычный 3 3 2 3 2 3 2" xfId="26406"/>
    <cellStyle name="Обычный 3 3 2 3 2 4" xfId="26407"/>
    <cellStyle name="Обычный 3 3 2 3 2 4 2" xfId="26408"/>
    <cellStyle name="Обычный 3 3 2 3 2 5" xfId="26409"/>
    <cellStyle name="Обычный 3 3 2 3 2 5 2" xfId="26410"/>
    <cellStyle name="Обычный 3 3 2 3 2 6" xfId="26411"/>
    <cellStyle name="Обычный 3 3 2 3 3" xfId="26412"/>
    <cellStyle name="Обычный 3 3 2 3 3 2" xfId="26413"/>
    <cellStyle name="Обычный 3 3 2 3 3 2 2" xfId="26414"/>
    <cellStyle name="Обычный 3 3 2 3 3 2 2 2" xfId="26415"/>
    <cellStyle name="Обычный 3 3 2 3 3 2 3" xfId="26416"/>
    <cellStyle name="Обычный 3 3 2 3 3 2 3 2" xfId="26417"/>
    <cellStyle name="Обычный 3 3 2 3 3 2 4" xfId="26418"/>
    <cellStyle name="Обычный 3 3 2 3 3 3" xfId="26419"/>
    <cellStyle name="Обычный 3 3 2 3 3 3 2" xfId="26420"/>
    <cellStyle name="Обычный 3 3 2 3 3 4" xfId="26421"/>
    <cellStyle name="Обычный 3 3 2 3 3 4 2" xfId="26422"/>
    <cellStyle name="Обычный 3 3 2 3 3 5" xfId="26423"/>
    <cellStyle name="Обычный 3 3 2 3 3 5 2" xfId="26424"/>
    <cellStyle name="Обычный 3 3 2 3 3 6" xfId="26425"/>
    <cellStyle name="Обычный 3 3 2 3 4" xfId="26426"/>
    <cellStyle name="Обычный 3 3 2 3 4 2" xfId="26427"/>
    <cellStyle name="Обычный 3 3 2 3 4 2 2" xfId="26428"/>
    <cellStyle name="Обычный 3 3 2 3 4 2 2 2" xfId="26429"/>
    <cellStyle name="Обычный 3 3 2 3 4 2 3" xfId="26430"/>
    <cellStyle name="Обычный 3 3 2 3 4 2 3 2" xfId="26431"/>
    <cellStyle name="Обычный 3 3 2 3 4 2 4" xfId="26432"/>
    <cellStyle name="Обычный 3 3 2 3 4 3" xfId="26433"/>
    <cellStyle name="Обычный 3 3 2 3 4 3 2" xfId="26434"/>
    <cellStyle name="Обычный 3 3 2 3 4 4" xfId="26435"/>
    <cellStyle name="Обычный 3 3 2 3 4 4 2" xfId="26436"/>
    <cellStyle name="Обычный 3 3 2 3 4 5" xfId="26437"/>
    <cellStyle name="Обычный 3 3 2 3 4 5 2" xfId="26438"/>
    <cellStyle name="Обычный 3 3 2 3 4 6" xfId="26439"/>
    <cellStyle name="Обычный 3 3 2 3 5" xfId="26440"/>
    <cellStyle name="Обычный 3 3 2 3 5 2" xfId="26441"/>
    <cellStyle name="Обычный 3 3 2 3 5 2 2" xfId="26442"/>
    <cellStyle name="Обычный 3 3 2 3 5 3" xfId="26443"/>
    <cellStyle name="Обычный 3 3 2 3 5 3 2" xfId="26444"/>
    <cellStyle name="Обычный 3 3 2 3 5 4" xfId="26445"/>
    <cellStyle name="Обычный 3 3 2 3 6" xfId="26446"/>
    <cellStyle name="Обычный 3 3 2 3 6 2" xfId="26447"/>
    <cellStyle name="Обычный 3 3 2 3 7" xfId="26448"/>
    <cellStyle name="Обычный 3 3 2 3 7 2" xfId="26449"/>
    <cellStyle name="Обычный 3 3 2 3 8" xfId="26450"/>
    <cellStyle name="Обычный 3 3 2 3 8 2" xfId="26451"/>
    <cellStyle name="Обычный 3 3 2 3 9" xfId="26452"/>
    <cellStyle name="Обычный 3 3 2 4" xfId="26453"/>
    <cellStyle name="Обычный 3 3 2 4 2" xfId="26454"/>
    <cellStyle name="Обычный 3 3 2 4 2 2" xfId="26455"/>
    <cellStyle name="Обычный 3 3 2 4 2 2 2" xfId="26456"/>
    <cellStyle name="Обычный 3 3 2 4 2 3" xfId="26457"/>
    <cellStyle name="Обычный 3 3 2 4 2 3 2" xfId="26458"/>
    <cellStyle name="Обычный 3 3 2 4 2 4" xfId="26459"/>
    <cellStyle name="Обычный 3 3 2 4 3" xfId="26460"/>
    <cellStyle name="Обычный 3 3 2 4 3 2" xfId="26461"/>
    <cellStyle name="Обычный 3 3 2 4 4" xfId="26462"/>
    <cellStyle name="Обычный 3 3 2 4 4 2" xfId="26463"/>
    <cellStyle name="Обычный 3 3 2 4 5" xfId="26464"/>
    <cellStyle name="Обычный 3 3 2 4 5 2" xfId="26465"/>
    <cellStyle name="Обычный 3 3 2 4 6" xfId="26466"/>
    <cellStyle name="Обычный 3 3 2 5" xfId="26467"/>
    <cellStyle name="Обычный 3 3 2 5 2" xfId="26468"/>
    <cellStyle name="Обычный 3 3 2 5 2 2" xfId="26469"/>
    <cellStyle name="Обычный 3 3 2 5 2 2 2" xfId="26470"/>
    <cellStyle name="Обычный 3 3 2 5 2 3" xfId="26471"/>
    <cellStyle name="Обычный 3 3 2 5 2 3 2" xfId="26472"/>
    <cellStyle name="Обычный 3 3 2 5 2 4" xfId="26473"/>
    <cellStyle name="Обычный 3 3 2 5 3" xfId="26474"/>
    <cellStyle name="Обычный 3 3 2 5 3 2" xfId="26475"/>
    <cellStyle name="Обычный 3 3 2 5 4" xfId="26476"/>
    <cellStyle name="Обычный 3 3 2 5 4 2" xfId="26477"/>
    <cellStyle name="Обычный 3 3 2 5 5" xfId="26478"/>
    <cellStyle name="Обычный 3 3 2 5 5 2" xfId="26479"/>
    <cellStyle name="Обычный 3 3 2 5 6" xfId="26480"/>
    <cellStyle name="Обычный 3 3 2 6" xfId="26481"/>
    <cellStyle name="Обычный 3 3 2 6 2" xfId="26482"/>
    <cellStyle name="Обычный 3 3 2 6 2 2" xfId="26483"/>
    <cellStyle name="Обычный 3 3 2 6 2 2 2" xfId="26484"/>
    <cellStyle name="Обычный 3 3 2 6 2 3" xfId="26485"/>
    <cellStyle name="Обычный 3 3 2 6 2 3 2" xfId="26486"/>
    <cellStyle name="Обычный 3 3 2 6 2 4" xfId="26487"/>
    <cellStyle name="Обычный 3 3 2 6 3" xfId="26488"/>
    <cellStyle name="Обычный 3 3 2 6 3 2" xfId="26489"/>
    <cellStyle name="Обычный 3 3 2 6 4" xfId="26490"/>
    <cellStyle name="Обычный 3 3 2 6 4 2" xfId="26491"/>
    <cellStyle name="Обычный 3 3 2 6 5" xfId="26492"/>
    <cellStyle name="Обычный 3 3 2 6 5 2" xfId="26493"/>
    <cellStyle name="Обычный 3 3 2 6 6" xfId="26494"/>
    <cellStyle name="Обычный 3 3 2 7" xfId="26495"/>
    <cellStyle name="Обычный 3 3 2 7 2" xfId="26496"/>
    <cellStyle name="Обычный 3 3 2 7 2 2" xfId="26497"/>
    <cellStyle name="Обычный 3 3 2 7 2 2 2" xfId="26498"/>
    <cellStyle name="Обычный 3 3 2 7 2 3" xfId="26499"/>
    <cellStyle name="Обычный 3 3 2 7 2 3 2" xfId="26500"/>
    <cellStyle name="Обычный 3 3 2 7 2 4" xfId="26501"/>
    <cellStyle name="Обычный 3 3 2 7 3" xfId="26502"/>
    <cellStyle name="Обычный 3 3 2 7 3 2" xfId="26503"/>
    <cellStyle name="Обычный 3 3 2 7 4" xfId="26504"/>
    <cellStyle name="Обычный 3 3 2 7 4 2" xfId="26505"/>
    <cellStyle name="Обычный 3 3 2 7 5" xfId="26506"/>
    <cellStyle name="Обычный 3 3 2 7 5 2" xfId="26507"/>
    <cellStyle name="Обычный 3 3 2 7 6" xfId="26508"/>
    <cellStyle name="Обычный 3 3 2 8" xfId="26509"/>
    <cellStyle name="Обычный 3 3 2 8 2" xfId="26510"/>
    <cellStyle name="Обычный 3 3 2 8 2 2" xfId="26511"/>
    <cellStyle name="Обычный 3 3 2 8 3" xfId="26512"/>
    <cellStyle name="Обычный 3 3 2 8 3 2" xfId="26513"/>
    <cellStyle name="Обычный 3 3 2 8 4" xfId="26514"/>
    <cellStyle name="Обычный 3 3 2 9" xfId="26515"/>
    <cellStyle name="Обычный 3 3 2 9 2" xfId="26516"/>
    <cellStyle name="Обычный 3 3 2 9 2 2" xfId="26517"/>
    <cellStyle name="Обычный 3 3 2 9 3" xfId="26518"/>
    <cellStyle name="Обычный 3 3 3" xfId="26519"/>
    <cellStyle name="Обычный 3 3 3 10" xfId="26520"/>
    <cellStyle name="Обычный 3 3 3 2" xfId="26521"/>
    <cellStyle name="Обычный 3 3 3 2 2" xfId="26522"/>
    <cellStyle name="Обычный 3 3 3 2 2 2" xfId="26523"/>
    <cellStyle name="Обычный 3 3 3 2 2 2 2" xfId="26524"/>
    <cellStyle name="Обычный 3 3 3 2 2 3" xfId="26525"/>
    <cellStyle name="Обычный 3 3 3 2 2 3 2" xfId="26526"/>
    <cellStyle name="Обычный 3 3 3 2 2 4" xfId="26527"/>
    <cellStyle name="Обычный 3 3 3 2 3" xfId="26528"/>
    <cellStyle name="Обычный 3 3 3 2 3 2" xfId="26529"/>
    <cellStyle name="Обычный 3 3 3 2 4" xfId="26530"/>
    <cellStyle name="Обычный 3 3 3 2 4 2" xfId="26531"/>
    <cellStyle name="Обычный 3 3 3 2 5" xfId="26532"/>
    <cellStyle name="Обычный 3 3 3 2 5 2" xfId="26533"/>
    <cellStyle name="Обычный 3 3 3 2 6" xfId="26534"/>
    <cellStyle name="Обычный 3 3 3 3" xfId="26535"/>
    <cellStyle name="Обычный 3 3 3 3 2" xfId="26536"/>
    <cellStyle name="Обычный 3 3 3 3 2 2" xfId="26537"/>
    <cellStyle name="Обычный 3 3 3 3 2 2 2" xfId="26538"/>
    <cellStyle name="Обычный 3 3 3 3 2 3" xfId="26539"/>
    <cellStyle name="Обычный 3 3 3 3 2 3 2" xfId="26540"/>
    <cellStyle name="Обычный 3 3 3 3 2 4" xfId="26541"/>
    <cellStyle name="Обычный 3 3 3 3 3" xfId="26542"/>
    <cellStyle name="Обычный 3 3 3 3 3 2" xfId="26543"/>
    <cellStyle name="Обычный 3 3 3 3 4" xfId="26544"/>
    <cellStyle name="Обычный 3 3 3 3 4 2" xfId="26545"/>
    <cellStyle name="Обычный 3 3 3 3 5" xfId="26546"/>
    <cellStyle name="Обычный 3 3 3 3 5 2" xfId="26547"/>
    <cellStyle name="Обычный 3 3 3 3 6" xfId="26548"/>
    <cellStyle name="Обычный 3 3 3 4" xfId="26549"/>
    <cellStyle name="Обычный 3 3 3 4 2" xfId="26550"/>
    <cellStyle name="Обычный 3 3 3 4 2 2" xfId="26551"/>
    <cellStyle name="Обычный 3 3 3 4 2 2 2" xfId="26552"/>
    <cellStyle name="Обычный 3 3 3 4 2 3" xfId="26553"/>
    <cellStyle name="Обычный 3 3 3 4 2 3 2" xfId="26554"/>
    <cellStyle name="Обычный 3 3 3 4 2 4" xfId="26555"/>
    <cellStyle name="Обычный 3 3 3 4 3" xfId="26556"/>
    <cellStyle name="Обычный 3 3 3 4 3 2" xfId="26557"/>
    <cellStyle name="Обычный 3 3 3 4 4" xfId="26558"/>
    <cellStyle name="Обычный 3 3 3 4 4 2" xfId="26559"/>
    <cellStyle name="Обычный 3 3 3 4 5" xfId="26560"/>
    <cellStyle name="Обычный 3 3 3 4 5 2" xfId="26561"/>
    <cellStyle name="Обычный 3 3 3 4 6" xfId="26562"/>
    <cellStyle name="Обычный 3 3 3 5" xfId="26563"/>
    <cellStyle name="Обычный 3 3 3 5 2" xfId="26564"/>
    <cellStyle name="Обычный 3 3 3 5 2 2" xfId="26565"/>
    <cellStyle name="Обычный 3 3 3 5 2 2 2" xfId="26566"/>
    <cellStyle name="Обычный 3 3 3 5 2 3" xfId="26567"/>
    <cellStyle name="Обычный 3 3 3 5 2 3 2" xfId="26568"/>
    <cellStyle name="Обычный 3 3 3 5 2 4" xfId="26569"/>
    <cellStyle name="Обычный 3 3 3 5 3" xfId="26570"/>
    <cellStyle name="Обычный 3 3 3 5 3 2" xfId="26571"/>
    <cellStyle name="Обычный 3 3 3 5 4" xfId="26572"/>
    <cellStyle name="Обычный 3 3 3 5 4 2" xfId="26573"/>
    <cellStyle name="Обычный 3 3 3 5 5" xfId="26574"/>
    <cellStyle name="Обычный 3 3 3 5 5 2" xfId="26575"/>
    <cellStyle name="Обычный 3 3 3 5 6" xfId="26576"/>
    <cellStyle name="Обычный 3 3 3 6" xfId="26577"/>
    <cellStyle name="Обычный 3 3 3 6 2" xfId="26578"/>
    <cellStyle name="Обычный 3 3 3 6 2 2" xfId="26579"/>
    <cellStyle name="Обычный 3 3 3 6 3" xfId="26580"/>
    <cellStyle name="Обычный 3 3 3 6 3 2" xfId="26581"/>
    <cellStyle name="Обычный 3 3 3 6 4" xfId="26582"/>
    <cellStyle name="Обычный 3 3 3 7" xfId="26583"/>
    <cellStyle name="Обычный 3 3 3 7 2" xfId="26584"/>
    <cellStyle name="Обычный 3 3 3 8" xfId="26585"/>
    <cellStyle name="Обычный 3 3 3 8 2" xfId="26586"/>
    <cellStyle name="Обычный 3 3 3 9" xfId="26587"/>
    <cellStyle name="Обычный 3 3 3 9 2" xfId="26588"/>
    <cellStyle name="Обычный 3 3 4" xfId="26589"/>
    <cellStyle name="Обычный 3 3 4 2" xfId="26590"/>
    <cellStyle name="Обычный 3 3 4 2 2" xfId="26591"/>
    <cellStyle name="Обычный 3 3 4 2 2 2" xfId="26592"/>
    <cellStyle name="Обычный 3 3 4 2 2 2 2" xfId="26593"/>
    <cellStyle name="Обычный 3 3 4 2 2 3" xfId="26594"/>
    <cellStyle name="Обычный 3 3 4 2 2 3 2" xfId="26595"/>
    <cellStyle name="Обычный 3 3 4 2 2 4" xfId="26596"/>
    <cellStyle name="Обычный 3 3 4 2 3" xfId="26597"/>
    <cellStyle name="Обычный 3 3 4 2 3 2" xfId="26598"/>
    <cellStyle name="Обычный 3 3 4 2 4" xfId="26599"/>
    <cellStyle name="Обычный 3 3 4 2 4 2" xfId="26600"/>
    <cellStyle name="Обычный 3 3 4 2 5" xfId="26601"/>
    <cellStyle name="Обычный 3 3 4 2 5 2" xfId="26602"/>
    <cellStyle name="Обычный 3 3 4 2 6" xfId="26603"/>
    <cellStyle name="Обычный 3 3 4 3" xfId="26604"/>
    <cellStyle name="Обычный 3 3 4 3 2" xfId="26605"/>
    <cellStyle name="Обычный 3 3 4 3 2 2" xfId="26606"/>
    <cellStyle name="Обычный 3 3 4 3 2 2 2" xfId="26607"/>
    <cellStyle name="Обычный 3 3 4 3 2 3" xfId="26608"/>
    <cellStyle name="Обычный 3 3 4 3 2 3 2" xfId="26609"/>
    <cellStyle name="Обычный 3 3 4 3 2 4" xfId="26610"/>
    <cellStyle name="Обычный 3 3 4 3 3" xfId="26611"/>
    <cellStyle name="Обычный 3 3 4 3 3 2" xfId="26612"/>
    <cellStyle name="Обычный 3 3 4 3 4" xfId="26613"/>
    <cellStyle name="Обычный 3 3 4 3 4 2" xfId="26614"/>
    <cellStyle name="Обычный 3 3 4 3 5" xfId="26615"/>
    <cellStyle name="Обычный 3 3 4 3 5 2" xfId="26616"/>
    <cellStyle name="Обычный 3 3 4 3 6" xfId="26617"/>
    <cellStyle name="Обычный 3 3 4 4" xfId="26618"/>
    <cellStyle name="Обычный 3 3 4 4 2" xfId="26619"/>
    <cellStyle name="Обычный 3 3 4 4 2 2" xfId="26620"/>
    <cellStyle name="Обычный 3 3 4 4 2 2 2" xfId="26621"/>
    <cellStyle name="Обычный 3 3 4 4 2 3" xfId="26622"/>
    <cellStyle name="Обычный 3 3 4 4 2 3 2" xfId="26623"/>
    <cellStyle name="Обычный 3 3 4 4 2 4" xfId="26624"/>
    <cellStyle name="Обычный 3 3 4 4 3" xfId="26625"/>
    <cellStyle name="Обычный 3 3 4 4 3 2" xfId="26626"/>
    <cellStyle name="Обычный 3 3 4 4 4" xfId="26627"/>
    <cellStyle name="Обычный 3 3 4 4 4 2" xfId="26628"/>
    <cellStyle name="Обычный 3 3 4 4 5" xfId="26629"/>
    <cellStyle name="Обычный 3 3 4 4 5 2" xfId="26630"/>
    <cellStyle name="Обычный 3 3 4 4 6" xfId="26631"/>
    <cellStyle name="Обычный 3 3 4 5" xfId="26632"/>
    <cellStyle name="Обычный 3 3 4 5 2" xfId="26633"/>
    <cellStyle name="Обычный 3 3 4 5 2 2" xfId="26634"/>
    <cellStyle name="Обычный 3 3 4 5 3" xfId="26635"/>
    <cellStyle name="Обычный 3 3 4 5 3 2" xfId="26636"/>
    <cellStyle name="Обычный 3 3 4 5 4" xfId="26637"/>
    <cellStyle name="Обычный 3 3 4 6" xfId="26638"/>
    <cellStyle name="Обычный 3 3 4 6 2" xfId="26639"/>
    <cellStyle name="Обычный 3 3 4 7" xfId="26640"/>
    <cellStyle name="Обычный 3 3 4 7 2" xfId="26641"/>
    <cellStyle name="Обычный 3 3 4 8" xfId="26642"/>
    <cellStyle name="Обычный 3 3 4 8 2" xfId="26643"/>
    <cellStyle name="Обычный 3 3 4 9" xfId="26644"/>
    <cellStyle name="Обычный 3 3 5" xfId="26645"/>
    <cellStyle name="Обычный 3 3 5 2" xfId="26646"/>
    <cellStyle name="Обычный 3 3 5 2 2" xfId="26647"/>
    <cellStyle name="Обычный 3 3 5 2 2 2" xfId="26648"/>
    <cellStyle name="Обычный 3 3 5 2 3" xfId="26649"/>
    <cellStyle name="Обычный 3 3 5 2 3 2" xfId="26650"/>
    <cellStyle name="Обычный 3 3 5 2 4" xfId="26651"/>
    <cellStyle name="Обычный 3 3 5 3" xfId="26652"/>
    <cellStyle name="Обычный 3 3 5 3 2" xfId="26653"/>
    <cellStyle name="Обычный 3 3 5 4" xfId="26654"/>
    <cellStyle name="Обычный 3 3 5 4 2" xfId="26655"/>
    <cellStyle name="Обычный 3 3 5 5" xfId="26656"/>
    <cellStyle name="Обычный 3 3 5 5 2" xfId="26657"/>
    <cellStyle name="Обычный 3 3 5 6" xfId="26658"/>
    <cellStyle name="Обычный 3 3 6" xfId="26659"/>
    <cellStyle name="Обычный 3 3 6 2" xfId="26660"/>
    <cellStyle name="Обычный 3 3 6 2 2" xfId="26661"/>
    <cellStyle name="Обычный 3 3 6 2 2 2" xfId="26662"/>
    <cellStyle name="Обычный 3 3 6 2 3" xfId="26663"/>
    <cellStyle name="Обычный 3 3 6 2 3 2" xfId="26664"/>
    <cellStyle name="Обычный 3 3 6 2 4" xfId="26665"/>
    <cellStyle name="Обычный 3 3 6 3" xfId="26666"/>
    <cellStyle name="Обычный 3 3 6 3 2" xfId="26667"/>
    <cellStyle name="Обычный 3 3 6 4" xfId="26668"/>
    <cellStyle name="Обычный 3 3 6 4 2" xfId="26669"/>
    <cellStyle name="Обычный 3 3 6 5" xfId="26670"/>
    <cellStyle name="Обычный 3 3 6 5 2" xfId="26671"/>
    <cellStyle name="Обычный 3 3 6 6" xfId="26672"/>
    <cellStyle name="Обычный 3 3 7" xfId="26673"/>
    <cellStyle name="Обычный 3 3 7 2" xfId="26674"/>
    <cellStyle name="Обычный 3 3 7 2 2" xfId="26675"/>
    <cellStyle name="Обычный 3 3 7 2 2 2" xfId="26676"/>
    <cellStyle name="Обычный 3 3 7 2 3" xfId="26677"/>
    <cellStyle name="Обычный 3 3 7 2 3 2" xfId="26678"/>
    <cellStyle name="Обычный 3 3 7 2 4" xfId="26679"/>
    <cellStyle name="Обычный 3 3 7 3" xfId="26680"/>
    <cellStyle name="Обычный 3 3 7 3 2" xfId="26681"/>
    <cellStyle name="Обычный 3 3 7 4" xfId="26682"/>
    <cellStyle name="Обычный 3 3 7 4 2" xfId="26683"/>
    <cellStyle name="Обычный 3 3 7 5" xfId="26684"/>
    <cellStyle name="Обычный 3 3 7 5 2" xfId="26685"/>
    <cellStyle name="Обычный 3 3 7 6" xfId="26686"/>
    <cellStyle name="Обычный 3 3 8" xfId="26687"/>
    <cellStyle name="Обычный 3 3 8 2" xfId="26688"/>
    <cellStyle name="Обычный 3 3 8 2 2" xfId="26689"/>
    <cellStyle name="Обычный 3 3 8 2 2 2" xfId="26690"/>
    <cellStyle name="Обычный 3 3 8 2 3" xfId="26691"/>
    <cellStyle name="Обычный 3 3 8 2 3 2" xfId="26692"/>
    <cellStyle name="Обычный 3 3 8 2 4" xfId="26693"/>
    <cellStyle name="Обычный 3 3 8 3" xfId="26694"/>
    <cellStyle name="Обычный 3 3 8 3 2" xfId="26695"/>
    <cellStyle name="Обычный 3 3 8 4" xfId="26696"/>
    <cellStyle name="Обычный 3 3 8 4 2" xfId="26697"/>
    <cellStyle name="Обычный 3 3 8 5" xfId="26698"/>
    <cellStyle name="Обычный 3 3 8 5 2" xfId="26699"/>
    <cellStyle name="Обычный 3 3 8 6" xfId="26700"/>
    <cellStyle name="Обычный 3 3 9" xfId="26701"/>
    <cellStyle name="Обычный 3 3 9 2" xfId="26702"/>
    <cellStyle name="Обычный 3 3 9 2 2" xfId="26703"/>
    <cellStyle name="Обычный 3 3 9 3" xfId="26704"/>
    <cellStyle name="Обычный 3 3 9 3 2" xfId="26705"/>
    <cellStyle name="Обычный 3 3 9 4" xfId="26706"/>
    <cellStyle name="Обычный 3 30" xfId="26707"/>
    <cellStyle name="Обычный 3 30 2" xfId="26708"/>
    <cellStyle name="Обычный 3 31" xfId="26709"/>
    <cellStyle name="Обычный 3 32" xfId="26710"/>
    <cellStyle name="Обычный 3 33" xfId="18134"/>
    <cellStyle name="Обычный 3 34" xfId="32"/>
    <cellStyle name="Обычный 3 4" xfId="26711"/>
    <cellStyle name="Обычный 3 4 10" xfId="26712"/>
    <cellStyle name="Обычный 3 4 10 2" xfId="26713"/>
    <cellStyle name="Обычный 3 4 10 2 2" xfId="26714"/>
    <cellStyle name="Обычный 3 4 10 3" xfId="26715"/>
    <cellStyle name="Обычный 3 4 11" xfId="26716"/>
    <cellStyle name="Обычный 3 4 11 2" xfId="26717"/>
    <cellStyle name="Обычный 3 4 12" xfId="26718"/>
    <cellStyle name="Обычный 3 4 12 2" xfId="26719"/>
    <cellStyle name="Обычный 3 4 13" xfId="26720"/>
    <cellStyle name="Обычный 3 4 14" xfId="26721"/>
    <cellStyle name="Обычный 3 4 2" xfId="26722"/>
    <cellStyle name="Обычный 3 4 2 10" xfId="26723"/>
    <cellStyle name="Обычный 3 4 2 10 2" xfId="26724"/>
    <cellStyle name="Обычный 3 4 2 11" xfId="26725"/>
    <cellStyle name="Обычный 3 4 2 11 2" xfId="26726"/>
    <cellStyle name="Обычный 3 4 2 12" xfId="26727"/>
    <cellStyle name="Обычный 3 4 2 13" xfId="26728"/>
    <cellStyle name="Обычный 3 4 2 2" xfId="26729"/>
    <cellStyle name="Обычный 3 4 2 2 10" xfId="26730"/>
    <cellStyle name="Обычный 3 4 2 2 2" xfId="26731"/>
    <cellStyle name="Обычный 3 4 2 2 2 2" xfId="26732"/>
    <cellStyle name="Обычный 3 4 2 2 2 2 2" xfId="26733"/>
    <cellStyle name="Обычный 3 4 2 2 2 2 2 2" xfId="26734"/>
    <cellStyle name="Обычный 3 4 2 2 2 2 3" xfId="26735"/>
    <cellStyle name="Обычный 3 4 2 2 2 2 3 2" xfId="26736"/>
    <cellStyle name="Обычный 3 4 2 2 2 2 4" xfId="26737"/>
    <cellStyle name="Обычный 3 4 2 2 2 3" xfId="26738"/>
    <cellStyle name="Обычный 3 4 2 2 2 3 2" xfId="26739"/>
    <cellStyle name="Обычный 3 4 2 2 2 4" xfId="26740"/>
    <cellStyle name="Обычный 3 4 2 2 2 4 2" xfId="26741"/>
    <cellStyle name="Обычный 3 4 2 2 2 5" xfId="26742"/>
    <cellStyle name="Обычный 3 4 2 2 2 5 2" xfId="26743"/>
    <cellStyle name="Обычный 3 4 2 2 2 6" xfId="26744"/>
    <cellStyle name="Обычный 3 4 2 2 3" xfId="26745"/>
    <cellStyle name="Обычный 3 4 2 2 3 2" xfId="26746"/>
    <cellStyle name="Обычный 3 4 2 2 3 2 2" xfId="26747"/>
    <cellStyle name="Обычный 3 4 2 2 3 2 2 2" xfId="26748"/>
    <cellStyle name="Обычный 3 4 2 2 3 2 3" xfId="26749"/>
    <cellStyle name="Обычный 3 4 2 2 3 2 3 2" xfId="26750"/>
    <cellStyle name="Обычный 3 4 2 2 3 2 4" xfId="26751"/>
    <cellStyle name="Обычный 3 4 2 2 3 3" xfId="26752"/>
    <cellStyle name="Обычный 3 4 2 2 3 3 2" xfId="26753"/>
    <cellStyle name="Обычный 3 4 2 2 3 4" xfId="26754"/>
    <cellStyle name="Обычный 3 4 2 2 3 4 2" xfId="26755"/>
    <cellStyle name="Обычный 3 4 2 2 3 5" xfId="26756"/>
    <cellStyle name="Обычный 3 4 2 2 3 5 2" xfId="26757"/>
    <cellStyle name="Обычный 3 4 2 2 3 6" xfId="26758"/>
    <cellStyle name="Обычный 3 4 2 2 4" xfId="26759"/>
    <cellStyle name="Обычный 3 4 2 2 4 2" xfId="26760"/>
    <cellStyle name="Обычный 3 4 2 2 4 2 2" xfId="26761"/>
    <cellStyle name="Обычный 3 4 2 2 4 2 2 2" xfId="26762"/>
    <cellStyle name="Обычный 3 4 2 2 4 2 3" xfId="26763"/>
    <cellStyle name="Обычный 3 4 2 2 4 2 3 2" xfId="26764"/>
    <cellStyle name="Обычный 3 4 2 2 4 2 4" xfId="26765"/>
    <cellStyle name="Обычный 3 4 2 2 4 3" xfId="26766"/>
    <cellStyle name="Обычный 3 4 2 2 4 3 2" xfId="26767"/>
    <cellStyle name="Обычный 3 4 2 2 4 4" xfId="26768"/>
    <cellStyle name="Обычный 3 4 2 2 4 4 2" xfId="26769"/>
    <cellStyle name="Обычный 3 4 2 2 4 5" xfId="26770"/>
    <cellStyle name="Обычный 3 4 2 2 4 5 2" xfId="26771"/>
    <cellStyle name="Обычный 3 4 2 2 4 6" xfId="26772"/>
    <cellStyle name="Обычный 3 4 2 2 5" xfId="26773"/>
    <cellStyle name="Обычный 3 4 2 2 5 2" xfId="26774"/>
    <cellStyle name="Обычный 3 4 2 2 5 2 2" xfId="26775"/>
    <cellStyle name="Обычный 3 4 2 2 5 2 2 2" xfId="26776"/>
    <cellStyle name="Обычный 3 4 2 2 5 2 3" xfId="26777"/>
    <cellStyle name="Обычный 3 4 2 2 5 2 3 2" xfId="26778"/>
    <cellStyle name="Обычный 3 4 2 2 5 2 4" xfId="26779"/>
    <cellStyle name="Обычный 3 4 2 2 5 3" xfId="26780"/>
    <cellStyle name="Обычный 3 4 2 2 5 3 2" xfId="26781"/>
    <cellStyle name="Обычный 3 4 2 2 5 4" xfId="26782"/>
    <cellStyle name="Обычный 3 4 2 2 5 4 2" xfId="26783"/>
    <cellStyle name="Обычный 3 4 2 2 5 5" xfId="26784"/>
    <cellStyle name="Обычный 3 4 2 2 5 5 2" xfId="26785"/>
    <cellStyle name="Обычный 3 4 2 2 5 6" xfId="26786"/>
    <cellStyle name="Обычный 3 4 2 2 6" xfId="26787"/>
    <cellStyle name="Обычный 3 4 2 2 6 2" xfId="26788"/>
    <cellStyle name="Обычный 3 4 2 2 6 2 2" xfId="26789"/>
    <cellStyle name="Обычный 3 4 2 2 6 3" xfId="26790"/>
    <cellStyle name="Обычный 3 4 2 2 6 3 2" xfId="26791"/>
    <cellStyle name="Обычный 3 4 2 2 6 4" xfId="26792"/>
    <cellStyle name="Обычный 3 4 2 2 7" xfId="26793"/>
    <cellStyle name="Обычный 3 4 2 2 7 2" xfId="26794"/>
    <cellStyle name="Обычный 3 4 2 2 8" xfId="26795"/>
    <cellStyle name="Обычный 3 4 2 2 8 2" xfId="26796"/>
    <cellStyle name="Обычный 3 4 2 2 9" xfId="26797"/>
    <cellStyle name="Обычный 3 4 2 2 9 2" xfId="26798"/>
    <cellStyle name="Обычный 3 4 2 3" xfId="26799"/>
    <cellStyle name="Обычный 3 4 2 3 2" xfId="26800"/>
    <cellStyle name="Обычный 3 4 2 3 2 2" xfId="26801"/>
    <cellStyle name="Обычный 3 4 2 3 2 2 2" xfId="26802"/>
    <cellStyle name="Обычный 3 4 2 3 2 2 2 2" xfId="26803"/>
    <cellStyle name="Обычный 3 4 2 3 2 2 3" xfId="26804"/>
    <cellStyle name="Обычный 3 4 2 3 2 2 3 2" xfId="26805"/>
    <cellStyle name="Обычный 3 4 2 3 2 2 4" xfId="26806"/>
    <cellStyle name="Обычный 3 4 2 3 2 3" xfId="26807"/>
    <cellStyle name="Обычный 3 4 2 3 2 3 2" xfId="26808"/>
    <cellStyle name="Обычный 3 4 2 3 2 4" xfId="26809"/>
    <cellStyle name="Обычный 3 4 2 3 2 4 2" xfId="26810"/>
    <cellStyle name="Обычный 3 4 2 3 2 5" xfId="26811"/>
    <cellStyle name="Обычный 3 4 2 3 2 5 2" xfId="26812"/>
    <cellStyle name="Обычный 3 4 2 3 2 6" xfId="26813"/>
    <cellStyle name="Обычный 3 4 2 3 3" xfId="26814"/>
    <cellStyle name="Обычный 3 4 2 3 3 2" xfId="26815"/>
    <cellStyle name="Обычный 3 4 2 3 3 2 2" xfId="26816"/>
    <cellStyle name="Обычный 3 4 2 3 3 2 2 2" xfId="26817"/>
    <cellStyle name="Обычный 3 4 2 3 3 2 3" xfId="26818"/>
    <cellStyle name="Обычный 3 4 2 3 3 2 3 2" xfId="26819"/>
    <cellStyle name="Обычный 3 4 2 3 3 2 4" xfId="26820"/>
    <cellStyle name="Обычный 3 4 2 3 3 3" xfId="26821"/>
    <cellStyle name="Обычный 3 4 2 3 3 3 2" xfId="26822"/>
    <cellStyle name="Обычный 3 4 2 3 3 4" xfId="26823"/>
    <cellStyle name="Обычный 3 4 2 3 3 4 2" xfId="26824"/>
    <cellStyle name="Обычный 3 4 2 3 3 5" xfId="26825"/>
    <cellStyle name="Обычный 3 4 2 3 3 5 2" xfId="26826"/>
    <cellStyle name="Обычный 3 4 2 3 3 6" xfId="26827"/>
    <cellStyle name="Обычный 3 4 2 3 4" xfId="26828"/>
    <cellStyle name="Обычный 3 4 2 3 4 2" xfId="26829"/>
    <cellStyle name="Обычный 3 4 2 3 4 2 2" xfId="26830"/>
    <cellStyle name="Обычный 3 4 2 3 4 2 2 2" xfId="26831"/>
    <cellStyle name="Обычный 3 4 2 3 4 2 3" xfId="26832"/>
    <cellStyle name="Обычный 3 4 2 3 4 2 3 2" xfId="26833"/>
    <cellStyle name="Обычный 3 4 2 3 4 2 4" xfId="26834"/>
    <cellStyle name="Обычный 3 4 2 3 4 3" xfId="26835"/>
    <cellStyle name="Обычный 3 4 2 3 4 3 2" xfId="26836"/>
    <cellStyle name="Обычный 3 4 2 3 4 4" xfId="26837"/>
    <cellStyle name="Обычный 3 4 2 3 4 4 2" xfId="26838"/>
    <cellStyle name="Обычный 3 4 2 3 4 5" xfId="26839"/>
    <cellStyle name="Обычный 3 4 2 3 4 5 2" xfId="26840"/>
    <cellStyle name="Обычный 3 4 2 3 4 6" xfId="26841"/>
    <cellStyle name="Обычный 3 4 2 3 5" xfId="26842"/>
    <cellStyle name="Обычный 3 4 2 3 5 2" xfId="26843"/>
    <cellStyle name="Обычный 3 4 2 3 5 2 2" xfId="26844"/>
    <cellStyle name="Обычный 3 4 2 3 5 3" xfId="26845"/>
    <cellStyle name="Обычный 3 4 2 3 5 3 2" xfId="26846"/>
    <cellStyle name="Обычный 3 4 2 3 5 4" xfId="26847"/>
    <cellStyle name="Обычный 3 4 2 3 6" xfId="26848"/>
    <cellStyle name="Обычный 3 4 2 3 6 2" xfId="26849"/>
    <cellStyle name="Обычный 3 4 2 3 7" xfId="26850"/>
    <cellStyle name="Обычный 3 4 2 3 7 2" xfId="26851"/>
    <cellStyle name="Обычный 3 4 2 3 8" xfId="26852"/>
    <cellStyle name="Обычный 3 4 2 3 8 2" xfId="26853"/>
    <cellStyle name="Обычный 3 4 2 3 9" xfId="26854"/>
    <cellStyle name="Обычный 3 4 2 4" xfId="26855"/>
    <cellStyle name="Обычный 3 4 2 4 2" xfId="26856"/>
    <cellStyle name="Обычный 3 4 2 4 2 2" xfId="26857"/>
    <cellStyle name="Обычный 3 4 2 4 2 2 2" xfId="26858"/>
    <cellStyle name="Обычный 3 4 2 4 2 3" xfId="26859"/>
    <cellStyle name="Обычный 3 4 2 4 2 3 2" xfId="26860"/>
    <cellStyle name="Обычный 3 4 2 4 2 4" xfId="26861"/>
    <cellStyle name="Обычный 3 4 2 4 3" xfId="26862"/>
    <cellStyle name="Обычный 3 4 2 4 3 2" xfId="26863"/>
    <cellStyle name="Обычный 3 4 2 4 4" xfId="26864"/>
    <cellStyle name="Обычный 3 4 2 4 4 2" xfId="26865"/>
    <cellStyle name="Обычный 3 4 2 4 5" xfId="26866"/>
    <cellStyle name="Обычный 3 4 2 4 5 2" xfId="26867"/>
    <cellStyle name="Обычный 3 4 2 4 6" xfId="26868"/>
    <cellStyle name="Обычный 3 4 2 5" xfId="26869"/>
    <cellStyle name="Обычный 3 4 2 5 2" xfId="26870"/>
    <cellStyle name="Обычный 3 4 2 5 2 2" xfId="26871"/>
    <cellStyle name="Обычный 3 4 2 5 2 2 2" xfId="26872"/>
    <cellStyle name="Обычный 3 4 2 5 2 3" xfId="26873"/>
    <cellStyle name="Обычный 3 4 2 5 2 3 2" xfId="26874"/>
    <cellStyle name="Обычный 3 4 2 5 2 4" xfId="26875"/>
    <cellStyle name="Обычный 3 4 2 5 3" xfId="26876"/>
    <cellStyle name="Обычный 3 4 2 5 3 2" xfId="26877"/>
    <cellStyle name="Обычный 3 4 2 5 4" xfId="26878"/>
    <cellStyle name="Обычный 3 4 2 5 4 2" xfId="26879"/>
    <cellStyle name="Обычный 3 4 2 5 5" xfId="26880"/>
    <cellStyle name="Обычный 3 4 2 5 5 2" xfId="26881"/>
    <cellStyle name="Обычный 3 4 2 5 6" xfId="26882"/>
    <cellStyle name="Обычный 3 4 2 6" xfId="26883"/>
    <cellStyle name="Обычный 3 4 2 6 2" xfId="26884"/>
    <cellStyle name="Обычный 3 4 2 6 2 2" xfId="26885"/>
    <cellStyle name="Обычный 3 4 2 6 2 2 2" xfId="26886"/>
    <cellStyle name="Обычный 3 4 2 6 2 3" xfId="26887"/>
    <cellStyle name="Обычный 3 4 2 6 2 3 2" xfId="26888"/>
    <cellStyle name="Обычный 3 4 2 6 2 4" xfId="26889"/>
    <cellStyle name="Обычный 3 4 2 6 3" xfId="26890"/>
    <cellStyle name="Обычный 3 4 2 6 3 2" xfId="26891"/>
    <cellStyle name="Обычный 3 4 2 6 4" xfId="26892"/>
    <cellStyle name="Обычный 3 4 2 6 4 2" xfId="26893"/>
    <cellStyle name="Обычный 3 4 2 6 5" xfId="26894"/>
    <cellStyle name="Обычный 3 4 2 6 5 2" xfId="26895"/>
    <cellStyle name="Обычный 3 4 2 6 6" xfId="26896"/>
    <cellStyle name="Обычный 3 4 2 7" xfId="26897"/>
    <cellStyle name="Обычный 3 4 2 7 2" xfId="26898"/>
    <cellStyle name="Обычный 3 4 2 7 2 2" xfId="26899"/>
    <cellStyle name="Обычный 3 4 2 7 2 2 2" xfId="26900"/>
    <cellStyle name="Обычный 3 4 2 7 2 3" xfId="26901"/>
    <cellStyle name="Обычный 3 4 2 7 2 3 2" xfId="26902"/>
    <cellStyle name="Обычный 3 4 2 7 2 4" xfId="26903"/>
    <cellStyle name="Обычный 3 4 2 7 3" xfId="26904"/>
    <cellStyle name="Обычный 3 4 2 7 3 2" xfId="26905"/>
    <cellStyle name="Обычный 3 4 2 7 4" xfId="26906"/>
    <cellStyle name="Обычный 3 4 2 7 4 2" xfId="26907"/>
    <cellStyle name="Обычный 3 4 2 7 5" xfId="26908"/>
    <cellStyle name="Обычный 3 4 2 7 5 2" xfId="26909"/>
    <cellStyle name="Обычный 3 4 2 7 6" xfId="26910"/>
    <cellStyle name="Обычный 3 4 2 8" xfId="26911"/>
    <cellStyle name="Обычный 3 4 2 8 2" xfId="26912"/>
    <cellStyle name="Обычный 3 4 2 8 2 2" xfId="26913"/>
    <cellStyle name="Обычный 3 4 2 8 3" xfId="26914"/>
    <cellStyle name="Обычный 3 4 2 8 3 2" xfId="26915"/>
    <cellStyle name="Обычный 3 4 2 8 4" xfId="26916"/>
    <cellStyle name="Обычный 3 4 2 9" xfId="26917"/>
    <cellStyle name="Обычный 3 4 2 9 2" xfId="26918"/>
    <cellStyle name="Обычный 3 4 2 9 2 2" xfId="26919"/>
    <cellStyle name="Обычный 3 4 2 9 3" xfId="26920"/>
    <cellStyle name="Обычный 3 4 3" xfId="26921"/>
    <cellStyle name="Обычный 3 4 3 10" xfId="26922"/>
    <cellStyle name="Обычный 3 4 3 2" xfId="26923"/>
    <cellStyle name="Обычный 3 4 3 2 2" xfId="26924"/>
    <cellStyle name="Обычный 3 4 3 2 2 2" xfId="26925"/>
    <cellStyle name="Обычный 3 4 3 2 2 2 2" xfId="26926"/>
    <cellStyle name="Обычный 3 4 3 2 2 3" xfId="26927"/>
    <cellStyle name="Обычный 3 4 3 2 2 3 2" xfId="26928"/>
    <cellStyle name="Обычный 3 4 3 2 2 4" xfId="26929"/>
    <cellStyle name="Обычный 3 4 3 2 3" xfId="26930"/>
    <cellStyle name="Обычный 3 4 3 2 3 2" xfId="26931"/>
    <cellStyle name="Обычный 3 4 3 2 4" xfId="26932"/>
    <cellStyle name="Обычный 3 4 3 2 4 2" xfId="26933"/>
    <cellStyle name="Обычный 3 4 3 2 5" xfId="26934"/>
    <cellStyle name="Обычный 3 4 3 2 5 2" xfId="26935"/>
    <cellStyle name="Обычный 3 4 3 2 6" xfId="26936"/>
    <cellStyle name="Обычный 3 4 3 3" xfId="26937"/>
    <cellStyle name="Обычный 3 4 3 3 2" xfId="26938"/>
    <cellStyle name="Обычный 3 4 3 3 2 2" xfId="26939"/>
    <cellStyle name="Обычный 3 4 3 3 2 2 2" xfId="26940"/>
    <cellStyle name="Обычный 3 4 3 3 2 3" xfId="26941"/>
    <cellStyle name="Обычный 3 4 3 3 2 3 2" xfId="26942"/>
    <cellStyle name="Обычный 3 4 3 3 2 4" xfId="26943"/>
    <cellStyle name="Обычный 3 4 3 3 3" xfId="26944"/>
    <cellStyle name="Обычный 3 4 3 3 3 2" xfId="26945"/>
    <cellStyle name="Обычный 3 4 3 3 4" xfId="26946"/>
    <cellStyle name="Обычный 3 4 3 3 4 2" xfId="26947"/>
    <cellStyle name="Обычный 3 4 3 3 5" xfId="26948"/>
    <cellStyle name="Обычный 3 4 3 3 5 2" xfId="26949"/>
    <cellStyle name="Обычный 3 4 3 3 6" xfId="26950"/>
    <cellStyle name="Обычный 3 4 3 4" xfId="26951"/>
    <cellStyle name="Обычный 3 4 3 4 2" xfId="26952"/>
    <cellStyle name="Обычный 3 4 3 4 2 2" xfId="26953"/>
    <cellStyle name="Обычный 3 4 3 4 2 2 2" xfId="26954"/>
    <cellStyle name="Обычный 3 4 3 4 2 3" xfId="26955"/>
    <cellStyle name="Обычный 3 4 3 4 2 3 2" xfId="26956"/>
    <cellStyle name="Обычный 3 4 3 4 2 4" xfId="26957"/>
    <cellStyle name="Обычный 3 4 3 4 3" xfId="26958"/>
    <cellStyle name="Обычный 3 4 3 4 3 2" xfId="26959"/>
    <cellStyle name="Обычный 3 4 3 4 4" xfId="26960"/>
    <cellStyle name="Обычный 3 4 3 4 4 2" xfId="26961"/>
    <cellStyle name="Обычный 3 4 3 4 5" xfId="26962"/>
    <cellStyle name="Обычный 3 4 3 4 5 2" xfId="26963"/>
    <cellStyle name="Обычный 3 4 3 4 6" xfId="26964"/>
    <cellStyle name="Обычный 3 4 3 5" xfId="26965"/>
    <cellStyle name="Обычный 3 4 3 5 2" xfId="26966"/>
    <cellStyle name="Обычный 3 4 3 5 2 2" xfId="26967"/>
    <cellStyle name="Обычный 3 4 3 5 2 2 2" xfId="26968"/>
    <cellStyle name="Обычный 3 4 3 5 2 3" xfId="26969"/>
    <cellStyle name="Обычный 3 4 3 5 2 3 2" xfId="26970"/>
    <cellStyle name="Обычный 3 4 3 5 2 4" xfId="26971"/>
    <cellStyle name="Обычный 3 4 3 5 3" xfId="26972"/>
    <cellStyle name="Обычный 3 4 3 5 3 2" xfId="26973"/>
    <cellStyle name="Обычный 3 4 3 5 4" xfId="26974"/>
    <cellStyle name="Обычный 3 4 3 5 4 2" xfId="26975"/>
    <cellStyle name="Обычный 3 4 3 5 5" xfId="26976"/>
    <cellStyle name="Обычный 3 4 3 5 5 2" xfId="26977"/>
    <cellStyle name="Обычный 3 4 3 5 6" xfId="26978"/>
    <cellStyle name="Обычный 3 4 3 6" xfId="26979"/>
    <cellStyle name="Обычный 3 4 3 6 2" xfId="26980"/>
    <cellStyle name="Обычный 3 4 3 6 2 2" xfId="26981"/>
    <cellStyle name="Обычный 3 4 3 6 3" xfId="26982"/>
    <cellStyle name="Обычный 3 4 3 6 3 2" xfId="26983"/>
    <cellStyle name="Обычный 3 4 3 6 4" xfId="26984"/>
    <cellStyle name="Обычный 3 4 3 7" xfId="26985"/>
    <cellStyle name="Обычный 3 4 3 7 2" xfId="26986"/>
    <cellStyle name="Обычный 3 4 3 8" xfId="26987"/>
    <cellStyle name="Обычный 3 4 3 8 2" xfId="26988"/>
    <cellStyle name="Обычный 3 4 3 9" xfId="26989"/>
    <cellStyle name="Обычный 3 4 3 9 2" xfId="26990"/>
    <cellStyle name="Обычный 3 4 4" xfId="26991"/>
    <cellStyle name="Обычный 3 4 4 2" xfId="26992"/>
    <cellStyle name="Обычный 3 4 4 2 2" xfId="26993"/>
    <cellStyle name="Обычный 3 4 4 2 2 2" xfId="26994"/>
    <cellStyle name="Обычный 3 4 4 2 2 2 2" xfId="26995"/>
    <cellStyle name="Обычный 3 4 4 2 2 3" xfId="26996"/>
    <cellStyle name="Обычный 3 4 4 2 2 3 2" xfId="26997"/>
    <cellStyle name="Обычный 3 4 4 2 2 4" xfId="26998"/>
    <cellStyle name="Обычный 3 4 4 2 3" xfId="26999"/>
    <cellStyle name="Обычный 3 4 4 2 3 2" xfId="27000"/>
    <cellStyle name="Обычный 3 4 4 2 4" xfId="27001"/>
    <cellStyle name="Обычный 3 4 4 2 4 2" xfId="27002"/>
    <cellStyle name="Обычный 3 4 4 2 5" xfId="27003"/>
    <cellStyle name="Обычный 3 4 4 2 5 2" xfId="27004"/>
    <cellStyle name="Обычный 3 4 4 2 6" xfId="27005"/>
    <cellStyle name="Обычный 3 4 4 3" xfId="27006"/>
    <cellStyle name="Обычный 3 4 4 3 2" xfId="27007"/>
    <cellStyle name="Обычный 3 4 4 3 2 2" xfId="27008"/>
    <cellStyle name="Обычный 3 4 4 3 2 2 2" xfId="27009"/>
    <cellStyle name="Обычный 3 4 4 3 2 3" xfId="27010"/>
    <cellStyle name="Обычный 3 4 4 3 2 3 2" xfId="27011"/>
    <cellStyle name="Обычный 3 4 4 3 2 4" xfId="27012"/>
    <cellStyle name="Обычный 3 4 4 3 3" xfId="27013"/>
    <cellStyle name="Обычный 3 4 4 3 3 2" xfId="27014"/>
    <cellStyle name="Обычный 3 4 4 3 4" xfId="27015"/>
    <cellStyle name="Обычный 3 4 4 3 4 2" xfId="27016"/>
    <cellStyle name="Обычный 3 4 4 3 5" xfId="27017"/>
    <cellStyle name="Обычный 3 4 4 3 5 2" xfId="27018"/>
    <cellStyle name="Обычный 3 4 4 3 6" xfId="27019"/>
    <cellStyle name="Обычный 3 4 4 4" xfId="27020"/>
    <cellStyle name="Обычный 3 4 4 4 2" xfId="27021"/>
    <cellStyle name="Обычный 3 4 4 4 2 2" xfId="27022"/>
    <cellStyle name="Обычный 3 4 4 4 2 2 2" xfId="27023"/>
    <cellStyle name="Обычный 3 4 4 4 2 3" xfId="27024"/>
    <cellStyle name="Обычный 3 4 4 4 2 3 2" xfId="27025"/>
    <cellStyle name="Обычный 3 4 4 4 2 4" xfId="27026"/>
    <cellStyle name="Обычный 3 4 4 4 3" xfId="27027"/>
    <cellStyle name="Обычный 3 4 4 4 3 2" xfId="27028"/>
    <cellStyle name="Обычный 3 4 4 4 4" xfId="27029"/>
    <cellStyle name="Обычный 3 4 4 4 4 2" xfId="27030"/>
    <cellStyle name="Обычный 3 4 4 4 5" xfId="27031"/>
    <cellStyle name="Обычный 3 4 4 4 5 2" xfId="27032"/>
    <cellStyle name="Обычный 3 4 4 4 6" xfId="27033"/>
    <cellStyle name="Обычный 3 4 4 5" xfId="27034"/>
    <cellStyle name="Обычный 3 4 4 5 2" xfId="27035"/>
    <cellStyle name="Обычный 3 4 4 5 2 2" xfId="27036"/>
    <cellStyle name="Обычный 3 4 4 5 3" xfId="27037"/>
    <cellStyle name="Обычный 3 4 4 5 3 2" xfId="27038"/>
    <cellStyle name="Обычный 3 4 4 5 4" xfId="27039"/>
    <cellStyle name="Обычный 3 4 4 6" xfId="27040"/>
    <cellStyle name="Обычный 3 4 4 6 2" xfId="27041"/>
    <cellStyle name="Обычный 3 4 4 7" xfId="27042"/>
    <cellStyle name="Обычный 3 4 4 7 2" xfId="27043"/>
    <cellStyle name="Обычный 3 4 4 8" xfId="27044"/>
    <cellStyle name="Обычный 3 4 4 8 2" xfId="27045"/>
    <cellStyle name="Обычный 3 4 4 9" xfId="27046"/>
    <cellStyle name="Обычный 3 4 5" xfId="27047"/>
    <cellStyle name="Обычный 3 4 5 2" xfId="27048"/>
    <cellStyle name="Обычный 3 4 5 2 2" xfId="27049"/>
    <cellStyle name="Обычный 3 4 5 2 2 2" xfId="27050"/>
    <cellStyle name="Обычный 3 4 5 2 3" xfId="27051"/>
    <cellStyle name="Обычный 3 4 5 2 3 2" xfId="27052"/>
    <cellStyle name="Обычный 3 4 5 2 4" xfId="27053"/>
    <cellStyle name="Обычный 3 4 5 3" xfId="27054"/>
    <cellStyle name="Обычный 3 4 5 3 2" xfId="27055"/>
    <cellStyle name="Обычный 3 4 5 4" xfId="27056"/>
    <cellStyle name="Обычный 3 4 5 4 2" xfId="27057"/>
    <cellStyle name="Обычный 3 4 5 5" xfId="27058"/>
    <cellStyle name="Обычный 3 4 5 5 2" xfId="27059"/>
    <cellStyle name="Обычный 3 4 5 6" xfId="27060"/>
    <cellStyle name="Обычный 3 4 6" xfId="27061"/>
    <cellStyle name="Обычный 3 4 6 2" xfId="27062"/>
    <cellStyle name="Обычный 3 4 6 2 2" xfId="27063"/>
    <cellStyle name="Обычный 3 4 6 2 2 2" xfId="27064"/>
    <cellStyle name="Обычный 3 4 6 2 3" xfId="27065"/>
    <cellStyle name="Обычный 3 4 6 2 3 2" xfId="27066"/>
    <cellStyle name="Обычный 3 4 6 2 4" xfId="27067"/>
    <cellStyle name="Обычный 3 4 6 3" xfId="27068"/>
    <cellStyle name="Обычный 3 4 6 3 2" xfId="27069"/>
    <cellStyle name="Обычный 3 4 6 4" xfId="27070"/>
    <cellStyle name="Обычный 3 4 6 4 2" xfId="27071"/>
    <cellStyle name="Обычный 3 4 6 5" xfId="27072"/>
    <cellStyle name="Обычный 3 4 6 5 2" xfId="27073"/>
    <cellStyle name="Обычный 3 4 6 6" xfId="27074"/>
    <cellStyle name="Обычный 3 4 7" xfId="27075"/>
    <cellStyle name="Обычный 3 4 7 2" xfId="27076"/>
    <cellStyle name="Обычный 3 4 7 2 2" xfId="27077"/>
    <cellStyle name="Обычный 3 4 7 2 2 2" xfId="27078"/>
    <cellStyle name="Обычный 3 4 7 2 3" xfId="27079"/>
    <cellStyle name="Обычный 3 4 7 2 3 2" xfId="27080"/>
    <cellStyle name="Обычный 3 4 7 2 4" xfId="27081"/>
    <cellStyle name="Обычный 3 4 7 3" xfId="27082"/>
    <cellStyle name="Обычный 3 4 7 3 2" xfId="27083"/>
    <cellStyle name="Обычный 3 4 7 4" xfId="27084"/>
    <cellStyle name="Обычный 3 4 7 4 2" xfId="27085"/>
    <cellStyle name="Обычный 3 4 7 5" xfId="27086"/>
    <cellStyle name="Обычный 3 4 7 5 2" xfId="27087"/>
    <cellStyle name="Обычный 3 4 7 6" xfId="27088"/>
    <cellStyle name="Обычный 3 4 8" xfId="27089"/>
    <cellStyle name="Обычный 3 4 8 2" xfId="27090"/>
    <cellStyle name="Обычный 3 4 8 2 2" xfId="27091"/>
    <cellStyle name="Обычный 3 4 8 2 2 2" xfId="27092"/>
    <cellStyle name="Обычный 3 4 8 2 3" xfId="27093"/>
    <cellStyle name="Обычный 3 4 8 2 3 2" xfId="27094"/>
    <cellStyle name="Обычный 3 4 8 2 4" xfId="27095"/>
    <cellStyle name="Обычный 3 4 8 3" xfId="27096"/>
    <cellStyle name="Обычный 3 4 8 3 2" xfId="27097"/>
    <cellStyle name="Обычный 3 4 8 4" xfId="27098"/>
    <cellStyle name="Обычный 3 4 8 4 2" xfId="27099"/>
    <cellStyle name="Обычный 3 4 8 5" xfId="27100"/>
    <cellStyle name="Обычный 3 4 8 5 2" xfId="27101"/>
    <cellStyle name="Обычный 3 4 8 6" xfId="27102"/>
    <cellStyle name="Обычный 3 4 9" xfId="27103"/>
    <cellStyle name="Обычный 3 4 9 2" xfId="27104"/>
    <cellStyle name="Обычный 3 4 9 2 2" xfId="27105"/>
    <cellStyle name="Обычный 3 4 9 3" xfId="27106"/>
    <cellStyle name="Обычный 3 4 9 3 2" xfId="27107"/>
    <cellStyle name="Обычный 3 4 9 4" xfId="27108"/>
    <cellStyle name="Обычный 3 5" xfId="27109"/>
    <cellStyle name="Обычный 3 5 10" xfId="27110"/>
    <cellStyle name="Обычный 3 5 10 2" xfId="27111"/>
    <cellStyle name="Обычный 3 5 10 2 2" xfId="27112"/>
    <cellStyle name="Обычный 3 5 10 3" xfId="27113"/>
    <cellStyle name="Обычный 3 5 11" xfId="27114"/>
    <cellStyle name="Обычный 3 5 11 2" xfId="27115"/>
    <cellStyle name="Обычный 3 5 12" xfId="27116"/>
    <cellStyle name="Обычный 3 5 12 2" xfId="27117"/>
    <cellStyle name="Обычный 3 5 13" xfId="27118"/>
    <cellStyle name="Обычный 3 5 14" xfId="27119"/>
    <cellStyle name="Обычный 3 5 2" xfId="27120"/>
    <cellStyle name="Обычный 3 5 2 10" xfId="27121"/>
    <cellStyle name="Обычный 3 5 2 10 2" xfId="27122"/>
    <cellStyle name="Обычный 3 5 2 11" xfId="27123"/>
    <cellStyle name="Обычный 3 5 2 11 2" xfId="27124"/>
    <cellStyle name="Обычный 3 5 2 12" xfId="27125"/>
    <cellStyle name="Обычный 3 5 2 13" xfId="27126"/>
    <cellStyle name="Обычный 3 5 2 2" xfId="27127"/>
    <cellStyle name="Обычный 3 5 2 2 10" xfId="27128"/>
    <cellStyle name="Обычный 3 5 2 2 2" xfId="27129"/>
    <cellStyle name="Обычный 3 5 2 2 2 2" xfId="27130"/>
    <cellStyle name="Обычный 3 5 2 2 2 2 2" xfId="27131"/>
    <cellStyle name="Обычный 3 5 2 2 2 2 2 2" xfId="27132"/>
    <cellStyle name="Обычный 3 5 2 2 2 2 3" xfId="27133"/>
    <cellStyle name="Обычный 3 5 2 2 2 2 3 2" xfId="27134"/>
    <cellStyle name="Обычный 3 5 2 2 2 2 4" xfId="27135"/>
    <cellStyle name="Обычный 3 5 2 2 2 3" xfId="27136"/>
    <cellStyle name="Обычный 3 5 2 2 2 3 2" xfId="27137"/>
    <cellStyle name="Обычный 3 5 2 2 2 4" xfId="27138"/>
    <cellStyle name="Обычный 3 5 2 2 2 4 2" xfId="27139"/>
    <cellStyle name="Обычный 3 5 2 2 2 5" xfId="27140"/>
    <cellStyle name="Обычный 3 5 2 2 2 5 2" xfId="27141"/>
    <cellStyle name="Обычный 3 5 2 2 2 6" xfId="27142"/>
    <cellStyle name="Обычный 3 5 2 2 3" xfId="27143"/>
    <cellStyle name="Обычный 3 5 2 2 3 2" xfId="27144"/>
    <cellStyle name="Обычный 3 5 2 2 3 2 2" xfId="27145"/>
    <cellStyle name="Обычный 3 5 2 2 3 2 2 2" xfId="27146"/>
    <cellStyle name="Обычный 3 5 2 2 3 2 3" xfId="27147"/>
    <cellStyle name="Обычный 3 5 2 2 3 2 3 2" xfId="27148"/>
    <cellStyle name="Обычный 3 5 2 2 3 2 4" xfId="27149"/>
    <cellStyle name="Обычный 3 5 2 2 3 3" xfId="27150"/>
    <cellStyle name="Обычный 3 5 2 2 3 3 2" xfId="27151"/>
    <cellStyle name="Обычный 3 5 2 2 3 4" xfId="27152"/>
    <cellStyle name="Обычный 3 5 2 2 3 4 2" xfId="27153"/>
    <cellStyle name="Обычный 3 5 2 2 3 5" xfId="27154"/>
    <cellStyle name="Обычный 3 5 2 2 3 5 2" xfId="27155"/>
    <cellStyle name="Обычный 3 5 2 2 3 6" xfId="27156"/>
    <cellStyle name="Обычный 3 5 2 2 4" xfId="27157"/>
    <cellStyle name="Обычный 3 5 2 2 4 2" xfId="27158"/>
    <cellStyle name="Обычный 3 5 2 2 4 2 2" xfId="27159"/>
    <cellStyle name="Обычный 3 5 2 2 4 2 2 2" xfId="27160"/>
    <cellStyle name="Обычный 3 5 2 2 4 2 3" xfId="27161"/>
    <cellStyle name="Обычный 3 5 2 2 4 2 3 2" xfId="27162"/>
    <cellStyle name="Обычный 3 5 2 2 4 2 4" xfId="27163"/>
    <cellStyle name="Обычный 3 5 2 2 4 3" xfId="27164"/>
    <cellStyle name="Обычный 3 5 2 2 4 3 2" xfId="27165"/>
    <cellStyle name="Обычный 3 5 2 2 4 4" xfId="27166"/>
    <cellStyle name="Обычный 3 5 2 2 4 4 2" xfId="27167"/>
    <cellStyle name="Обычный 3 5 2 2 4 5" xfId="27168"/>
    <cellStyle name="Обычный 3 5 2 2 4 5 2" xfId="27169"/>
    <cellStyle name="Обычный 3 5 2 2 4 6" xfId="27170"/>
    <cellStyle name="Обычный 3 5 2 2 5" xfId="27171"/>
    <cellStyle name="Обычный 3 5 2 2 5 2" xfId="27172"/>
    <cellStyle name="Обычный 3 5 2 2 5 2 2" xfId="27173"/>
    <cellStyle name="Обычный 3 5 2 2 5 2 2 2" xfId="27174"/>
    <cellStyle name="Обычный 3 5 2 2 5 2 3" xfId="27175"/>
    <cellStyle name="Обычный 3 5 2 2 5 2 3 2" xfId="27176"/>
    <cellStyle name="Обычный 3 5 2 2 5 2 4" xfId="27177"/>
    <cellStyle name="Обычный 3 5 2 2 5 3" xfId="27178"/>
    <cellStyle name="Обычный 3 5 2 2 5 3 2" xfId="27179"/>
    <cellStyle name="Обычный 3 5 2 2 5 4" xfId="27180"/>
    <cellStyle name="Обычный 3 5 2 2 5 4 2" xfId="27181"/>
    <cellStyle name="Обычный 3 5 2 2 5 5" xfId="27182"/>
    <cellStyle name="Обычный 3 5 2 2 5 5 2" xfId="27183"/>
    <cellStyle name="Обычный 3 5 2 2 5 6" xfId="27184"/>
    <cellStyle name="Обычный 3 5 2 2 6" xfId="27185"/>
    <cellStyle name="Обычный 3 5 2 2 6 2" xfId="27186"/>
    <cellStyle name="Обычный 3 5 2 2 6 2 2" xfId="27187"/>
    <cellStyle name="Обычный 3 5 2 2 6 3" xfId="27188"/>
    <cellStyle name="Обычный 3 5 2 2 6 3 2" xfId="27189"/>
    <cellStyle name="Обычный 3 5 2 2 6 4" xfId="27190"/>
    <cellStyle name="Обычный 3 5 2 2 7" xfId="27191"/>
    <cellStyle name="Обычный 3 5 2 2 7 2" xfId="27192"/>
    <cellStyle name="Обычный 3 5 2 2 8" xfId="27193"/>
    <cellStyle name="Обычный 3 5 2 2 8 2" xfId="27194"/>
    <cellStyle name="Обычный 3 5 2 2 9" xfId="27195"/>
    <cellStyle name="Обычный 3 5 2 2 9 2" xfId="27196"/>
    <cellStyle name="Обычный 3 5 2 3" xfId="27197"/>
    <cellStyle name="Обычный 3 5 2 3 2" xfId="27198"/>
    <cellStyle name="Обычный 3 5 2 3 2 2" xfId="27199"/>
    <cellStyle name="Обычный 3 5 2 3 2 2 2" xfId="27200"/>
    <cellStyle name="Обычный 3 5 2 3 2 2 2 2" xfId="27201"/>
    <cellStyle name="Обычный 3 5 2 3 2 2 3" xfId="27202"/>
    <cellStyle name="Обычный 3 5 2 3 2 2 3 2" xfId="27203"/>
    <cellStyle name="Обычный 3 5 2 3 2 2 4" xfId="27204"/>
    <cellStyle name="Обычный 3 5 2 3 2 3" xfId="27205"/>
    <cellStyle name="Обычный 3 5 2 3 2 3 2" xfId="27206"/>
    <cellStyle name="Обычный 3 5 2 3 2 4" xfId="27207"/>
    <cellStyle name="Обычный 3 5 2 3 2 4 2" xfId="27208"/>
    <cellStyle name="Обычный 3 5 2 3 2 5" xfId="27209"/>
    <cellStyle name="Обычный 3 5 2 3 2 5 2" xfId="27210"/>
    <cellStyle name="Обычный 3 5 2 3 2 6" xfId="27211"/>
    <cellStyle name="Обычный 3 5 2 3 3" xfId="27212"/>
    <cellStyle name="Обычный 3 5 2 3 3 2" xfId="27213"/>
    <cellStyle name="Обычный 3 5 2 3 3 2 2" xfId="27214"/>
    <cellStyle name="Обычный 3 5 2 3 3 2 2 2" xfId="27215"/>
    <cellStyle name="Обычный 3 5 2 3 3 2 3" xfId="27216"/>
    <cellStyle name="Обычный 3 5 2 3 3 2 3 2" xfId="27217"/>
    <cellStyle name="Обычный 3 5 2 3 3 2 4" xfId="27218"/>
    <cellStyle name="Обычный 3 5 2 3 3 3" xfId="27219"/>
    <cellStyle name="Обычный 3 5 2 3 3 3 2" xfId="27220"/>
    <cellStyle name="Обычный 3 5 2 3 3 4" xfId="27221"/>
    <cellStyle name="Обычный 3 5 2 3 3 4 2" xfId="27222"/>
    <cellStyle name="Обычный 3 5 2 3 3 5" xfId="27223"/>
    <cellStyle name="Обычный 3 5 2 3 3 5 2" xfId="27224"/>
    <cellStyle name="Обычный 3 5 2 3 3 6" xfId="27225"/>
    <cellStyle name="Обычный 3 5 2 3 4" xfId="27226"/>
    <cellStyle name="Обычный 3 5 2 3 4 2" xfId="27227"/>
    <cellStyle name="Обычный 3 5 2 3 4 2 2" xfId="27228"/>
    <cellStyle name="Обычный 3 5 2 3 4 2 2 2" xfId="27229"/>
    <cellStyle name="Обычный 3 5 2 3 4 2 3" xfId="27230"/>
    <cellStyle name="Обычный 3 5 2 3 4 2 3 2" xfId="27231"/>
    <cellStyle name="Обычный 3 5 2 3 4 2 4" xfId="27232"/>
    <cellStyle name="Обычный 3 5 2 3 4 3" xfId="27233"/>
    <cellStyle name="Обычный 3 5 2 3 4 3 2" xfId="27234"/>
    <cellStyle name="Обычный 3 5 2 3 4 4" xfId="27235"/>
    <cellStyle name="Обычный 3 5 2 3 4 4 2" xfId="27236"/>
    <cellStyle name="Обычный 3 5 2 3 4 5" xfId="27237"/>
    <cellStyle name="Обычный 3 5 2 3 4 5 2" xfId="27238"/>
    <cellStyle name="Обычный 3 5 2 3 4 6" xfId="27239"/>
    <cellStyle name="Обычный 3 5 2 3 5" xfId="27240"/>
    <cellStyle name="Обычный 3 5 2 3 5 2" xfId="27241"/>
    <cellStyle name="Обычный 3 5 2 3 5 2 2" xfId="27242"/>
    <cellStyle name="Обычный 3 5 2 3 5 3" xfId="27243"/>
    <cellStyle name="Обычный 3 5 2 3 5 3 2" xfId="27244"/>
    <cellStyle name="Обычный 3 5 2 3 5 4" xfId="27245"/>
    <cellStyle name="Обычный 3 5 2 3 6" xfId="27246"/>
    <cellStyle name="Обычный 3 5 2 3 6 2" xfId="27247"/>
    <cellStyle name="Обычный 3 5 2 3 7" xfId="27248"/>
    <cellStyle name="Обычный 3 5 2 3 7 2" xfId="27249"/>
    <cellStyle name="Обычный 3 5 2 3 8" xfId="27250"/>
    <cellStyle name="Обычный 3 5 2 3 8 2" xfId="27251"/>
    <cellStyle name="Обычный 3 5 2 3 9" xfId="27252"/>
    <cellStyle name="Обычный 3 5 2 4" xfId="27253"/>
    <cellStyle name="Обычный 3 5 2 4 2" xfId="27254"/>
    <cellStyle name="Обычный 3 5 2 4 2 2" xfId="27255"/>
    <cellStyle name="Обычный 3 5 2 4 2 2 2" xfId="27256"/>
    <cellStyle name="Обычный 3 5 2 4 2 3" xfId="27257"/>
    <cellStyle name="Обычный 3 5 2 4 2 3 2" xfId="27258"/>
    <cellStyle name="Обычный 3 5 2 4 2 4" xfId="27259"/>
    <cellStyle name="Обычный 3 5 2 4 3" xfId="27260"/>
    <cellStyle name="Обычный 3 5 2 4 3 2" xfId="27261"/>
    <cellStyle name="Обычный 3 5 2 4 4" xfId="27262"/>
    <cellStyle name="Обычный 3 5 2 4 4 2" xfId="27263"/>
    <cellStyle name="Обычный 3 5 2 4 5" xfId="27264"/>
    <cellStyle name="Обычный 3 5 2 4 5 2" xfId="27265"/>
    <cellStyle name="Обычный 3 5 2 4 6" xfId="27266"/>
    <cellStyle name="Обычный 3 5 2 5" xfId="27267"/>
    <cellStyle name="Обычный 3 5 2 5 2" xfId="27268"/>
    <cellStyle name="Обычный 3 5 2 5 2 2" xfId="27269"/>
    <cellStyle name="Обычный 3 5 2 5 2 2 2" xfId="27270"/>
    <cellStyle name="Обычный 3 5 2 5 2 3" xfId="27271"/>
    <cellStyle name="Обычный 3 5 2 5 2 3 2" xfId="27272"/>
    <cellStyle name="Обычный 3 5 2 5 2 4" xfId="27273"/>
    <cellStyle name="Обычный 3 5 2 5 3" xfId="27274"/>
    <cellStyle name="Обычный 3 5 2 5 3 2" xfId="27275"/>
    <cellStyle name="Обычный 3 5 2 5 4" xfId="27276"/>
    <cellStyle name="Обычный 3 5 2 5 4 2" xfId="27277"/>
    <cellStyle name="Обычный 3 5 2 5 5" xfId="27278"/>
    <cellStyle name="Обычный 3 5 2 5 5 2" xfId="27279"/>
    <cellStyle name="Обычный 3 5 2 5 6" xfId="27280"/>
    <cellStyle name="Обычный 3 5 2 6" xfId="27281"/>
    <cellStyle name="Обычный 3 5 2 6 2" xfId="27282"/>
    <cellStyle name="Обычный 3 5 2 6 2 2" xfId="27283"/>
    <cellStyle name="Обычный 3 5 2 6 2 2 2" xfId="27284"/>
    <cellStyle name="Обычный 3 5 2 6 2 3" xfId="27285"/>
    <cellStyle name="Обычный 3 5 2 6 2 3 2" xfId="27286"/>
    <cellStyle name="Обычный 3 5 2 6 2 4" xfId="27287"/>
    <cellStyle name="Обычный 3 5 2 6 3" xfId="27288"/>
    <cellStyle name="Обычный 3 5 2 6 3 2" xfId="27289"/>
    <cellStyle name="Обычный 3 5 2 6 4" xfId="27290"/>
    <cellStyle name="Обычный 3 5 2 6 4 2" xfId="27291"/>
    <cellStyle name="Обычный 3 5 2 6 5" xfId="27292"/>
    <cellStyle name="Обычный 3 5 2 6 5 2" xfId="27293"/>
    <cellStyle name="Обычный 3 5 2 6 6" xfId="27294"/>
    <cellStyle name="Обычный 3 5 2 7" xfId="27295"/>
    <cellStyle name="Обычный 3 5 2 7 2" xfId="27296"/>
    <cellStyle name="Обычный 3 5 2 7 2 2" xfId="27297"/>
    <cellStyle name="Обычный 3 5 2 7 2 2 2" xfId="27298"/>
    <cellStyle name="Обычный 3 5 2 7 2 3" xfId="27299"/>
    <cellStyle name="Обычный 3 5 2 7 2 3 2" xfId="27300"/>
    <cellStyle name="Обычный 3 5 2 7 2 4" xfId="27301"/>
    <cellStyle name="Обычный 3 5 2 7 3" xfId="27302"/>
    <cellStyle name="Обычный 3 5 2 7 3 2" xfId="27303"/>
    <cellStyle name="Обычный 3 5 2 7 4" xfId="27304"/>
    <cellStyle name="Обычный 3 5 2 7 4 2" xfId="27305"/>
    <cellStyle name="Обычный 3 5 2 7 5" xfId="27306"/>
    <cellStyle name="Обычный 3 5 2 7 5 2" xfId="27307"/>
    <cellStyle name="Обычный 3 5 2 7 6" xfId="27308"/>
    <cellStyle name="Обычный 3 5 2 8" xfId="27309"/>
    <cellStyle name="Обычный 3 5 2 8 2" xfId="27310"/>
    <cellStyle name="Обычный 3 5 2 8 2 2" xfId="27311"/>
    <cellStyle name="Обычный 3 5 2 8 3" xfId="27312"/>
    <cellStyle name="Обычный 3 5 2 8 3 2" xfId="27313"/>
    <cellStyle name="Обычный 3 5 2 8 4" xfId="27314"/>
    <cellStyle name="Обычный 3 5 2 9" xfId="27315"/>
    <cellStyle name="Обычный 3 5 2 9 2" xfId="27316"/>
    <cellStyle name="Обычный 3 5 2 9 2 2" xfId="27317"/>
    <cellStyle name="Обычный 3 5 2 9 3" xfId="27318"/>
    <cellStyle name="Обычный 3 5 3" xfId="27319"/>
    <cellStyle name="Обычный 3 5 3 10" xfId="27320"/>
    <cellStyle name="Обычный 3 5 3 2" xfId="27321"/>
    <cellStyle name="Обычный 3 5 3 2 2" xfId="27322"/>
    <cellStyle name="Обычный 3 5 3 2 2 2" xfId="27323"/>
    <cellStyle name="Обычный 3 5 3 2 2 2 2" xfId="27324"/>
    <cellStyle name="Обычный 3 5 3 2 2 3" xfId="27325"/>
    <cellStyle name="Обычный 3 5 3 2 2 3 2" xfId="27326"/>
    <cellStyle name="Обычный 3 5 3 2 2 4" xfId="27327"/>
    <cellStyle name="Обычный 3 5 3 2 3" xfId="27328"/>
    <cellStyle name="Обычный 3 5 3 2 3 2" xfId="27329"/>
    <cellStyle name="Обычный 3 5 3 2 4" xfId="27330"/>
    <cellStyle name="Обычный 3 5 3 2 4 2" xfId="27331"/>
    <cellStyle name="Обычный 3 5 3 2 5" xfId="27332"/>
    <cellStyle name="Обычный 3 5 3 2 5 2" xfId="27333"/>
    <cellStyle name="Обычный 3 5 3 2 6" xfId="27334"/>
    <cellStyle name="Обычный 3 5 3 3" xfId="27335"/>
    <cellStyle name="Обычный 3 5 3 3 2" xfId="27336"/>
    <cellStyle name="Обычный 3 5 3 3 2 2" xfId="27337"/>
    <cellStyle name="Обычный 3 5 3 3 2 2 2" xfId="27338"/>
    <cellStyle name="Обычный 3 5 3 3 2 3" xfId="27339"/>
    <cellStyle name="Обычный 3 5 3 3 2 3 2" xfId="27340"/>
    <cellStyle name="Обычный 3 5 3 3 2 4" xfId="27341"/>
    <cellStyle name="Обычный 3 5 3 3 3" xfId="27342"/>
    <cellStyle name="Обычный 3 5 3 3 3 2" xfId="27343"/>
    <cellStyle name="Обычный 3 5 3 3 4" xfId="27344"/>
    <cellStyle name="Обычный 3 5 3 3 4 2" xfId="27345"/>
    <cellStyle name="Обычный 3 5 3 3 5" xfId="27346"/>
    <cellStyle name="Обычный 3 5 3 3 5 2" xfId="27347"/>
    <cellStyle name="Обычный 3 5 3 3 6" xfId="27348"/>
    <cellStyle name="Обычный 3 5 3 4" xfId="27349"/>
    <cellStyle name="Обычный 3 5 3 4 2" xfId="27350"/>
    <cellStyle name="Обычный 3 5 3 4 2 2" xfId="27351"/>
    <cellStyle name="Обычный 3 5 3 4 2 2 2" xfId="27352"/>
    <cellStyle name="Обычный 3 5 3 4 2 3" xfId="27353"/>
    <cellStyle name="Обычный 3 5 3 4 2 3 2" xfId="27354"/>
    <cellStyle name="Обычный 3 5 3 4 2 4" xfId="27355"/>
    <cellStyle name="Обычный 3 5 3 4 3" xfId="27356"/>
    <cellStyle name="Обычный 3 5 3 4 3 2" xfId="27357"/>
    <cellStyle name="Обычный 3 5 3 4 4" xfId="27358"/>
    <cellStyle name="Обычный 3 5 3 4 4 2" xfId="27359"/>
    <cellStyle name="Обычный 3 5 3 4 5" xfId="27360"/>
    <cellStyle name="Обычный 3 5 3 4 5 2" xfId="27361"/>
    <cellStyle name="Обычный 3 5 3 4 6" xfId="27362"/>
    <cellStyle name="Обычный 3 5 3 5" xfId="27363"/>
    <cellStyle name="Обычный 3 5 3 5 2" xfId="27364"/>
    <cellStyle name="Обычный 3 5 3 5 2 2" xfId="27365"/>
    <cellStyle name="Обычный 3 5 3 5 2 2 2" xfId="27366"/>
    <cellStyle name="Обычный 3 5 3 5 2 3" xfId="27367"/>
    <cellStyle name="Обычный 3 5 3 5 2 3 2" xfId="27368"/>
    <cellStyle name="Обычный 3 5 3 5 2 4" xfId="27369"/>
    <cellStyle name="Обычный 3 5 3 5 3" xfId="27370"/>
    <cellStyle name="Обычный 3 5 3 5 3 2" xfId="27371"/>
    <cellStyle name="Обычный 3 5 3 5 4" xfId="27372"/>
    <cellStyle name="Обычный 3 5 3 5 4 2" xfId="27373"/>
    <cellStyle name="Обычный 3 5 3 5 5" xfId="27374"/>
    <cellStyle name="Обычный 3 5 3 5 5 2" xfId="27375"/>
    <cellStyle name="Обычный 3 5 3 5 6" xfId="27376"/>
    <cellStyle name="Обычный 3 5 3 6" xfId="27377"/>
    <cellStyle name="Обычный 3 5 3 6 2" xfId="27378"/>
    <cellStyle name="Обычный 3 5 3 6 2 2" xfId="27379"/>
    <cellStyle name="Обычный 3 5 3 6 3" xfId="27380"/>
    <cellStyle name="Обычный 3 5 3 6 3 2" xfId="27381"/>
    <cellStyle name="Обычный 3 5 3 6 4" xfId="27382"/>
    <cellStyle name="Обычный 3 5 3 7" xfId="27383"/>
    <cellStyle name="Обычный 3 5 3 7 2" xfId="27384"/>
    <cellStyle name="Обычный 3 5 3 8" xfId="27385"/>
    <cellStyle name="Обычный 3 5 3 8 2" xfId="27386"/>
    <cellStyle name="Обычный 3 5 3 9" xfId="27387"/>
    <cellStyle name="Обычный 3 5 3 9 2" xfId="27388"/>
    <cellStyle name="Обычный 3 5 4" xfId="27389"/>
    <cellStyle name="Обычный 3 5 4 2" xfId="27390"/>
    <cellStyle name="Обычный 3 5 4 2 2" xfId="27391"/>
    <cellStyle name="Обычный 3 5 4 2 2 2" xfId="27392"/>
    <cellStyle name="Обычный 3 5 4 2 2 2 2" xfId="27393"/>
    <cellStyle name="Обычный 3 5 4 2 2 3" xfId="27394"/>
    <cellStyle name="Обычный 3 5 4 2 2 3 2" xfId="27395"/>
    <cellStyle name="Обычный 3 5 4 2 2 4" xfId="27396"/>
    <cellStyle name="Обычный 3 5 4 2 3" xfId="27397"/>
    <cellStyle name="Обычный 3 5 4 2 3 2" xfId="27398"/>
    <cellStyle name="Обычный 3 5 4 2 4" xfId="27399"/>
    <cellStyle name="Обычный 3 5 4 2 4 2" xfId="27400"/>
    <cellStyle name="Обычный 3 5 4 2 5" xfId="27401"/>
    <cellStyle name="Обычный 3 5 4 2 5 2" xfId="27402"/>
    <cellStyle name="Обычный 3 5 4 2 6" xfId="27403"/>
    <cellStyle name="Обычный 3 5 4 3" xfId="27404"/>
    <cellStyle name="Обычный 3 5 4 3 2" xfId="27405"/>
    <cellStyle name="Обычный 3 5 4 3 2 2" xfId="27406"/>
    <cellStyle name="Обычный 3 5 4 3 2 2 2" xfId="27407"/>
    <cellStyle name="Обычный 3 5 4 3 2 3" xfId="27408"/>
    <cellStyle name="Обычный 3 5 4 3 2 3 2" xfId="27409"/>
    <cellStyle name="Обычный 3 5 4 3 2 4" xfId="27410"/>
    <cellStyle name="Обычный 3 5 4 3 3" xfId="27411"/>
    <cellStyle name="Обычный 3 5 4 3 3 2" xfId="27412"/>
    <cellStyle name="Обычный 3 5 4 3 4" xfId="27413"/>
    <cellStyle name="Обычный 3 5 4 3 4 2" xfId="27414"/>
    <cellStyle name="Обычный 3 5 4 3 5" xfId="27415"/>
    <cellStyle name="Обычный 3 5 4 3 5 2" xfId="27416"/>
    <cellStyle name="Обычный 3 5 4 3 6" xfId="27417"/>
    <cellStyle name="Обычный 3 5 4 4" xfId="27418"/>
    <cellStyle name="Обычный 3 5 4 4 2" xfId="27419"/>
    <cellStyle name="Обычный 3 5 4 4 2 2" xfId="27420"/>
    <cellStyle name="Обычный 3 5 4 4 2 2 2" xfId="27421"/>
    <cellStyle name="Обычный 3 5 4 4 2 3" xfId="27422"/>
    <cellStyle name="Обычный 3 5 4 4 2 3 2" xfId="27423"/>
    <cellStyle name="Обычный 3 5 4 4 2 4" xfId="27424"/>
    <cellStyle name="Обычный 3 5 4 4 3" xfId="27425"/>
    <cellStyle name="Обычный 3 5 4 4 3 2" xfId="27426"/>
    <cellStyle name="Обычный 3 5 4 4 4" xfId="27427"/>
    <cellStyle name="Обычный 3 5 4 4 4 2" xfId="27428"/>
    <cellStyle name="Обычный 3 5 4 4 5" xfId="27429"/>
    <cellStyle name="Обычный 3 5 4 4 5 2" xfId="27430"/>
    <cellStyle name="Обычный 3 5 4 4 6" xfId="27431"/>
    <cellStyle name="Обычный 3 5 4 5" xfId="27432"/>
    <cellStyle name="Обычный 3 5 4 5 2" xfId="27433"/>
    <cellStyle name="Обычный 3 5 4 5 2 2" xfId="27434"/>
    <cellStyle name="Обычный 3 5 4 5 3" xfId="27435"/>
    <cellStyle name="Обычный 3 5 4 5 3 2" xfId="27436"/>
    <cellStyle name="Обычный 3 5 4 5 4" xfId="27437"/>
    <cellStyle name="Обычный 3 5 4 6" xfId="27438"/>
    <cellStyle name="Обычный 3 5 4 6 2" xfId="27439"/>
    <cellStyle name="Обычный 3 5 4 7" xfId="27440"/>
    <cellStyle name="Обычный 3 5 4 7 2" xfId="27441"/>
    <cellStyle name="Обычный 3 5 4 8" xfId="27442"/>
    <cellStyle name="Обычный 3 5 4 8 2" xfId="27443"/>
    <cellStyle name="Обычный 3 5 4 9" xfId="27444"/>
    <cellStyle name="Обычный 3 5 5" xfId="27445"/>
    <cellStyle name="Обычный 3 5 5 2" xfId="27446"/>
    <cellStyle name="Обычный 3 5 5 2 2" xfId="27447"/>
    <cellStyle name="Обычный 3 5 5 2 2 2" xfId="27448"/>
    <cellStyle name="Обычный 3 5 5 2 3" xfId="27449"/>
    <cellStyle name="Обычный 3 5 5 2 3 2" xfId="27450"/>
    <cellStyle name="Обычный 3 5 5 2 4" xfId="27451"/>
    <cellStyle name="Обычный 3 5 5 3" xfId="27452"/>
    <cellStyle name="Обычный 3 5 5 3 2" xfId="27453"/>
    <cellStyle name="Обычный 3 5 5 4" xfId="27454"/>
    <cellStyle name="Обычный 3 5 5 4 2" xfId="27455"/>
    <cellStyle name="Обычный 3 5 5 5" xfId="27456"/>
    <cellStyle name="Обычный 3 5 5 5 2" xfId="27457"/>
    <cellStyle name="Обычный 3 5 5 6" xfId="27458"/>
    <cellStyle name="Обычный 3 5 6" xfId="27459"/>
    <cellStyle name="Обычный 3 5 6 2" xfId="27460"/>
    <cellStyle name="Обычный 3 5 6 2 2" xfId="27461"/>
    <cellStyle name="Обычный 3 5 6 2 2 2" xfId="27462"/>
    <cellStyle name="Обычный 3 5 6 2 3" xfId="27463"/>
    <cellStyle name="Обычный 3 5 6 2 3 2" xfId="27464"/>
    <cellStyle name="Обычный 3 5 6 2 4" xfId="27465"/>
    <cellStyle name="Обычный 3 5 6 3" xfId="27466"/>
    <cellStyle name="Обычный 3 5 6 3 2" xfId="27467"/>
    <cellStyle name="Обычный 3 5 6 4" xfId="27468"/>
    <cellStyle name="Обычный 3 5 6 4 2" xfId="27469"/>
    <cellStyle name="Обычный 3 5 6 5" xfId="27470"/>
    <cellStyle name="Обычный 3 5 6 5 2" xfId="27471"/>
    <cellStyle name="Обычный 3 5 6 6" xfId="27472"/>
    <cellStyle name="Обычный 3 5 7" xfId="27473"/>
    <cellStyle name="Обычный 3 5 7 2" xfId="27474"/>
    <cellStyle name="Обычный 3 5 7 2 2" xfId="27475"/>
    <cellStyle name="Обычный 3 5 7 2 2 2" xfId="27476"/>
    <cellStyle name="Обычный 3 5 7 2 3" xfId="27477"/>
    <cellStyle name="Обычный 3 5 7 2 3 2" xfId="27478"/>
    <cellStyle name="Обычный 3 5 7 2 4" xfId="27479"/>
    <cellStyle name="Обычный 3 5 7 3" xfId="27480"/>
    <cellStyle name="Обычный 3 5 7 3 2" xfId="27481"/>
    <cellStyle name="Обычный 3 5 7 4" xfId="27482"/>
    <cellStyle name="Обычный 3 5 7 4 2" xfId="27483"/>
    <cellStyle name="Обычный 3 5 7 5" xfId="27484"/>
    <cellStyle name="Обычный 3 5 7 5 2" xfId="27485"/>
    <cellStyle name="Обычный 3 5 7 6" xfId="27486"/>
    <cellStyle name="Обычный 3 5 8" xfId="27487"/>
    <cellStyle name="Обычный 3 5 8 2" xfId="27488"/>
    <cellStyle name="Обычный 3 5 8 2 2" xfId="27489"/>
    <cellStyle name="Обычный 3 5 8 2 2 2" xfId="27490"/>
    <cellStyle name="Обычный 3 5 8 2 3" xfId="27491"/>
    <cellStyle name="Обычный 3 5 8 2 3 2" xfId="27492"/>
    <cellStyle name="Обычный 3 5 8 2 4" xfId="27493"/>
    <cellStyle name="Обычный 3 5 8 3" xfId="27494"/>
    <cellStyle name="Обычный 3 5 8 3 2" xfId="27495"/>
    <cellStyle name="Обычный 3 5 8 4" xfId="27496"/>
    <cellStyle name="Обычный 3 5 8 4 2" xfId="27497"/>
    <cellStyle name="Обычный 3 5 8 5" xfId="27498"/>
    <cellStyle name="Обычный 3 5 8 5 2" xfId="27499"/>
    <cellStyle name="Обычный 3 5 8 6" xfId="27500"/>
    <cellStyle name="Обычный 3 5 9" xfId="27501"/>
    <cellStyle name="Обычный 3 5 9 2" xfId="27502"/>
    <cellStyle name="Обычный 3 5 9 2 2" xfId="27503"/>
    <cellStyle name="Обычный 3 5 9 3" xfId="27504"/>
    <cellStyle name="Обычный 3 5 9 3 2" xfId="27505"/>
    <cellStyle name="Обычный 3 5 9 4" xfId="27506"/>
    <cellStyle name="Обычный 3 6" xfId="27507"/>
    <cellStyle name="Обычный 3 6 10" xfId="27508"/>
    <cellStyle name="Обычный 3 6 10 2" xfId="27509"/>
    <cellStyle name="Обычный 3 6 10 2 2" xfId="27510"/>
    <cellStyle name="Обычный 3 6 10 3" xfId="27511"/>
    <cellStyle name="Обычный 3 6 11" xfId="27512"/>
    <cellStyle name="Обычный 3 6 11 2" xfId="27513"/>
    <cellStyle name="Обычный 3 6 12" xfId="27514"/>
    <cellStyle name="Обычный 3 6 12 2" xfId="27515"/>
    <cellStyle name="Обычный 3 6 13" xfId="27516"/>
    <cellStyle name="Обычный 3 6 14" xfId="27517"/>
    <cellStyle name="Обычный 3 6 2" xfId="27518"/>
    <cellStyle name="Обычный 3 6 2 10" xfId="27519"/>
    <cellStyle name="Обычный 3 6 2 10 2" xfId="27520"/>
    <cellStyle name="Обычный 3 6 2 11" xfId="27521"/>
    <cellStyle name="Обычный 3 6 2 11 2" xfId="27522"/>
    <cellStyle name="Обычный 3 6 2 12" xfId="27523"/>
    <cellStyle name="Обычный 3 6 2 13" xfId="27524"/>
    <cellStyle name="Обычный 3 6 2 2" xfId="27525"/>
    <cellStyle name="Обычный 3 6 2 2 10" xfId="27526"/>
    <cellStyle name="Обычный 3 6 2 2 2" xfId="27527"/>
    <cellStyle name="Обычный 3 6 2 2 2 2" xfId="27528"/>
    <cellStyle name="Обычный 3 6 2 2 2 2 2" xfId="27529"/>
    <cellStyle name="Обычный 3 6 2 2 2 2 2 2" xfId="27530"/>
    <cellStyle name="Обычный 3 6 2 2 2 2 3" xfId="27531"/>
    <cellStyle name="Обычный 3 6 2 2 2 2 3 2" xfId="27532"/>
    <cellStyle name="Обычный 3 6 2 2 2 2 4" xfId="27533"/>
    <cellStyle name="Обычный 3 6 2 2 2 3" xfId="27534"/>
    <cellStyle name="Обычный 3 6 2 2 2 3 2" xfId="27535"/>
    <cellStyle name="Обычный 3 6 2 2 2 4" xfId="27536"/>
    <cellStyle name="Обычный 3 6 2 2 2 4 2" xfId="27537"/>
    <cellStyle name="Обычный 3 6 2 2 2 5" xfId="27538"/>
    <cellStyle name="Обычный 3 6 2 2 2 5 2" xfId="27539"/>
    <cellStyle name="Обычный 3 6 2 2 2 6" xfId="27540"/>
    <cellStyle name="Обычный 3 6 2 2 3" xfId="27541"/>
    <cellStyle name="Обычный 3 6 2 2 3 2" xfId="27542"/>
    <cellStyle name="Обычный 3 6 2 2 3 2 2" xfId="27543"/>
    <cellStyle name="Обычный 3 6 2 2 3 2 2 2" xfId="27544"/>
    <cellStyle name="Обычный 3 6 2 2 3 2 3" xfId="27545"/>
    <cellStyle name="Обычный 3 6 2 2 3 2 3 2" xfId="27546"/>
    <cellStyle name="Обычный 3 6 2 2 3 2 4" xfId="27547"/>
    <cellStyle name="Обычный 3 6 2 2 3 3" xfId="27548"/>
    <cellStyle name="Обычный 3 6 2 2 3 3 2" xfId="27549"/>
    <cellStyle name="Обычный 3 6 2 2 3 4" xfId="27550"/>
    <cellStyle name="Обычный 3 6 2 2 3 4 2" xfId="27551"/>
    <cellStyle name="Обычный 3 6 2 2 3 5" xfId="27552"/>
    <cellStyle name="Обычный 3 6 2 2 3 5 2" xfId="27553"/>
    <cellStyle name="Обычный 3 6 2 2 3 6" xfId="27554"/>
    <cellStyle name="Обычный 3 6 2 2 4" xfId="27555"/>
    <cellStyle name="Обычный 3 6 2 2 4 2" xfId="27556"/>
    <cellStyle name="Обычный 3 6 2 2 4 2 2" xfId="27557"/>
    <cellStyle name="Обычный 3 6 2 2 4 2 2 2" xfId="27558"/>
    <cellStyle name="Обычный 3 6 2 2 4 2 3" xfId="27559"/>
    <cellStyle name="Обычный 3 6 2 2 4 2 3 2" xfId="27560"/>
    <cellStyle name="Обычный 3 6 2 2 4 2 4" xfId="27561"/>
    <cellStyle name="Обычный 3 6 2 2 4 3" xfId="27562"/>
    <cellStyle name="Обычный 3 6 2 2 4 3 2" xfId="27563"/>
    <cellStyle name="Обычный 3 6 2 2 4 4" xfId="27564"/>
    <cellStyle name="Обычный 3 6 2 2 4 4 2" xfId="27565"/>
    <cellStyle name="Обычный 3 6 2 2 4 5" xfId="27566"/>
    <cellStyle name="Обычный 3 6 2 2 4 5 2" xfId="27567"/>
    <cellStyle name="Обычный 3 6 2 2 4 6" xfId="27568"/>
    <cellStyle name="Обычный 3 6 2 2 5" xfId="27569"/>
    <cellStyle name="Обычный 3 6 2 2 5 2" xfId="27570"/>
    <cellStyle name="Обычный 3 6 2 2 5 2 2" xfId="27571"/>
    <cellStyle name="Обычный 3 6 2 2 5 2 2 2" xfId="27572"/>
    <cellStyle name="Обычный 3 6 2 2 5 2 3" xfId="27573"/>
    <cellStyle name="Обычный 3 6 2 2 5 2 3 2" xfId="27574"/>
    <cellStyle name="Обычный 3 6 2 2 5 2 4" xfId="27575"/>
    <cellStyle name="Обычный 3 6 2 2 5 3" xfId="27576"/>
    <cellStyle name="Обычный 3 6 2 2 5 3 2" xfId="27577"/>
    <cellStyle name="Обычный 3 6 2 2 5 4" xfId="27578"/>
    <cellStyle name="Обычный 3 6 2 2 5 4 2" xfId="27579"/>
    <cellStyle name="Обычный 3 6 2 2 5 5" xfId="27580"/>
    <cellStyle name="Обычный 3 6 2 2 5 5 2" xfId="27581"/>
    <cellStyle name="Обычный 3 6 2 2 5 6" xfId="27582"/>
    <cellStyle name="Обычный 3 6 2 2 6" xfId="27583"/>
    <cellStyle name="Обычный 3 6 2 2 6 2" xfId="27584"/>
    <cellStyle name="Обычный 3 6 2 2 6 2 2" xfId="27585"/>
    <cellStyle name="Обычный 3 6 2 2 6 3" xfId="27586"/>
    <cellStyle name="Обычный 3 6 2 2 6 3 2" xfId="27587"/>
    <cellStyle name="Обычный 3 6 2 2 6 4" xfId="27588"/>
    <cellStyle name="Обычный 3 6 2 2 7" xfId="27589"/>
    <cellStyle name="Обычный 3 6 2 2 7 2" xfId="27590"/>
    <cellStyle name="Обычный 3 6 2 2 8" xfId="27591"/>
    <cellStyle name="Обычный 3 6 2 2 8 2" xfId="27592"/>
    <cellStyle name="Обычный 3 6 2 2 9" xfId="27593"/>
    <cellStyle name="Обычный 3 6 2 2 9 2" xfId="27594"/>
    <cellStyle name="Обычный 3 6 2 3" xfId="27595"/>
    <cellStyle name="Обычный 3 6 2 3 2" xfId="27596"/>
    <cellStyle name="Обычный 3 6 2 3 2 2" xfId="27597"/>
    <cellStyle name="Обычный 3 6 2 3 2 2 2" xfId="27598"/>
    <cellStyle name="Обычный 3 6 2 3 2 2 2 2" xfId="27599"/>
    <cellStyle name="Обычный 3 6 2 3 2 2 3" xfId="27600"/>
    <cellStyle name="Обычный 3 6 2 3 2 2 3 2" xfId="27601"/>
    <cellStyle name="Обычный 3 6 2 3 2 2 4" xfId="27602"/>
    <cellStyle name="Обычный 3 6 2 3 2 3" xfId="27603"/>
    <cellStyle name="Обычный 3 6 2 3 2 3 2" xfId="27604"/>
    <cellStyle name="Обычный 3 6 2 3 2 4" xfId="27605"/>
    <cellStyle name="Обычный 3 6 2 3 2 4 2" xfId="27606"/>
    <cellStyle name="Обычный 3 6 2 3 2 5" xfId="27607"/>
    <cellStyle name="Обычный 3 6 2 3 2 5 2" xfId="27608"/>
    <cellStyle name="Обычный 3 6 2 3 2 6" xfId="27609"/>
    <cellStyle name="Обычный 3 6 2 3 3" xfId="27610"/>
    <cellStyle name="Обычный 3 6 2 3 3 2" xfId="27611"/>
    <cellStyle name="Обычный 3 6 2 3 3 2 2" xfId="27612"/>
    <cellStyle name="Обычный 3 6 2 3 3 2 2 2" xfId="27613"/>
    <cellStyle name="Обычный 3 6 2 3 3 2 3" xfId="27614"/>
    <cellStyle name="Обычный 3 6 2 3 3 2 3 2" xfId="27615"/>
    <cellStyle name="Обычный 3 6 2 3 3 2 4" xfId="27616"/>
    <cellStyle name="Обычный 3 6 2 3 3 3" xfId="27617"/>
    <cellStyle name="Обычный 3 6 2 3 3 3 2" xfId="27618"/>
    <cellStyle name="Обычный 3 6 2 3 3 4" xfId="27619"/>
    <cellStyle name="Обычный 3 6 2 3 3 4 2" xfId="27620"/>
    <cellStyle name="Обычный 3 6 2 3 3 5" xfId="27621"/>
    <cellStyle name="Обычный 3 6 2 3 3 5 2" xfId="27622"/>
    <cellStyle name="Обычный 3 6 2 3 3 6" xfId="27623"/>
    <cellStyle name="Обычный 3 6 2 3 4" xfId="27624"/>
    <cellStyle name="Обычный 3 6 2 3 4 2" xfId="27625"/>
    <cellStyle name="Обычный 3 6 2 3 4 2 2" xfId="27626"/>
    <cellStyle name="Обычный 3 6 2 3 4 2 2 2" xfId="27627"/>
    <cellStyle name="Обычный 3 6 2 3 4 2 3" xfId="27628"/>
    <cellStyle name="Обычный 3 6 2 3 4 2 3 2" xfId="27629"/>
    <cellStyle name="Обычный 3 6 2 3 4 2 4" xfId="27630"/>
    <cellStyle name="Обычный 3 6 2 3 4 3" xfId="27631"/>
    <cellStyle name="Обычный 3 6 2 3 4 3 2" xfId="27632"/>
    <cellStyle name="Обычный 3 6 2 3 4 4" xfId="27633"/>
    <cellStyle name="Обычный 3 6 2 3 4 4 2" xfId="27634"/>
    <cellStyle name="Обычный 3 6 2 3 4 5" xfId="27635"/>
    <cellStyle name="Обычный 3 6 2 3 4 5 2" xfId="27636"/>
    <cellStyle name="Обычный 3 6 2 3 4 6" xfId="27637"/>
    <cellStyle name="Обычный 3 6 2 3 5" xfId="27638"/>
    <cellStyle name="Обычный 3 6 2 3 5 2" xfId="27639"/>
    <cellStyle name="Обычный 3 6 2 3 5 2 2" xfId="27640"/>
    <cellStyle name="Обычный 3 6 2 3 5 3" xfId="27641"/>
    <cellStyle name="Обычный 3 6 2 3 5 3 2" xfId="27642"/>
    <cellStyle name="Обычный 3 6 2 3 5 4" xfId="27643"/>
    <cellStyle name="Обычный 3 6 2 3 6" xfId="27644"/>
    <cellStyle name="Обычный 3 6 2 3 6 2" xfId="27645"/>
    <cellStyle name="Обычный 3 6 2 3 7" xfId="27646"/>
    <cellStyle name="Обычный 3 6 2 3 7 2" xfId="27647"/>
    <cellStyle name="Обычный 3 6 2 3 8" xfId="27648"/>
    <cellStyle name="Обычный 3 6 2 3 8 2" xfId="27649"/>
    <cellStyle name="Обычный 3 6 2 3 9" xfId="27650"/>
    <cellStyle name="Обычный 3 6 2 4" xfId="27651"/>
    <cellStyle name="Обычный 3 6 2 4 2" xfId="27652"/>
    <cellStyle name="Обычный 3 6 2 4 2 2" xfId="27653"/>
    <cellStyle name="Обычный 3 6 2 4 2 2 2" xfId="27654"/>
    <cellStyle name="Обычный 3 6 2 4 2 3" xfId="27655"/>
    <cellStyle name="Обычный 3 6 2 4 2 3 2" xfId="27656"/>
    <cellStyle name="Обычный 3 6 2 4 2 4" xfId="27657"/>
    <cellStyle name="Обычный 3 6 2 4 3" xfId="27658"/>
    <cellStyle name="Обычный 3 6 2 4 3 2" xfId="27659"/>
    <cellStyle name="Обычный 3 6 2 4 4" xfId="27660"/>
    <cellStyle name="Обычный 3 6 2 4 4 2" xfId="27661"/>
    <cellStyle name="Обычный 3 6 2 4 5" xfId="27662"/>
    <cellStyle name="Обычный 3 6 2 4 5 2" xfId="27663"/>
    <cellStyle name="Обычный 3 6 2 4 6" xfId="27664"/>
    <cellStyle name="Обычный 3 6 2 5" xfId="27665"/>
    <cellStyle name="Обычный 3 6 2 5 2" xfId="27666"/>
    <cellStyle name="Обычный 3 6 2 5 2 2" xfId="27667"/>
    <cellStyle name="Обычный 3 6 2 5 2 2 2" xfId="27668"/>
    <cellStyle name="Обычный 3 6 2 5 2 3" xfId="27669"/>
    <cellStyle name="Обычный 3 6 2 5 2 3 2" xfId="27670"/>
    <cellStyle name="Обычный 3 6 2 5 2 4" xfId="27671"/>
    <cellStyle name="Обычный 3 6 2 5 3" xfId="27672"/>
    <cellStyle name="Обычный 3 6 2 5 3 2" xfId="27673"/>
    <cellStyle name="Обычный 3 6 2 5 4" xfId="27674"/>
    <cellStyle name="Обычный 3 6 2 5 4 2" xfId="27675"/>
    <cellStyle name="Обычный 3 6 2 5 5" xfId="27676"/>
    <cellStyle name="Обычный 3 6 2 5 5 2" xfId="27677"/>
    <cellStyle name="Обычный 3 6 2 5 6" xfId="27678"/>
    <cellStyle name="Обычный 3 6 2 6" xfId="27679"/>
    <cellStyle name="Обычный 3 6 2 6 2" xfId="27680"/>
    <cellStyle name="Обычный 3 6 2 6 2 2" xfId="27681"/>
    <cellStyle name="Обычный 3 6 2 6 2 2 2" xfId="27682"/>
    <cellStyle name="Обычный 3 6 2 6 2 3" xfId="27683"/>
    <cellStyle name="Обычный 3 6 2 6 2 3 2" xfId="27684"/>
    <cellStyle name="Обычный 3 6 2 6 2 4" xfId="27685"/>
    <cellStyle name="Обычный 3 6 2 6 3" xfId="27686"/>
    <cellStyle name="Обычный 3 6 2 6 3 2" xfId="27687"/>
    <cellStyle name="Обычный 3 6 2 6 4" xfId="27688"/>
    <cellStyle name="Обычный 3 6 2 6 4 2" xfId="27689"/>
    <cellStyle name="Обычный 3 6 2 6 5" xfId="27690"/>
    <cellStyle name="Обычный 3 6 2 6 5 2" xfId="27691"/>
    <cellStyle name="Обычный 3 6 2 6 6" xfId="27692"/>
    <cellStyle name="Обычный 3 6 2 7" xfId="27693"/>
    <cellStyle name="Обычный 3 6 2 7 2" xfId="27694"/>
    <cellStyle name="Обычный 3 6 2 7 2 2" xfId="27695"/>
    <cellStyle name="Обычный 3 6 2 7 2 2 2" xfId="27696"/>
    <cellStyle name="Обычный 3 6 2 7 2 3" xfId="27697"/>
    <cellStyle name="Обычный 3 6 2 7 2 3 2" xfId="27698"/>
    <cellStyle name="Обычный 3 6 2 7 2 4" xfId="27699"/>
    <cellStyle name="Обычный 3 6 2 7 3" xfId="27700"/>
    <cellStyle name="Обычный 3 6 2 7 3 2" xfId="27701"/>
    <cellStyle name="Обычный 3 6 2 7 4" xfId="27702"/>
    <cellStyle name="Обычный 3 6 2 7 4 2" xfId="27703"/>
    <cellStyle name="Обычный 3 6 2 7 5" xfId="27704"/>
    <cellStyle name="Обычный 3 6 2 7 5 2" xfId="27705"/>
    <cellStyle name="Обычный 3 6 2 7 6" xfId="27706"/>
    <cellStyle name="Обычный 3 6 2 8" xfId="27707"/>
    <cellStyle name="Обычный 3 6 2 8 2" xfId="27708"/>
    <cellStyle name="Обычный 3 6 2 8 2 2" xfId="27709"/>
    <cellStyle name="Обычный 3 6 2 8 3" xfId="27710"/>
    <cellStyle name="Обычный 3 6 2 8 3 2" xfId="27711"/>
    <cellStyle name="Обычный 3 6 2 8 4" xfId="27712"/>
    <cellStyle name="Обычный 3 6 2 9" xfId="27713"/>
    <cellStyle name="Обычный 3 6 2 9 2" xfId="27714"/>
    <cellStyle name="Обычный 3 6 2 9 2 2" xfId="27715"/>
    <cellStyle name="Обычный 3 6 2 9 3" xfId="27716"/>
    <cellStyle name="Обычный 3 6 3" xfId="27717"/>
    <cellStyle name="Обычный 3 6 3 10" xfId="27718"/>
    <cellStyle name="Обычный 3 6 3 2" xfId="27719"/>
    <cellStyle name="Обычный 3 6 3 2 2" xfId="27720"/>
    <cellStyle name="Обычный 3 6 3 2 2 2" xfId="27721"/>
    <cellStyle name="Обычный 3 6 3 2 2 2 2" xfId="27722"/>
    <cellStyle name="Обычный 3 6 3 2 2 3" xfId="27723"/>
    <cellStyle name="Обычный 3 6 3 2 2 3 2" xfId="27724"/>
    <cellStyle name="Обычный 3 6 3 2 2 4" xfId="27725"/>
    <cellStyle name="Обычный 3 6 3 2 3" xfId="27726"/>
    <cellStyle name="Обычный 3 6 3 2 3 2" xfId="27727"/>
    <cellStyle name="Обычный 3 6 3 2 4" xfId="27728"/>
    <cellStyle name="Обычный 3 6 3 2 4 2" xfId="27729"/>
    <cellStyle name="Обычный 3 6 3 2 5" xfId="27730"/>
    <cellStyle name="Обычный 3 6 3 2 5 2" xfId="27731"/>
    <cellStyle name="Обычный 3 6 3 2 6" xfId="27732"/>
    <cellStyle name="Обычный 3 6 3 3" xfId="27733"/>
    <cellStyle name="Обычный 3 6 3 3 2" xfId="27734"/>
    <cellStyle name="Обычный 3 6 3 3 2 2" xfId="27735"/>
    <cellStyle name="Обычный 3 6 3 3 2 2 2" xfId="27736"/>
    <cellStyle name="Обычный 3 6 3 3 2 3" xfId="27737"/>
    <cellStyle name="Обычный 3 6 3 3 2 3 2" xfId="27738"/>
    <cellStyle name="Обычный 3 6 3 3 2 4" xfId="27739"/>
    <cellStyle name="Обычный 3 6 3 3 3" xfId="27740"/>
    <cellStyle name="Обычный 3 6 3 3 3 2" xfId="27741"/>
    <cellStyle name="Обычный 3 6 3 3 4" xfId="27742"/>
    <cellStyle name="Обычный 3 6 3 3 4 2" xfId="27743"/>
    <cellStyle name="Обычный 3 6 3 3 5" xfId="27744"/>
    <cellStyle name="Обычный 3 6 3 3 5 2" xfId="27745"/>
    <cellStyle name="Обычный 3 6 3 3 6" xfId="27746"/>
    <cellStyle name="Обычный 3 6 3 4" xfId="27747"/>
    <cellStyle name="Обычный 3 6 3 4 2" xfId="27748"/>
    <cellStyle name="Обычный 3 6 3 4 2 2" xfId="27749"/>
    <cellStyle name="Обычный 3 6 3 4 2 2 2" xfId="27750"/>
    <cellStyle name="Обычный 3 6 3 4 2 3" xfId="27751"/>
    <cellStyle name="Обычный 3 6 3 4 2 3 2" xfId="27752"/>
    <cellStyle name="Обычный 3 6 3 4 2 4" xfId="27753"/>
    <cellStyle name="Обычный 3 6 3 4 3" xfId="27754"/>
    <cellStyle name="Обычный 3 6 3 4 3 2" xfId="27755"/>
    <cellStyle name="Обычный 3 6 3 4 4" xfId="27756"/>
    <cellStyle name="Обычный 3 6 3 4 4 2" xfId="27757"/>
    <cellStyle name="Обычный 3 6 3 4 5" xfId="27758"/>
    <cellStyle name="Обычный 3 6 3 4 5 2" xfId="27759"/>
    <cellStyle name="Обычный 3 6 3 4 6" xfId="27760"/>
    <cellStyle name="Обычный 3 6 3 5" xfId="27761"/>
    <cellStyle name="Обычный 3 6 3 5 2" xfId="27762"/>
    <cellStyle name="Обычный 3 6 3 5 2 2" xfId="27763"/>
    <cellStyle name="Обычный 3 6 3 5 2 2 2" xfId="27764"/>
    <cellStyle name="Обычный 3 6 3 5 2 3" xfId="27765"/>
    <cellStyle name="Обычный 3 6 3 5 2 3 2" xfId="27766"/>
    <cellStyle name="Обычный 3 6 3 5 2 4" xfId="27767"/>
    <cellStyle name="Обычный 3 6 3 5 3" xfId="27768"/>
    <cellStyle name="Обычный 3 6 3 5 3 2" xfId="27769"/>
    <cellStyle name="Обычный 3 6 3 5 4" xfId="27770"/>
    <cellStyle name="Обычный 3 6 3 5 4 2" xfId="27771"/>
    <cellStyle name="Обычный 3 6 3 5 5" xfId="27772"/>
    <cellStyle name="Обычный 3 6 3 5 5 2" xfId="27773"/>
    <cellStyle name="Обычный 3 6 3 5 6" xfId="27774"/>
    <cellStyle name="Обычный 3 6 3 6" xfId="27775"/>
    <cellStyle name="Обычный 3 6 3 6 2" xfId="27776"/>
    <cellStyle name="Обычный 3 6 3 6 2 2" xfId="27777"/>
    <cellStyle name="Обычный 3 6 3 6 3" xfId="27778"/>
    <cellStyle name="Обычный 3 6 3 6 3 2" xfId="27779"/>
    <cellStyle name="Обычный 3 6 3 6 4" xfId="27780"/>
    <cellStyle name="Обычный 3 6 3 7" xfId="27781"/>
    <cellStyle name="Обычный 3 6 3 7 2" xfId="27782"/>
    <cellStyle name="Обычный 3 6 3 8" xfId="27783"/>
    <cellStyle name="Обычный 3 6 3 8 2" xfId="27784"/>
    <cellStyle name="Обычный 3 6 3 9" xfId="27785"/>
    <cellStyle name="Обычный 3 6 3 9 2" xfId="27786"/>
    <cellStyle name="Обычный 3 6 4" xfId="27787"/>
    <cellStyle name="Обычный 3 6 4 2" xfId="27788"/>
    <cellStyle name="Обычный 3 6 4 2 2" xfId="27789"/>
    <cellStyle name="Обычный 3 6 4 2 2 2" xfId="27790"/>
    <cellStyle name="Обычный 3 6 4 2 2 2 2" xfId="27791"/>
    <cellStyle name="Обычный 3 6 4 2 2 3" xfId="27792"/>
    <cellStyle name="Обычный 3 6 4 2 2 3 2" xfId="27793"/>
    <cellStyle name="Обычный 3 6 4 2 2 4" xfId="27794"/>
    <cellStyle name="Обычный 3 6 4 2 3" xfId="27795"/>
    <cellStyle name="Обычный 3 6 4 2 3 2" xfId="27796"/>
    <cellStyle name="Обычный 3 6 4 2 4" xfId="27797"/>
    <cellStyle name="Обычный 3 6 4 2 4 2" xfId="27798"/>
    <cellStyle name="Обычный 3 6 4 2 5" xfId="27799"/>
    <cellStyle name="Обычный 3 6 4 2 5 2" xfId="27800"/>
    <cellStyle name="Обычный 3 6 4 2 6" xfId="27801"/>
    <cellStyle name="Обычный 3 6 4 3" xfId="27802"/>
    <cellStyle name="Обычный 3 6 4 3 2" xfId="27803"/>
    <cellStyle name="Обычный 3 6 4 3 2 2" xfId="27804"/>
    <cellStyle name="Обычный 3 6 4 3 2 2 2" xfId="27805"/>
    <cellStyle name="Обычный 3 6 4 3 2 3" xfId="27806"/>
    <cellStyle name="Обычный 3 6 4 3 2 3 2" xfId="27807"/>
    <cellStyle name="Обычный 3 6 4 3 2 4" xfId="27808"/>
    <cellStyle name="Обычный 3 6 4 3 3" xfId="27809"/>
    <cellStyle name="Обычный 3 6 4 3 3 2" xfId="27810"/>
    <cellStyle name="Обычный 3 6 4 3 4" xfId="27811"/>
    <cellStyle name="Обычный 3 6 4 3 4 2" xfId="27812"/>
    <cellStyle name="Обычный 3 6 4 3 5" xfId="27813"/>
    <cellStyle name="Обычный 3 6 4 3 5 2" xfId="27814"/>
    <cellStyle name="Обычный 3 6 4 3 6" xfId="27815"/>
    <cellStyle name="Обычный 3 6 4 4" xfId="27816"/>
    <cellStyle name="Обычный 3 6 4 4 2" xfId="27817"/>
    <cellStyle name="Обычный 3 6 4 4 2 2" xfId="27818"/>
    <cellStyle name="Обычный 3 6 4 4 2 2 2" xfId="27819"/>
    <cellStyle name="Обычный 3 6 4 4 2 3" xfId="27820"/>
    <cellStyle name="Обычный 3 6 4 4 2 3 2" xfId="27821"/>
    <cellStyle name="Обычный 3 6 4 4 2 4" xfId="27822"/>
    <cellStyle name="Обычный 3 6 4 4 3" xfId="27823"/>
    <cellStyle name="Обычный 3 6 4 4 3 2" xfId="27824"/>
    <cellStyle name="Обычный 3 6 4 4 4" xfId="27825"/>
    <cellStyle name="Обычный 3 6 4 4 4 2" xfId="27826"/>
    <cellStyle name="Обычный 3 6 4 4 5" xfId="27827"/>
    <cellStyle name="Обычный 3 6 4 4 5 2" xfId="27828"/>
    <cellStyle name="Обычный 3 6 4 4 6" xfId="27829"/>
    <cellStyle name="Обычный 3 6 4 5" xfId="27830"/>
    <cellStyle name="Обычный 3 6 4 5 2" xfId="27831"/>
    <cellStyle name="Обычный 3 6 4 5 2 2" xfId="27832"/>
    <cellStyle name="Обычный 3 6 4 5 3" xfId="27833"/>
    <cellStyle name="Обычный 3 6 4 5 3 2" xfId="27834"/>
    <cellStyle name="Обычный 3 6 4 5 4" xfId="27835"/>
    <cellStyle name="Обычный 3 6 4 6" xfId="27836"/>
    <cellStyle name="Обычный 3 6 4 6 2" xfId="27837"/>
    <cellStyle name="Обычный 3 6 4 7" xfId="27838"/>
    <cellStyle name="Обычный 3 6 4 7 2" xfId="27839"/>
    <cellStyle name="Обычный 3 6 4 8" xfId="27840"/>
    <cellStyle name="Обычный 3 6 4 8 2" xfId="27841"/>
    <cellStyle name="Обычный 3 6 4 9" xfId="27842"/>
    <cellStyle name="Обычный 3 6 5" xfId="27843"/>
    <cellStyle name="Обычный 3 6 5 2" xfId="27844"/>
    <cellStyle name="Обычный 3 6 5 2 2" xfId="27845"/>
    <cellStyle name="Обычный 3 6 5 2 2 2" xfId="27846"/>
    <cellStyle name="Обычный 3 6 5 2 3" xfId="27847"/>
    <cellStyle name="Обычный 3 6 5 2 3 2" xfId="27848"/>
    <cellStyle name="Обычный 3 6 5 2 4" xfId="27849"/>
    <cellStyle name="Обычный 3 6 5 3" xfId="27850"/>
    <cellStyle name="Обычный 3 6 5 3 2" xfId="27851"/>
    <cellStyle name="Обычный 3 6 5 4" xfId="27852"/>
    <cellStyle name="Обычный 3 6 5 4 2" xfId="27853"/>
    <cellStyle name="Обычный 3 6 5 5" xfId="27854"/>
    <cellStyle name="Обычный 3 6 5 5 2" xfId="27855"/>
    <cellStyle name="Обычный 3 6 5 6" xfId="27856"/>
    <cellStyle name="Обычный 3 6 6" xfId="27857"/>
    <cellStyle name="Обычный 3 6 6 2" xfId="27858"/>
    <cellStyle name="Обычный 3 6 6 2 2" xfId="27859"/>
    <cellStyle name="Обычный 3 6 6 2 2 2" xfId="27860"/>
    <cellStyle name="Обычный 3 6 6 2 3" xfId="27861"/>
    <cellStyle name="Обычный 3 6 6 2 3 2" xfId="27862"/>
    <cellStyle name="Обычный 3 6 6 2 4" xfId="27863"/>
    <cellStyle name="Обычный 3 6 6 3" xfId="27864"/>
    <cellStyle name="Обычный 3 6 6 3 2" xfId="27865"/>
    <cellStyle name="Обычный 3 6 6 4" xfId="27866"/>
    <cellStyle name="Обычный 3 6 6 4 2" xfId="27867"/>
    <cellStyle name="Обычный 3 6 6 5" xfId="27868"/>
    <cellStyle name="Обычный 3 6 6 5 2" xfId="27869"/>
    <cellStyle name="Обычный 3 6 6 6" xfId="27870"/>
    <cellStyle name="Обычный 3 6 7" xfId="27871"/>
    <cellStyle name="Обычный 3 6 7 2" xfId="27872"/>
    <cellStyle name="Обычный 3 6 7 2 2" xfId="27873"/>
    <cellStyle name="Обычный 3 6 7 2 2 2" xfId="27874"/>
    <cellStyle name="Обычный 3 6 7 2 3" xfId="27875"/>
    <cellStyle name="Обычный 3 6 7 2 3 2" xfId="27876"/>
    <cellStyle name="Обычный 3 6 7 2 4" xfId="27877"/>
    <cellStyle name="Обычный 3 6 7 3" xfId="27878"/>
    <cellStyle name="Обычный 3 6 7 3 2" xfId="27879"/>
    <cellStyle name="Обычный 3 6 7 4" xfId="27880"/>
    <cellStyle name="Обычный 3 6 7 4 2" xfId="27881"/>
    <cellStyle name="Обычный 3 6 7 5" xfId="27882"/>
    <cellStyle name="Обычный 3 6 7 5 2" xfId="27883"/>
    <cellStyle name="Обычный 3 6 7 6" xfId="27884"/>
    <cellStyle name="Обычный 3 6 8" xfId="27885"/>
    <cellStyle name="Обычный 3 6 8 2" xfId="27886"/>
    <cellStyle name="Обычный 3 6 8 2 2" xfId="27887"/>
    <cellStyle name="Обычный 3 6 8 2 2 2" xfId="27888"/>
    <cellStyle name="Обычный 3 6 8 2 3" xfId="27889"/>
    <cellStyle name="Обычный 3 6 8 2 3 2" xfId="27890"/>
    <cellStyle name="Обычный 3 6 8 2 4" xfId="27891"/>
    <cellStyle name="Обычный 3 6 8 3" xfId="27892"/>
    <cellStyle name="Обычный 3 6 8 3 2" xfId="27893"/>
    <cellStyle name="Обычный 3 6 8 4" xfId="27894"/>
    <cellStyle name="Обычный 3 6 8 4 2" xfId="27895"/>
    <cellStyle name="Обычный 3 6 8 5" xfId="27896"/>
    <cellStyle name="Обычный 3 6 8 5 2" xfId="27897"/>
    <cellStyle name="Обычный 3 6 8 6" xfId="27898"/>
    <cellStyle name="Обычный 3 6 9" xfId="27899"/>
    <cellStyle name="Обычный 3 6 9 2" xfId="27900"/>
    <cellStyle name="Обычный 3 6 9 2 2" xfId="27901"/>
    <cellStyle name="Обычный 3 6 9 3" xfId="27902"/>
    <cellStyle name="Обычный 3 6 9 3 2" xfId="27903"/>
    <cellStyle name="Обычный 3 6 9 4" xfId="27904"/>
    <cellStyle name="Обычный 3 7" xfId="27905"/>
    <cellStyle name="Обычный 3 7 10" xfId="27906"/>
    <cellStyle name="Обычный 3 7 10 2" xfId="27907"/>
    <cellStyle name="Обычный 3 7 10 2 2" xfId="27908"/>
    <cellStyle name="Обычный 3 7 10 3" xfId="27909"/>
    <cellStyle name="Обычный 3 7 11" xfId="27910"/>
    <cellStyle name="Обычный 3 7 11 2" xfId="27911"/>
    <cellStyle name="Обычный 3 7 12" xfId="27912"/>
    <cellStyle name="Обычный 3 7 12 2" xfId="27913"/>
    <cellStyle name="Обычный 3 7 13" xfId="27914"/>
    <cellStyle name="Обычный 3 7 14" xfId="27915"/>
    <cellStyle name="Обычный 3 7 2" xfId="27916"/>
    <cellStyle name="Обычный 3 7 2 10" xfId="27917"/>
    <cellStyle name="Обычный 3 7 2 10 2" xfId="27918"/>
    <cellStyle name="Обычный 3 7 2 11" xfId="27919"/>
    <cellStyle name="Обычный 3 7 2 11 2" xfId="27920"/>
    <cellStyle name="Обычный 3 7 2 12" xfId="27921"/>
    <cellStyle name="Обычный 3 7 2 13" xfId="27922"/>
    <cellStyle name="Обычный 3 7 2 2" xfId="27923"/>
    <cellStyle name="Обычный 3 7 2 2 10" xfId="27924"/>
    <cellStyle name="Обычный 3 7 2 2 2" xfId="27925"/>
    <cellStyle name="Обычный 3 7 2 2 2 2" xfId="27926"/>
    <cellStyle name="Обычный 3 7 2 2 2 2 2" xfId="27927"/>
    <cellStyle name="Обычный 3 7 2 2 2 2 2 2" xfId="27928"/>
    <cellStyle name="Обычный 3 7 2 2 2 2 3" xfId="27929"/>
    <cellStyle name="Обычный 3 7 2 2 2 2 3 2" xfId="27930"/>
    <cellStyle name="Обычный 3 7 2 2 2 2 4" xfId="27931"/>
    <cellStyle name="Обычный 3 7 2 2 2 3" xfId="27932"/>
    <cellStyle name="Обычный 3 7 2 2 2 3 2" xfId="27933"/>
    <cellStyle name="Обычный 3 7 2 2 2 4" xfId="27934"/>
    <cellStyle name="Обычный 3 7 2 2 2 4 2" xfId="27935"/>
    <cellStyle name="Обычный 3 7 2 2 2 5" xfId="27936"/>
    <cellStyle name="Обычный 3 7 2 2 2 5 2" xfId="27937"/>
    <cellStyle name="Обычный 3 7 2 2 2 6" xfId="27938"/>
    <cellStyle name="Обычный 3 7 2 2 3" xfId="27939"/>
    <cellStyle name="Обычный 3 7 2 2 3 2" xfId="27940"/>
    <cellStyle name="Обычный 3 7 2 2 3 2 2" xfId="27941"/>
    <cellStyle name="Обычный 3 7 2 2 3 2 2 2" xfId="27942"/>
    <cellStyle name="Обычный 3 7 2 2 3 2 3" xfId="27943"/>
    <cellStyle name="Обычный 3 7 2 2 3 2 3 2" xfId="27944"/>
    <cellStyle name="Обычный 3 7 2 2 3 2 4" xfId="27945"/>
    <cellStyle name="Обычный 3 7 2 2 3 3" xfId="27946"/>
    <cellStyle name="Обычный 3 7 2 2 3 3 2" xfId="27947"/>
    <cellStyle name="Обычный 3 7 2 2 3 4" xfId="27948"/>
    <cellStyle name="Обычный 3 7 2 2 3 4 2" xfId="27949"/>
    <cellStyle name="Обычный 3 7 2 2 3 5" xfId="27950"/>
    <cellStyle name="Обычный 3 7 2 2 3 5 2" xfId="27951"/>
    <cellStyle name="Обычный 3 7 2 2 3 6" xfId="27952"/>
    <cellStyle name="Обычный 3 7 2 2 4" xfId="27953"/>
    <cellStyle name="Обычный 3 7 2 2 4 2" xfId="27954"/>
    <cellStyle name="Обычный 3 7 2 2 4 2 2" xfId="27955"/>
    <cellStyle name="Обычный 3 7 2 2 4 2 2 2" xfId="27956"/>
    <cellStyle name="Обычный 3 7 2 2 4 2 3" xfId="27957"/>
    <cellStyle name="Обычный 3 7 2 2 4 2 3 2" xfId="27958"/>
    <cellStyle name="Обычный 3 7 2 2 4 2 4" xfId="27959"/>
    <cellStyle name="Обычный 3 7 2 2 4 3" xfId="27960"/>
    <cellStyle name="Обычный 3 7 2 2 4 3 2" xfId="27961"/>
    <cellStyle name="Обычный 3 7 2 2 4 4" xfId="27962"/>
    <cellStyle name="Обычный 3 7 2 2 4 4 2" xfId="27963"/>
    <cellStyle name="Обычный 3 7 2 2 4 5" xfId="27964"/>
    <cellStyle name="Обычный 3 7 2 2 4 5 2" xfId="27965"/>
    <cellStyle name="Обычный 3 7 2 2 4 6" xfId="27966"/>
    <cellStyle name="Обычный 3 7 2 2 5" xfId="27967"/>
    <cellStyle name="Обычный 3 7 2 2 5 2" xfId="27968"/>
    <cellStyle name="Обычный 3 7 2 2 5 2 2" xfId="27969"/>
    <cellStyle name="Обычный 3 7 2 2 5 2 2 2" xfId="27970"/>
    <cellStyle name="Обычный 3 7 2 2 5 2 3" xfId="27971"/>
    <cellStyle name="Обычный 3 7 2 2 5 2 3 2" xfId="27972"/>
    <cellStyle name="Обычный 3 7 2 2 5 2 4" xfId="27973"/>
    <cellStyle name="Обычный 3 7 2 2 5 3" xfId="27974"/>
    <cellStyle name="Обычный 3 7 2 2 5 3 2" xfId="27975"/>
    <cellStyle name="Обычный 3 7 2 2 5 4" xfId="27976"/>
    <cellStyle name="Обычный 3 7 2 2 5 4 2" xfId="27977"/>
    <cellStyle name="Обычный 3 7 2 2 5 5" xfId="27978"/>
    <cellStyle name="Обычный 3 7 2 2 5 5 2" xfId="27979"/>
    <cellStyle name="Обычный 3 7 2 2 5 6" xfId="27980"/>
    <cellStyle name="Обычный 3 7 2 2 6" xfId="27981"/>
    <cellStyle name="Обычный 3 7 2 2 6 2" xfId="27982"/>
    <cellStyle name="Обычный 3 7 2 2 6 2 2" xfId="27983"/>
    <cellStyle name="Обычный 3 7 2 2 6 3" xfId="27984"/>
    <cellStyle name="Обычный 3 7 2 2 6 3 2" xfId="27985"/>
    <cellStyle name="Обычный 3 7 2 2 6 4" xfId="27986"/>
    <cellStyle name="Обычный 3 7 2 2 7" xfId="27987"/>
    <cellStyle name="Обычный 3 7 2 2 7 2" xfId="27988"/>
    <cellStyle name="Обычный 3 7 2 2 8" xfId="27989"/>
    <cellStyle name="Обычный 3 7 2 2 8 2" xfId="27990"/>
    <cellStyle name="Обычный 3 7 2 2 9" xfId="27991"/>
    <cellStyle name="Обычный 3 7 2 2 9 2" xfId="27992"/>
    <cellStyle name="Обычный 3 7 2 3" xfId="27993"/>
    <cellStyle name="Обычный 3 7 2 3 2" xfId="27994"/>
    <cellStyle name="Обычный 3 7 2 3 2 2" xfId="27995"/>
    <cellStyle name="Обычный 3 7 2 3 2 2 2" xfId="27996"/>
    <cellStyle name="Обычный 3 7 2 3 2 2 2 2" xfId="27997"/>
    <cellStyle name="Обычный 3 7 2 3 2 2 3" xfId="27998"/>
    <cellStyle name="Обычный 3 7 2 3 2 2 3 2" xfId="27999"/>
    <cellStyle name="Обычный 3 7 2 3 2 2 4" xfId="28000"/>
    <cellStyle name="Обычный 3 7 2 3 2 3" xfId="28001"/>
    <cellStyle name="Обычный 3 7 2 3 2 3 2" xfId="28002"/>
    <cellStyle name="Обычный 3 7 2 3 2 4" xfId="28003"/>
    <cellStyle name="Обычный 3 7 2 3 2 4 2" xfId="28004"/>
    <cellStyle name="Обычный 3 7 2 3 2 5" xfId="28005"/>
    <cellStyle name="Обычный 3 7 2 3 2 5 2" xfId="28006"/>
    <cellStyle name="Обычный 3 7 2 3 2 6" xfId="28007"/>
    <cellStyle name="Обычный 3 7 2 3 3" xfId="28008"/>
    <cellStyle name="Обычный 3 7 2 3 3 2" xfId="28009"/>
    <cellStyle name="Обычный 3 7 2 3 3 2 2" xfId="28010"/>
    <cellStyle name="Обычный 3 7 2 3 3 2 2 2" xfId="28011"/>
    <cellStyle name="Обычный 3 7 2 3 3 2 3" xfId="28012"/>
    <cellStyle name="Обычный 3 7 2 3 3 2 3 2" xfId="28013"/>
    <cellStyle name="Обычный 3 7 2 3 3 2 4" xfId="28014"/>
    <cellStyle name="Обычный 3 7 2 3 3 3" xfId="28015"/>
    <cellStyle name="Обычный 3 7 2 3 3 3 2" xfId="28016"/>
    <cellStyle name="Обычный 3 7 2 3 3 4" xfId="28017"/>
    <cellStyle name="Обычный 3 7 2 3 3 4 2" xfId="28018"/>
    <cellStyle name="Обычный 3 7 2 3 3 5" xfId="28019"/>
    <cellStyle name="Обычный 3 7 2 3 3 5 2" xfId="28020"/>
    <cellStyle name="Обычный 3 7 2 3 3 6" xfId="28021"/>
    <cellStyle name="Обычный 3 7 2 3 4" xfId="28022"/>
    <cellStyle name="Обычный 3 7 2 3 4 2" xfId="28023"/>
    <cellStyle name="Обычный 3 7 2 3 4 2 2" xfId="28024"/>
    <cellStyle name="Обычный 3 7 2 3 4 2 2 2" xfId="28025"/>
    <cellStyle name="Обычный 3 7 2 3 4 2 3" xfId="28026"/>
    <cellStyle name="Обычный 3 7 2 3 4 2 3 2" xfId="28027"/>
    <cellStyle name="Обычный 3 7 2 3 4 2 4" xfId="28028"/>
    <cellStyle name="Обычный 3 7 2 3 4 3" xfId="28029"/>
    <cellStyle name="Обычный 3 7 2 3 4 3 2" xfId="28030"/>
    <cellStyle name="Обычный 3 7 2 3 4 4" xfId="28031"/>
    <cellStyle name="Обычный 3 7 2 3 4 4 2" xfId="28032"/>
    <cellStyle name="Обычный 3 7 2 3 4 5" xfId="28033"/>
    <cellStyle name="Обычный 3 7 2 3 4 5 2" xfId="28034"/>
    <cellStyle name="Обычный 3 7 2 3 4 6" xfId="28035"/>
    <cellStyle name="Обычный 3 7 2 3 5" xfId="28036"/>
    <cellStyle name="Обычный 3 7 2 3 5 2" xfId="28037"/>
    <cellStyle name="Обычный 3 7 2 3 5 2 2" xfId="28038"/>
    <cellStyle name="Обычный 3 7 2 3 5 3" xfId="28039"/>
    <cellStyle name="Обычный 3 7 2 3 5 3 2" xfId="28040"/>
    <cellStyle name="Обычный 3 7 2 3 5 4" xfId="28041"/>
    <cellStyle name="Обычный 3 7 2 3 6" xfId="28042"/>
    <cellStyle name="Обычный 3 7 2 3 6 2" xfId="28043"/>
    <cellStyle name="Обычный 3 7 2 3 7" xfId="28044"/>
    <cellStyle name="Обычный 3 7 2 3 7 2" xfId="28045"/>
    <cellStyle name="Обычный 3 7 2 3 8" xfId="28046"/>
    <cellStyle name="Обычный 3 7 2 3 8 2" xfId="28047"/>
    <cellStyle name="Обычный 3 7 2 3 9" xfId="28048"/>
    <cellStyle name="Обычный 3 7 2 4" xfId="28049"/>
    <cellStyle name="Обычный 3 7 2 4 2" xfId="28050"/>
    <cellStyle name="Обычный 3 7 2 4 2 2" xfId="28051"/>
    <cellStyle name="Обычный 3 7 2 4 2 2 2" xfId="28052"/>
    <cellStyle name="Обычный 3 7 2 4 2 3" xfId="28053"/>
    <cellStyle name="Обычный 3 7 2 4 2 3 2" xfId="28054"/>
    <cellStyle name="Обычный 3 7 2 4 2 4" xfId="28055"/>
    <cellStyle name="Обычный 3 7 2 4 3" xfId="28056"/>
    <cellStyle name="Обычный 3 7 2 4 3 2" xfId="28057"/>
    <cellStyle name="Обычный 3 7 2 4 4" xfId="28058"/>
    <cellStyle name="Обычный 3 7 2 4 4 2" xfId="28059"/>
    <cellStyle name="Обычный 3 7 2 4 5" xfId="28060"/>
    <cellStyle name="Обычный 3 7 2 4 5 2" xfId="28061"/>
    <cellStyle name="Обычный 3 7 2 4 6" xfId="28062"/>
    <cellStyle name="Обычный 3 7 2 5" xfId="28063"/>
    <cellStyle name="Обычный 3 7 2 5 2" xfId="28064"/>
    <cellStyle name="Обычный 3 7 2 5 2 2" xfId="28065"/>
    <cellStyle name="Обычный 3 7 2 5 2 2 2" xfId="28066"/>
    <cellStyle name="Обычный 3 7 2 5 2 3" xfId="28067"/>
    <cellStyle name="Обычный 3 7 2 5 2 3 2" xfId="28068"/>
    <cellStyle name="Обычный 3 7 2 5 2 4" xfId="28069"/>
    <cellStyle name="Обычный 3 7 2 5 3" xfId="28070"/>
    <cellStyle name="Обычный 3 7 2 5 3 2" xfId="28071"/>
    <cellStyle name="Обычный 3 7 2 5 4" xfId="28072"/>
    <cellStyle name="Обычный 3 7 2 5 4 2" xfId="28073"/>
    <cellStyle name="Обычный 3 7 2 5 5" xfId="28074"/>
    <cellStyle name="Обычный 3 7 2 5 5 2" xfId="28075"/>
    <cellStyle name="Обычный 3 7 2 5 6" xfId="28076"/>
    <cellStyle name="Обычный 3 7 2 6" xfId="28077"/>
    <cellStyle name="Обычный 3 7 2 6 2" xfId="28078"/>
    <cellStyle name="Обычный 3 7 2 6 2 2" xfId="28079"/>
    <cellStyle name="Обычный 3 7 2 6 2 2 2" xfId="28080"/>
    <cellStyle name="Обычный 3 7 2 6 2 3" xfId="28081"/>
    <cellStyle name="Обычный 3 7 2 6 2 3 2" xfId="28082"/>
    <cellStyle name="Обычный 3 7 2 6 2 4" xfId="28083"/>
    <cellStyle name="Обычный 3 7 2 6 3" xfId="28084"/>
    <cellStyle name="Обычный 3 7 2 6 3 2" xfId="28085"/>
    <cellStyle name="Обычный 3 7 2 6 4" xfId="28086"/>
    <cellStyle name="Обычный 3 7 2 6 4 2" xfId="28087"/>
    <cellStyle name="Обычный 3 7 2 6 5" xfId="28088"/>
    <cellStyle name="Обычный 3 7 2 6 5 2" xfId="28089"/>
    <cellStyle name="Обычный 3 7 2 6 6" xfId="28090"/>
    <cellStyle name="Обычный 3 7 2 7" xfId="28091"/>
    <cellStyle name="Обычный 3 7 2 7 2" xfId="28092"/>
    <cellStyle name="Обычный 3 7 2 7 2 2" xfId="28093"/>
    <cellStyle name="Обычный 3 7 2 7 2 2 2" xfId="28094"/>
    <cellStyle name="Обычный 3 7 2 7 2 3" xfId="28095"/>
    <cellStyle name="Обычный 3 7 2 7 2 3 2" xfId="28096"/>
    <cellStyle name="Обычный 3 7 2 7 2 4" xfId="28097"/>
    <cellStyle name="Обычный 3 7 2 7 3" xfId="28098"/>
    <cellStyle name="Обычный 3 7 2 7 3 2" xfId="28099"/>
    <cellStyle name="Обычный 3 7 2 7 4" xfId="28100"/>
    <cellStyle name="Обычный 3 7 2 7 4 2" xfId="28101"/>
    <cellStyle name="Обычный 3 7 2 7 5" xfId="28102"/>
    <cellStyle name="Обычный 3 7 2 7 5 2" xfId="28103"/>
    <cellStyle name="Обычный 3 7 2 7 6" xfId="28104"/>
    <cellStyle name="Обычный 3 7 2 8" xfId="28105"/>
    <cellStyle name="Обычный 3 7 2 8 2" xfId="28106"/>
    <cellStyle name="Обычный 3 7 2 8 2 2" xfId="28107"/>
    <cellStyle name="Обычный 3 7 2 8 3" xfId="28108"/>
    <cellStyle name="Обычный 3 7 2 8 3 2" xfId="28109"/>
    <cellStyle name="Обычный 3 7 2 8 4" xfId="28110"/>
    <cellStyle name="Обычный 3 7 2 9" xfId="28111"/>
    <cellStyle name="Обычный 3 7 2 9 2" xfId="28112"/>
    <cellStyle name="Обычный 3 7 2 9 2 2" xfId="28113"/>
    <cellStyle name="Обычный 3 7 2 9 3" xfId="28114"/>
    <cellStyle name="Обычный 3 7 3" xfId="28115"/>
    <cellStyle name="Обычный 3 7 3 10" xfId="28116"/>
    <cellStyle name="Обычный 3 7 3 2" xfId="28117"/>
    <cellStyle name="Обычный 3 7 3 2 2" xfId="28118"/>
    <cellStyle name="Обычный 3 7 3 2 2 2" xfId="28119"/>
    <cellStyle name="Обычный 3 7 3 2 2 2 2" xfId="28120"/>
    <cellStyle name="Обычный 3 7 3 2 2 3" xfId="28121"/>
    <cellStyle name="Обычный 3 7 3 2 2 3 2" xfId="28122"/>
    <cellStyle name="Обычный 3 7 3 2 2 4" xfId="28123"/>
    <cellStyle name="Обычный 3 7 3 2 3" xfId="28124"/>
    <cellStyle name="Обычный 3 7 3 2 3 2" xfId="28125"/>
    <cellStyle name="Обычный 3 7 3 2 4" xfId="28126"/>
    <cellStyle name="Обычный 3 7 3 2 4 2" xfId="28127"/>
    <cellStyle name="Обычный 3 7 3 2 5" xfId="28128"/>
    <cellStyle name="Обычный 3 7 3 2 5 2" xfId="28129"/>
    <cellStyle name="Обычный 3 7 3 2 6" xfId="28130"/>
    <cellStyle name="Обычный 3 7 3 3" xfId="28131"/>
    <cellStyle name="Обычный 3 7 3 3 2" xfId="28132"/>
    <cellStyle name="Обычный 3 7 3 3 2 2" xfId="28133"/>
    <cellStyle name="Обычный 3 7 3 3 2 2 2" xfId="28134"/>
    <cellStyle name="Обычный 3 7 3 3 2 3" xfId="28135"/>
    <cellStyle name="Обычный 3 7 3 3 2 3 2" xfId="28136"/>
    <cellStyle name="Обычный 3 7 3 3 2 4" xfId="28137"/>
    <cellStyle name="Обычный 3 7 3 3 3" xfId="28138"/>
    <cellStyle name="Обычный 3 7 3 3 3 2" xfId="28139"/>
    <cellStyle name="Обычный 3 7 3 3 4" xfId="28140"/>
    <cellStyle name="Обычный 3 7 3 3 4 2" xfId="28141"/>
    <cellStyle name="Обычный 3 7 3 3 5" xfId="28142"/>
    <cellStyle name="Обычный 3 7 3 3 5 2" xfId="28143"/>
    <cellStyle name="Обычный 3 7 3 3 6" xfId="28144"/>
    <cellStyle name="Обычный 3 7 3 4" xfId="28145"/>
    <cellStyle name="Обычный 3 7 3 4 2" xfId="28146"/>
    <cellStyle name="Обычный 3 7 3 4 2 2" xfId="28147"/>
    <cellStyle name="Обычный 3 7 3 4 2 2 2" xfId="28148"/>
    <cellStyle name="Обычный 3 7 3 4 2 3" xfId="28149"/>
    <cellStyle name="Обычный 3 7 3 4 2 3 2" xfId="28150"/>
    <cellStyle name="Обычный 3 7 3 4 2 4" xfId="28151"/>
    <cellStyle name="Обычный 3 7 3 4 3" xfId="28152"/>
    <cellStyle name="Обычный 3 7 3 4 3 2" xfId="28153"/>
    <cellStyle name="Обычный 3 7 3 4 4" xfId="28154"/>
    <cellStyle name="Обычный 3 7 3 4 4 2" xfId="28155"/>
    <cellStyle name="Обычный 3 7 3 4 5" xfId="28156"/>
    <cellStyle name="Обычный 3 7 3 4 5 2" xfId="28157"/>
    <cellStyle name="Обычный 3 7 3 4 6" xfId="28158"/>
    <cellStyle name="Обычный 3 7 3 5" xfId="28159"/>
    <cellStyle name="Обычный 3 7 3 5 2" xfId="28160"/>
    <cellStyle name="Обычный 3 7 3 5 2 2" xfId="28161"/>
    <cellStyle name="Обычный 3 7 3 5 2 2 2" xfId="28162"/>
    <cellStyle name="Обычный 3 7 3 5 2 3" xfId="28163"/>
    <cellStyle name="Обычный 3 7 3 5 2 3 2" xfId="28164"/>
    <cellStyle name="Обычный 3 7 3 5 2 4" xfId="28165"/>
    <cellStyle name="Обычный 3 7 3 5 3" xfId="28166"/>
    <cellStyle name="Обычный 3 7 3 5 3 2" xfId="28167"/>
    <cellStyle name="Обычный 3 7 3 5 4" xfId="28168"/>
    <cellStyle name="Обычный 3 7 3 5 4 2" xfId="28169"/>
    <cellStyle name="Обычный 3 7 3 5 5" xfId="28170"/>
    <cellStyle name="Обычный 3 7 3 5 5 2" xfId="28171"/>
    <cellStyle name="Обычный 3 7 3 5 6" xfId="28172"/>
    <cellStyle name="Обычный 3 7 3 6" xfId="28173"/>
    <cellStyle name="Обычный 3 7 3 6 2" xfId="28174"/>
    <cellStyle name="Обычный 3 7 3 6 2 2" xfId="28175"/>
    <cellStyle name="Обычный 3 7 3 6 3" xfId="28176"/>
    <cellStyle name="Обычный 3 7 3 6 3 2" xfId="28177"/>
    <cellStyle name="Обычный 3 7 3 6 4" xfId="28178"/>
    <cellStyle name="Обычный 3 7 3 7" xfId="28179"/>
    <cellStyle name="Обычный 3 7 3 7 2" xfId="28180"/>
    <cellStyle name="Обычный 3 7 3 8" xfId="28181"/>
    <cellStyle name="Обычный 3 7 3 8 2" xfId="28182"/>
    <cellStyle name="Обычный 3 7 3 9" xfId="28183"/>
    <cellStyle name="Обычный 3 7 3 9 2" xfId="28184"/>
    <cellStyle name="Обычный 3 7 4" xfId="28185"/>
    <cellStyle name="Обычный 3 7 4 2" xfId="28186"/>
    <cellStyle name="Обычный 3 7 4 2 2" xfId="28187"/>
    <cellStyle name="Обычный 3 7 4 2 2 2" xfId="28188"/>
    <cellStyle name="Обычный 3 7 4 2 2 2 2" xfId="28189"/>
    <cellStyle name="Обычный 3 7 4 2 2 3" xfId="28190"/>
    <cellStyle name="Обычный 3 7 4 2 2 3 2" xfId="28191"/>
    <cellStyle name="Обычный 3 7 4 2 2 4" xfId="28192"/>
    <cellStyle name="Обычный 3 7 4 2 3" xfId="28193"/>
    <cellStyle name="Обычный 3 7 4 2 3 2" xfId="28194"/>
    <cellStyle name="Обычный 3 7 4 2 4" xfId="28195"/>
    <cellStyle name="Обычный 3 7 4 2 4 2" xfId="28196"/>
    <cellStyle name="Обычный 3 7 4 2 5" xfId="28197"/>
    <cellStyle name="Обычный 3 7 4 2 5 2" xfId="28198"/>
    <cellStyle name="Обычный 3 7 4 2 6" xfId="28199"/>
    <cellStyle name="Обычный 3 7 4 3" xfId="28200"/>
    <cellStyle name="Обычный 3 7 4 3 2" xfId="28201"/>
    <cellStyle name="Обычный 3 7 4 3 2 2" xfId="28202"/>
    <cellStyle name="Обычный 3 7 4 3 2 2 2" xfId="28203"/>
    <cellStyle name="Обычный 3 7 4 3 2 3" xfId="28204"/>
    <cellStyle name="Обычный 3 7 4 3 2 3 2" xfId="28205"/>
    <cellStyle name="Обычный 3 7 4 3 2 4" xfId="28206"/>
    <cellStyle name="Обычный 3 7 4 3 3" xfId="28207"/>
    <cellStyle name="Обычный 3 7 4 3 3 2" xfId="28208"/>
    <cellStyle name="Обычный 3 7 4 3 4" xfId="28209"/>
    <cellStyle name="Обычный 3 7 4 3 4 2" xfId="28210"/>
    <cellStyle name="Обычный 3 7 4 3 5" xfId="28211"/>
    <cellStyle name="Обычный 3 7 4 3 5 2" xfId="28212"/>
    <cellStyle name="Обычный 3 7 4 3 6" xfId="28213"/>
    <cellStyle name="Обычный 3 7 4 4" xfId="28214"/>
    <cellStyle name="Обычный 3 7 4 4 2" xfId="28215"/>
    <cellStyle name="Обычный 3 7 4 4 2 2" xfId="28216"/>
    <cellStyle name="Обычный 3 7 4 4 2 2 2" xfId="28217"/>
    <cellStyle name="Обычный 3 7 4 4 2 3" xfId="28218"/>
    <cellStyle name="Обычный 3 7 4 4 2 3 2" xfId="28219"/>
    <cellStyle name="Обычный 3 7 4 4 2 4" xfId="28220"/>
    <cellStyle name="Обычный 3 7 4 4 3" xfId="28221"/>
    <cellStyle name="Обычный 3 7 4 4 3 2" xfId="28222"/>
    <cellStyle name="Обычный 3 7 4 4 4" xfId="28223"/>
    <cellStyle name="Обычный 3 7 4 4 4 2" xfId="28224"/>
    <cellStyle name="Обычный 3 7 4 4 5" xfId="28225"/>
    <cellStyle name="Обычный 3 7 4 4 5 2" xfId="28226"/>
    <cellStyle name="Обычный 3 7 4 4 6" xfId="28227"/>
    <cellStyle name="Обычный 3 7 4 5" xfId="28228"/>
    <cellStyle name="Обычный 3 7 4 5 2" xfId="28229"/>
    <cellStyle name="Обычный 3 7 4 5 2 2" xfId="28230"/>
    <cellStyle name="Обычный 3 7 4 5 3" xfId="28231"/>
    <cellStyle name="Обычный 3 7 4 5 3 2" xfId="28232"/>
    <cellStyle name="Обычный 3 7 4 5 4" xfId="28233"/>
    <cellStyle name="Обычный 3 7 4 6" xfId="28234"/>
    <cellStyle name="Обычный 3 7 4 6 2" xfId="28235"/>
    <cellStyle name="Обычный 3 7 4 7" xfId="28236"/>
    <cellStyle name="Обычный 3 7 4 7 2" xfId="28237"/>
    <cellStyle name="Обычный 3 7 4 8" xfId="28238"/>
    <cellStyle name="Обычный 3 7 4 8 2" xfId="28239"/>
    <cellStyle name="Обычный 3 7 4 9" xfId="28240"/>
    <cellStyle name="Обычный 3 7 5" xfId="28241"/>
    <cellStyle name="Обычный 3 7 5 2" xfId="28242"/>
    <cellStyle name="Обычный 3 7 5 2 2" xfId="28243"/>
    <cellStyle name="Обычный 3 7 5 2 2 2" xfId="28244"/>
    <cellStyle name="Обычный 3 7 5 2 3" xfId="28245"/>
    <cellStyle name="Обычный 3 7 5 2 3 2" xfId="28246"/>
    <cellStyle name="Обычный 3 7 5 2 4" xfId="28247"/>
    <cellStyle name="Обычный 3 7 5 3" xfId="28248"/>
    <cellStyle name="Обычный 3 7 5 3 2" xfId="28249"/>
    <cellStyle name="Обычный 3 7 5 4" xfId="28250"/>
    <cellStyle name="Обычный 3 7 5 4 2" xfId="28251"/>
    <cellStyle name="Обычный 3 7 5 5" xfId="28252"/>
    <cellStyle name="Обычный 3 7 5 5 2" xfId="28253"/>
    <cellStyle name="Обычный 3 7 5 6" xfId="28254"/>
    <cellStyle name="Обычный 3 7 6" xfId="28255"/>
    <cellStyle name="Обычный 3 7 6 2" xfId="28256"/>
    <cellStyle name="Обычный 3 7 6 2 2" xfId="28257"/>
    <cellStyle name="Обычный 3 7 6 2 2 2" xfId="28258"/>
    <cellStyle name="Обычный 3 7 6 2 3" xfId="28259"/>
    <cellStyle name="Обычный 3 7 6 2 3 2" xfId="28260"/>
    <cellStyle name="Обычный 3 7 6 2 4" xfId="28261"/>
    <cellStyle name="Обычный 3 7 6 3" xfId="28262"/>
    <cellStyle name="Обычный 3 7 6 3 2" xfId="28263"/>
    <cellStyle name="Обычный 3 7 6 4" xfId="28264"/>
    <cellStyle name="Обычный 3 7 6 4 2" xfId="28265"/>
    <cellStyle name="Обычный 3 7 6 5" xfId="28266"/>
    <cellStyle name="Обычный 3 7 6 5 2" xfId="28267"/>
    <cellStyle name="Обычный 3 7 6 6" xfId="28268"/>
    <cellStyle name="Обычный 3 7 7" xfId="28269"/>
    <cellStyle name="Обычный 3 7 7 2" xfId="28270"/>
    <cellStyle name="Обычный 3 7 7 2 2" xfId="28271"/>
    <cellStyle name="Обычный 3 7 7 2 2 2" xfId="28272"/>
    <cellStyle name="Обычный 3 7 7 2 3" xfId="28273"/>
    <cellStyle name="Обычный 3 7 7 2 3 2" xfId="28274"/>
    <cellStyle name="Обычный 3 7 7 2 4" xfId="28275"/>
    <cellStyle name="Обычный 3 7 7 3" xfId="28276"/>
    <cellStyle name="Обычный 3 7 7 3 2" xfId="28277"/>
    <cellStyle name="Обычный 3 7 7 4" xfId="28278"/>
    <cellStyle name="Обычный 3 7 7 4 2" xfId="28279"/>
    <cellStyle name="Обычный 3 7 7 5" xfId="28280"/>
    <cellStyle name="Обычный 3 7 7 5 2" xfId="28281"/>
    <cellStyle name="Обычный 3 7 7 6" xfId="28282"/>
    <cellStyle name="Обычный 3 7 8" xfId="28283"/>
    <cellStyle name="Обычный 3 7 8 2" xfId="28284"/>
    <cellStyle name="Обычный 3 7 8 2 2" xfId="28285"/>
    <cellStyle name="Обычный 3 7 8 2 2 2" xfId="28286"/>
    <cellStyle name="Обычный 3 7 8 2 3" xfId="28287"/>
    <cellStyle name="Обычный 3 7 8 2 3 2" xfId="28288"/>
    <cellStyle name="Обычный 3 7 8 2 4" xfId="28289"/>
    <cellStyle name="Обычный 3 7 8 3" xfId="28290"/>
    <cellStyle name="Обычный 3 7 8 3 2" xfId="28291"/>
    <cellStyle name="Обычный 3 7 8 4" xfId="28292"/>
    <cellStyle name="Обычный 3 7 8 4 2" xfId="28293"/>
    <cellStyle name="Обычный 3 7 8 5" xfId="28294"/>
    <cellStyle name="Обычный 3 7 8 5 2" xfId="28295"/>
    <cellStyle name="Обычный 3 7 8 6" xfId="28296"/>
    <cellStyle name="Обычный 3 7 9" xfId="28297"/>
    <cellStyle name="Обычный 3 7 9 2" xfId="28298"/>
    <cellStyle name="Обычный 3 7 9 2 2" xfId="28299"/>
    <cellStyle name="Обычный 3 7 9 3" xfId="28300"/>
    <cellStyle name="Обычный 3 7 9 3 2" xfId="28301"/>
    <cellStyle name="Обычный 3 7 9 4" xfId="28302"/>
    <cellStyle name="Обычный 3 8" xfId="28303"/>
    <cellStyle name="Обычный 3 8 10" xfId="28304"/>
    <cellStyle name="Обычный 3 8 10 2" xfId="28305"/>
    <cellStyle name="Обычный 3 8 10 2 2" xfId="28306"/>
    <cellStyle name="Обычный 3 8 10 3" xfId="28307"/>
    <cellStyle name="Обычный 3 8 11" xfId="28308"/>
    <cellStyle name="Обычный 3 8 11 2" xfId="28309"/>
    <cellStyle name="Обычный 3 8 12" xfId="28310"/>
    <cellStyle name="Обычный 3 8 12 2" xfId="28311"/>
    <cellStyle name="Обычный 3 8 13" xfId="28312"/>
    <cellStyle name="Обычный 3 8 14" xfId="28313"/>
    <cellStyle name="Обычный 3 8 2" xfId="28314"/>
    <cellStyle name="Обычный 3 8 2 10" xfId="28315"/>
    <cellStyle name="Обычный 3 8 2 10 2" xfId="28316"/>
    <cellStyle name="Обычный 3 8 2 11" xfId="28317"/>
    <cellStyle name="Обычный 3 8 2 11 2" xfId="28318"/>
    <cellStyle name="Обычный 3 8 2 12" xfId="28319"/>
    <cellStyle name="Обычный 3 8 2 13" xfId="28320"/>
    <cellStyle name="Обычный 3 8 2 2" xfId="28321"/>
    <cellStyle name="Обычный 3 8 2 2 10" xfId="28322"/>
    <cellStyle name="Обычный 3 8 2 2 2" xfId="28323"/>
    <cellStyle name="Обычный 3 8 2 2 2 2" xfId="28324"/>
    <cellStyle name="Обычный 3 8 2 2 2 2 2" xfId="28325"/>
    <cellStyle name="Обычный 3 8 2 2 2 2 2 2" xfId="28326"/>
    <cellStyle name="Обычный 3 8 2 2 2 2 3" xfId="28327"/>
    <cellStyle name="Обычный 3 8 2 2 2 2 3 2" xfId="28328"/>
    <cellStyle name="Обычный 3 8 2 2 2 2 4" xfId="28329"/>
    <cellStyle name="Обычный 3 8 2 2 2 3" xfId="28330"/>
    <cellStyle name="Обычный 3 8 2 2 2 3 2" xfId="28331"/>
    <cellStyle name="Обычный 3 8 2 2 2 4" xfId="28332"/>
    <cellStyle name="Обычный 3 8 2 2 2 4 2" xfId="28333"/>
    <cellStyle name="Обычный 3 8 2 2 2 5" xfId="28334"/>
    <cellStyle name="Обычный 3 8 2 2 2 5 2" xfId="28335"/>
    <cellStyle name="Обычный 3 8 2 2 2 6" xfId="28336"/>
    <cellStyle name="Обычный 3 8 2 2 3" xfId="28337"/>
    <cellStyle name="Обычный 3 8 2 2 3 2" xfId="28338"/>
    <cellStyle name="Обычный 3 8 2 2 3 2 2" xfId="28339"/>
    <cellStyle name="Обычный 3 8 2 2 3 2 2 2" xfId="28340"/>
    <cellStyle name="Обычный 3 8 2 2 3 2 3" xfId="28341"/>
    <cellStyle name="Обычный 3 8 2 2 3 2 3 2" xfId="28342"/>
    <cellStyle name="Обычный 3 8 2 2 3 2 4" xfId="28343"/>
    <cellStyle name="Обычный 3 8 2 2 3 3" xfId="28344"/>
    <cellStyle name="Обычный 3 8 2 2 3 3 2" xfId="28345"/>
    <cellStyle name="Обычный 3 8 2 2 3 4" xfId="28346"/>
    <cellStyle name="Обычный 3 8 2 2 3 4 2" xfId="28347"/>
    <cellStyle name="Обычный 3 8 2 2 3 5" xfId="28348"/>
    <cellStyle name="Обычный 3 8 2 2 3 5 2" xfId="28349"/>
    <cellStyle name="Обычный 3 8 2 2 3 6" xfId="28350"/>
    <cellStyle name="Обычный 3 8 2 2 4" xfId="28351"/>
    <cellStyle name="Обычный 3 8 2 2 4 2" xfId="28352"/>
    <cellStyle name="Обычный 3 8 2 2 4 2 2" xfId="28353"/>
    <cellStyle name="Обычный 3 8 2 2 4 2 2 2" xfId="28354"/>
    <cellStyle name="Обычный 3 8 2 2 4 2 3" xfId="28355"/>
    <cellStyle name="Обычный 3 8 2 2 4 2 3 2" xfId="28356"/>
    <cellStyle name="Обычный 3 8 2 2 4 2 4" xfId="28357"/>
    <cellStyle name="Обычный 3 8 2 2 4 3" xfId="28358"/>
    <cellStyle name="Обычный 3 8 2 2 4 3 2" xfId="28359"/>
    <cellStyle name="Обычный 3 8 2 2 4 4" xfId="28360"/>
    <cellStyle name="Обычный 3 8 2 2 4 4 2" xfId="28361"/>
    <cellStyle name="Обычный 3 8 2 2 4 5" xfId="28362"/>
    <cellStyle name="Обычный 3 8 2 2 4 5 2" xfId="28363"/>
    <cellStyle name="Обычный 3 8 2 2 4 6" xfId="28364"/>
    <cellStyle name="Обычный 3 8 2 2 5" xfId="28365"/>
    <cellStyle name="Обычный 3 8 2 2 5 2" xfId="28366"/>
    <cellStyle name="Обычный 3 8 2 2 5 2 2" xfId="28367"/>
    <cellStyle name="Обычный 3 8 2 2 5 2 2 2" xfId="28368"/>
    <cellStyle name="Обычный 3 8 2 2 5 2 3" xfId="28369"/>
    <cellStyle name="Обычный 3 8 2 2 5 2 3 2" xfId="28370"/>
    <cellStyle name="Обычный 3 8 2 2 5 2 4" xfId="28371"/>
    <cellStyle name="Обычный 3 8 2 2 5 3" xfId="28372"/>
    <cellStyle name="Обычный 3 8 2 2 5 3 2" xfId="28373"/>
    <cellStyle name="Обычный 3 8 2 2 5 4" xfId="28374"/>
    <cellStyle name="Обычный 3 8 2 2 5 4 2" xfId="28375"/>
    <cellStyle name="Обычный 3 8 2 2 5 5" xfId="28376"/>
    <cellStyle name="Обычный 3 8 2 2 5 5 2" xfId="28377"/>
    <cellStyle name="Обычный 3 8 2 2 5 6" xfId="28378"/>
    <cellStyle name="Обычный 3 8 2 2 6" xfId="28379"/>
    <cellStyle name="Обычный 3 8 2 2 6 2" xfId="28380"/>
    <cellStyle name="Обычный 3 8 2 2 6 2 2" xfId="28381"/>
    <cellStyle name="Обычный 3 8 2 2 6 3" xfId="28382"/>
    <cellStyle name="Обычный 3 8 2 2 6 3 2" xfId="28383"/>
    <cellStyle name="Обычный 3 8 2 2 6 4" xfId="28384"/>
    <cellStyle name="Обычный 3 8 2 2 7" xfId="28385"/>
    <cellStyle name="Обычный 3 8 2 2 7 2" xfId="28386"/>
    <cellStyle name="Обычный 3 8 2 2 8" xfId="28387"/>
    <cellStyle name="Обычный 3 8 2 2 8 2" xfId="28388"/>
    <cellStyle name="Обычный 3 8 2 2 9" xfId="28389"/>
    <cellStyle name="Обычный 3 8 2 2 9 2" xfId="28390"/>
    <cellStyle name="Обычный 3 8 2 3" xfId="28391"/>
    <cellStyle name="Обычный 3 8 2 3 2" xfId="28392"/>
    <cellStyle name="Обычный 3 8 2 3 2 2" xfId="28393"/>
    <cellStyle name="Обычный 3 8 2 3 2 2 2" xfId="28394"/>
    <cellStyle name="Обычный 3 8 2 3 2 2 2 2" xfId="28395"/>
    <cellStyle name="Обычный 3 8 2 3 2 2 3" xfId="28396"/>
    <cellStyle name="Обычный 3 8 2 3 2 2 3 2" xfId="28397"/>
    <cellStyle name="Обычный 3 8 2 3 2 2 4" xfId="28398"/>
    <cellStyle name="Обычный 3 8 2 3 2 3" xfId="28399"/>
    <cellStyle name="Обычный 3 8 2 3 2 3 2" xfId="28400"/>
    <cellStyle name="Обычный 3 8 2 3 2 4" xfId="28401"/>
    <cellStyle name="Обычный 3 8 2 3 2 4 2" xfId="28402"/>
    <cellStyle name="Обычный 3 8 2 3 2 5" xfId="28403"/>
    <cellStyle name="Обычный 3 8 2 3 2 5 2" xfId="28404"/>
    <cellStyle name="Обычный 3 8 2 3 2 6" xfId="28405"/>
    <cellStyle name="Обычный 3 8 2 3 3" xfId="28406"/>
    <cellStyle name="Обычный 3 8 2 3 3 2" xfId="28407"/>
    <cellStyle name="Обычный 3 8 2 3 3 2 2" xfId="28408"/>
    <cellStyle name="Обычный 3 8 2 3 3 2 2 2" xfId="28409"/>
    <cellStyle name="Обычный 3 8 2 3 3 2 3" xfId="28410"/>
    <cellStyle name="Обычный 3 8 2 3 3 2 3 2" xfId="28411"/>
    <cellStyle name="Обычный 3 8 2 3 3 2 4" xfId="28412"/>
    <cellStyle name="Обычный 3 8 2 3 3 3" xfId="28413"/>
    <cellStyle name="Обычный 3 8 2 3 3 3 2" xfId="28414"/>
    <cellStyle name="Обычный 3 8 2 3 3 4" xfId="28415"/>
    <cellStyle name="Обычный 3 8 2 3 3 4 2" xfId="28416"/>
    <cellStyle name="Обычный 3 8 2 3 3 5" xfId="28417"/>
    <cellStyle name="Обычный 3 8 2 3 3 5 2" xfId="28418"/>
    <cellStyle name="Обычный 3 8 2 3 3 6" xfId="28419"/>
    <cellStyle name="Обычный 3 8 2 3 4" xfId="28420"/>
    <cellStyle name="Обычный 3 8 2 3 4 2" xfId="28421"/>
    <cellStyle name="Обычный 3 8 2 3 4 2 2" xfId="28422"/>
    <cellStyle name="Обычный 3 8 2 3 4 2 2 2" xfId="28423"/>
    <cellStyle name="Обычный 3 8 2 3 4 2 3" xfId="28424"/>
    <cellStyle name="Обычный 3 8 2 3 4 2 3 2" xfId="28425"/>
    <cellStyle name="Обычный 3 8 2 3 4 2 4" xfId="28426"/>
    <cellStyle name="Обычный 3 8 2 3 4 3" xfId="28427"/>
    <cellStyle name="Обычный 3 8 2 3 4 3 2" xfId="28428"/>
    <cellStyle name="Обычный 3 8 2 3 4 4" xfId="28429"/>
    <cellStyle name="Обычный 3 8 2 3 4 4 2" xfId="28430"/>
    <cellStyle name="Обычный 3 8 2 3 4 5" xfId="28431"/>
    <cellStyle name="Обычный 3 8 2 3 4 5 2" xfId="28432"/>
    <cellStyle name="Обычный 3 8 2 3 4 6" xfId="28433"/>
    <cellStyle name="Обычный 3 8 2 3 5" xfId="28434"/>
    <cellStyle name="Обычный 3 8 2 3 5 2" xfId="28435"/>
    <cellStyle name="Обычный 3 8 2 3 5 2 2" xfId="28436"/>
    <cellStyle name="Обычный 3 8 2 3 5 3" xfId="28437"/>
    <cellStyle name="Обычный 3 8 2 3 5 3 2" xfId="28438"/>
    <cellStyle name="Обычный 3 8 2 3 5 4" xfId="28439"/>
    <cellStyle name="Обычный 3 8 2 3 6" xfId="28440"/>
    <cellStyle name="Обычный 3 8 2 3 6 2" xfId="28441"/>
    <cellStyle name="Обычный 3 8 2 3 7" xfId="28442"/>
    <cellStyle name="Обычный 3 8 2 3 7 2" xfId="28443"/>
    <cellStyle name="Обычный 3 8 2 3 8" xfId="28444"/>
    <cellStyle name="Обычный 3 8 2 3 8 2" xfId="28445"/>
    <cellStyle name="Обычный 3 8 2 3 9" xfId="28446"/>
    <cellStyle name="Обычный 3 8 2 4" xfId="28447"/>
    <cellStyle name="Обычный 3 8 2 4 2" xfId="28448"/>
    <cellStyle name="Обычный 3 8 2 4 2 2" xfId="28449"/>
    <cellStyle name="Обычный 3 8 2 4 2 2 2" xfId="28450"/>
    <cellStyle name="Обычный 3 8 2 4 2 3" xfId="28451"/>
    <cellStyle name="Обычный 3 8 2 4 2 3 2" xfId="28452"/>
    <cellStyle name="Обычный 3 8 2 4 2 4" xfId="28453"/>
    <cellStyle name="Обычный 3 8 2 4 3" xfId="28454"/>
    <cellStyle name="Обычный 3 8 2 4 3 2" xfId="28455"/>
    <cellStyle name="Обычный 3 8 2 4 4" xfId="28456"/>
    <cellStyle name="Обычный 3 8 2 4 4 2" xfId="28457"/>
    <cellStyle name="Обычный 3 8 2 4 5" xfId="28458"/>
    <cellStyle name="Обычный 3 8 2 4 5 2" xfId="28459"/>
    <cellStyle name="Обычный 3 8 2 4 6" xfId="28460"/>
    <cellStyle name="Обычный 3 8 2 5" xfId="28461"/>
    <cellStyle name="Обычный 3 8 2 5 2" xfId="28462"/>
    <cellStyle name="Обычный 3 8 2 5 2 2" xfId="28463"/>
    <cellStyle name="Обычный 3 8 2 5 2 2 2" xfId="28464"/>
    <cellStyle name="Обычный 3 8 2 5 2 3" xfId="28465"/>
    <cellStyle name="Обычный 3 8 2 5 2 3 2" xfId="28466"/>
    <cellStyle name="Обычный 3 8 2 5 2 4" xfId="28467"/>
    <cellStyle name="Обычный 3 8 2 5 3" xfId="28468"/>
    <cellStyle name="Обычный 3 8 2 5 3 2" xfId="28469"/>
    <cellStyle name="Обычный 3 8 2 5 4" xfId="28470"/>
    <cellStyle name="Обычный 3 8 2 5 4 2" xfId="28471"/>
    <cellStyle name="Обычный 3 8 2 5 5" xfId="28472"/>
    <cellStyle name="Обычный 3 8 2 5 5 2" xfId="28473"/>
    <cellStyle name="Обычный 3 8 2 5 6" xfId="28474"/>
    <cellStyle name="Обычный 3 8 2 6" xfId="28475"/>
    <cellStyle name="Обычный 3 8 2 6 2" xfId="28476"/>
    <cellStyle name="Обычный 3 8 2 6 2 2" xfId="28477"/>
    <cellStyle name="Обычный 3 8 2 6 2 2 2" xfId="28478"/>
    <cellStyle name="Обычный 3 8 2 6 2 3" xfId="28479"/>
    <cellStyle name="Обычный 3 8 2 6 2 3 2" xfId="28480"/>
    <cellStyle name="Обычный 3 8 2 6 2 4" xfId="28481"/>
    <cellStyle name="Обычный 3 8 2 6 3" xfId="28482"/>
    <cellStyle name="Обычный 3 8 2 6 3 2" xfId="28483"/>
    <cellStyle name="Обычный 3 8 2 6 4" xfId="28484"/>
    <cellStyle name="Обычный 3 8 2 6 4 2" xfId="28485"/>
    <cellStyle name="Обычный 3 8 2 6 5" xfId="28486"/>
    <cellStyle name="Обычный 3 8 2 6 5 2" xfId="28487"/>
    <cellStyle name="Обычный 3 8 2 6 6" xfId="28488"/>
    <cellStyle name="Обычный 3 8 2 7" xfId="28489"/>
    <cellStyle name="Обычный 3 8 2 7 2" xfId="28490"/>
    <cellStyle name="Обычный 3 8 2 7 2 2" xfId="28491"/>
    <cellStyle name="Обычный 3 8 2 7 2 2 2" xfId="28492"/>
    <cellStyle name="Обычный 3 8 2 7 2 3" xfId="28493"/>
    <cellStyle name="Обычный 3 8 2 7 2 3 2" xfId="28494"/>
    <cellStyle name="Обычный 3 8 2 7 2 4" xfId="28495"/>
    <cellStyle name="Обычный 3 8 2 7 3" xfId="28496"/>
    <cellStyle name="Обычный 3 8 2 7 3 2" xfId="28497"/>
    <cellStyle name="Обычный 3 8 2 7 4" xfId="28498"/>
    <cellStyle name="Обычный 3 8 2 7 4 2" xfId="28499"/>
    <cellStyle name="Обычный 3 8 2 7 5" xfId="28500"/>
    <cellStyle name="Обычный 3 8 2 7 5 2" xfId="28501"/>
    <cellStyle name="Обычный 3 8 2 7 6" xfId="28502"/>
    <cellStyle name="Обычный 3 8 2 8" xfId="28503"/>
    <cellStyle name="Обычный 3 8 2 8 2" xfId="28504"/>
    <cellStyle name="Обычный 3 8 2 8 2 2" xfId="28505"/>
    <cellStyle name="Обычный 3 8 2 8 3" xfId="28506"/>
    <cellStyle name="Обычный 3 8 2 8 3 2" xfId="28507"/>
    <cellStyle name="Обычный 3 8 2 8 4" xfId="28508"/>
    <cellStyle name="Обычный 3 8 2 9" xfId="28509"/>
    <cellStyle name="Обычный 3 8 2 9 2" xfId="28510"/>
    <cellStyle name="Обычный 3 8 2 9 2 2" xfId="28511"/>
    <cellStyle name="Обычный 3 8 2 9 3" xfId="28512"/>
    <cellStyle name="Обычный 3 8 3" xfId="28513"/>
    <cellStyle name="Обычный 3 8 3 10" xfId="28514"/>
    <cellStyle name="Обычный 3 8 3 2" xfId="28515"/>
    <cellStyle name="Обычный 3 8 3 2 2" xfId="28516"/>
    <cellStyle name="Обычный 3 8 3 2 2 2" xfId="28517"/>
    <cellStyle name="Обычный 3 8 3 2 2 2 2" xfId="28518"/>
    <cellStyle name="Обычный 3 8 3 2 2 3" xfId="28519"/>
    <cellStyle name="Обычный 3 8 3 2 2 3 2" xfId="28520"/>
    <cellStyle name="Обычный 3 8 3 2 2 4" xfId="28521"/>
    <cellStyle name="Обычный 3 8 3 2 3" xfId="28522"/>
    <cellStyle name="Обычный 3 8 3 2 3 2" xfId="28523"/>
    <cellStyle name="Обычный 3 8 3 2 4" xfId="28524"/>
    <cellStyle name="Обычный 3 8 3 2 4 2" xfId="28525"/>
    <cellStyle name="Обычный 3 8 3 2 5" xfId="28526"/>
    <cellStyle name="Обычный 3 8 3 2 5 2" xfId="28527"/>
    <cellStyle name="Обычный 3 8 3 2 6" xfId="28528"/>
    <cellStyle name="Обычный 3 8 3 3" xfId="28529"/>
    <cellStyle name="Обычный 3 8 3 3 2" xfId="28530"/>
    <cellStyle name="Обычный 3 8 3 3 2 2" xfId="28531"/>
    <cellStyle name="Обычный 3 8 3 3 2 2 2" xfId="28532"/>
    <cellStyle name="Обычный 3 8 3 3 2 3" xfId="28533"/>
    <cellStyle name="Обычный 3 8 3 3 2 3 2" xfId="28534"/>
    <cellStyle name="Обычный 3 8 3 3 2 4" xfId="28535"/>
    <cellStyle name="Обычный 3 8 3 3 3" xfId="28536"/>
    <cellStyle name="Обычный 3 8 3 3 3 2" xfId="28537"/>
    <cellStyle name="Обычный 3 8 3 3 4" xfId="28538"/>
    <cellStyle name="Обычный 3 8 3 3 4 2" xfId="28539"/>
    <cellStyle name="Обычный 3 8 3 3 5" xfId="28540"/>
    <cellStyle name="Обычный 3 8 3 3 5 2" xfId="28541"/>
    <cellStyle name="Обычный 3 8 3 3 6" xfId="28542"/>
    <cellStyle name="Обычный 3 8 3 4" xfId="28543"/>
    <cellStyle name="Обычный 3 8 3 4 2" xfId="28544"/>
    <cellStyle name="Обычный 3 8 3 4 2 2" xfId="28545"/>
    <cellStyle name="Обычный 3 8 3 4 2 2 2" xfId="28546"/>
    <cellStyle name="Обычный 3 8 3 4 2 3" xfId="28547"/>
    <cellStyle name="Обычный 3 8 3 4 2 3 2" xfId="28548"/>
    <cellStyle name="Обычный 3 8 3 4 2 4" xfId="28549"/>
    <cellStyle name="Обычный 3 8 3 4 3" xfId="28550"/>
    <cellStyle name="Обычный 3 8 3 4 3 2" xfId="28551"/>
    <cellStyle name="Обычный 3 8 3 4 4" xfId="28552"/>
    <cellStyle name="Обычный 3 8 3 4 4 2" xfId="28553"/>
    <cellStyle name="Обычный 3 8 3 4 5" xfId="28554"/>
    <cellStyle name="Обычный 3 8 3 4 5 2" xfId="28555"/>
    <cellStyle name="Обычный 3 8 3 4 6" xfId="28556"/>
    <cellStyle name="Обычный 3 8 3 5" xfId="28557"/>
    <cellStyle name="Обычный 3 8 3 5 2" xfId="28558"/>
    <cellStyle name="Обычный 3 8 3 5 2 2" xfId="28559"/>
    <cellStyle name="Обычный 3 8 3 5 2 2 2" xfId="28560"/>
    <cellStyle name="Обычный 3 8 3 5 2 3" xfId="28561"/>
    <cellStyle name="Обычный 3 8 3 5 2 3 2" xfId="28562"/>
    <cellStyle name="Обычный 3 8 3 5 2 4" xfId="28563"/>
    <cellStyle name="Обычный 3 8 3 5 3" xfId="28564"/>
    <cellStyle name="Обычный 3 8 3 5 3 2" xfId="28565"/>
    <cellStyle name="Обычный 3 8 3 5 4" xfId="28566"/>
    <cellStyle name="Обычный 3 8 3 5 4 2" xfId="28567"/>
    <cellStyle name="Обычный 3 8 3 5 5" xfId="28568"/>
    <cellStyle name="Обычный 3 8 3 5 5 2" xfId="28569"/>
    <cellStyle name="Обычный 3 8 3 5 6" xfId="28570"/>
    <cellStyle name="Обычный 3 8 3 6" xfId="28571"/>
    <cellStyle name="Обычный 3 8 3 6 2" xfId="28572"/>
    <cellStyle name="Обычный 3 8 3 6 2 2" xfId="28573"/>
    <cellStyle name="Обычный 3 8 3 6 3" xfId="28574"/>
    <cellStyle name="Обычный 3 8 3 6 3 2" xfId="28575"/>
    <cellStyle name="Обычный 3 8 3 6 4" xfId="28576"/>
    <cellStyle name="Обычный 3 8 3 7" xfId="28577"/>
    <cellStyle name="Обычный 3 8 3 7 2" xfId="28578"/>
    <cellStyle name="Обычный 3 8 3 8" xfId="28579"/>
    <cellStyle name="Обычный 3 8 3 8 2" xfId="28580"/>
    <cellStyle name="Обычный 3 8 3 9" xfId="28581"/>
    <cellStyle name="Обычный 3 8 3 9 2" xfId="28582"/>
    <cellStyle name="Обычный 3 8 4" xfId="28583"/>
    <cellStyle name="Обычный 3 8 4 2" xfId="28584"/>
    <cellStyle name="Обычный 3 8 4 2 2" xfId="28585"/>
    <cellStyle name="Обычный 3 8 4 2 2 2" xfId="28586"/>
    <cellStyle name="Обычный 3 8 4 2 2 2 2" xfId="28587"/>
    <cellStyle name="Обычный 3 8 4 2 2 3" xfId="28588"/>
    <cellStyle name="Обычный 3 8 4 2 2 3 2" xfId="28589"/>
    <cellStyle name="Обычный 3 8 4 2 2 4" xfId="28590"/>
    <cellStyle name="Обычный 3 8 4 2 3" xfId="28591"/>
    <cellStyle name="Обычный 3 8 4 2 3 2" xfId="28592"/>
    <cellStyle name="Обычный 3 8 4 2 4" xfId="28593"/>
    <cellStyle name="Обычный 3 8 4 2 4 2" xfId="28594"/>
    <cellStyle name="Обычный 3 8 4 2 5" xfId="28595"/>
    <cellStyle name="Обычный 3 8 4 2 5 2" xfId="28596"/>
    <cellStyle name="Обычный 3 8 4 2 6" xfId="28597"/>
    <cellStyle name="Обычный 3 8 4 3" xfId="28598"/>
    <cellStyle name="Обычный 3 8 4 3 2" xfId="28599"/>
    <cellStyle name="Обычный 3 8 4 3 2 2" xfId="28600"/>
    <cellStyle name="Обычный 3 8 4 3 2 2 2" xfId="28601"/>
    <cellStyle name="Обычный 3 8 4 3 2 3" xfId="28602"/>
    <cellStyle name="Обычный 3 8 4 3 2 3 2" xfId="28603"/>
    <cellStyle name="Обычный 3 8 4 3 2 4" xfId="28604"/>
    <cellStyle name="Обычный 3 8 4 3 3" xfId="28605"/>
    <cellStyle name="Обычный 3 8 4 3 3 2" xfId="28606"/>
    <cellStyle name="Обычный 3 8 4 3 4" xfId="28607"/>
    <cellStyle name="Обычный 3 8 4 3 4 2" xfId="28608"/>
    <cellStyle name="Обычный 3 8 4 3 5" xfId="28609"/>
    <cellStyle name="Обычный 3 8 4 3 5 2" xfId="28610"/>
    <cellStyle name="Обычный 3 8 4 3 6" xfId="28611"/>
    <cellStyle name="Обычный 3 8 4 4" xfId="28612"/>
    <cellStyle name="Обычный 3 8 4 4 2" xfId="28613"/>
    <cellStyle name="Обычный 3 8 4 4 2 2" xfId="28614"/>
    <cellStyle name="Обычный 3 8 4 4 2 2 2" xfId="28615"/>
    <cellStyle name="Обычный 3 8 4 4 2 3" xfId="28616"/>
    <cellStyle name="Обычный 3 8 4 4 2 3 2" xfId="28617"/>
    <cellStyle name="Обычный 3 8 4 4 2 4" xfId="28618"/>
    <cellStyle name="Обычный 3 8 4 4 3" xfId="28619"/>
    <cellStyle name="Обычный 3 8 4 4 3 2" xfId="28620"/>
    <cellStyle name="Обычный 3 8 4 4 4" xfId="28621"/>
    <cellStyle name="Обычный 3 8 4 4 4 2" xfId="28622"/>
    <cellStyle name="Обычный 3 8 4 4 5" xfId="28623"/>
    <cellStyle name="Обычный 3 8 4 4 5 2" xfId="28624"/>
    <cellStyle name="Обычный 3 8 4 4 6" xfId="28625"/>
    <cellStyle name="Обычный 3 8 4 5" xfId="28626"/>
    <cellStyle name="Обычный 3 8 4 5 2" xfId="28627"/>
    <cellStyle name="Обычный 3 8 4 5 2 2" xfId="28628"/>
    <cellStyle name="Обычный 3 8 4 5 3" xfId="28629"/>
    <cellStyle name="Обычный 3 8 4 5 3 2" xfId="28630"/>
    <cellStyle name="Обычный 3 8 4 5 4" xfId="28631"/>
    <cellStyle name="Обычный 3 8 4 6" xfId="28632"/>
    <cellStyle name="Обычный 3 8 4 6 2" xfId="28633"/>
    <cellStyle name="Обычный 3 8 4 7" xfId="28634"/>
    <cellStyle name="Обычный 3 8 4 7 2" xfId="28635"/>
    <cellStyle name="Обычный 3 8 4 8" xfId="28636"/>
    <cellStyle name="Обычный 3 8 4 8 2" xfId="28637"/>
    <cellStyle name="Обычный 3 8 4 9" xfId="28638"/>
    <cellStyle name="Обычный 3 8 5" xfId="28639"/>
    <cellStyle name="Обычный 3 8 5 2" xfId="28640"/>
    <cellStyle name="Обычный 3 8 5 2 2" xfId="28641"/>
    <cellStyle name="Обычный 3 8 5 2 2 2" xfId="28642"/>
    <cellStyle name="Обычный 3 8 5 2 3" xfId="28643"/>
    <cellStyle name="Обычный 3 8 5 2 3 2" xfId="28644"/>
    <cellStyle name="Обычный 3 8 5 2 4" xfId="28645"/>
    <cellStyle name="Обычный 3 8 5 3" xfId="28646"/>
    <cellStyle name="Обычный 3 8 5 3 2" xfId="28647"/>
    <cellStyle name="Обычный 3 8 5 4" xfId="28648"/>
    <cellStyle name="Обычный 3 8 5 4 2" xfId="28649"/>
    <cellStyle name="Обычный 3 8 5 5" xfId="28650"/>
    <cellStyle name="Обычный 3 8 5 5 2" xfId="28651"/>
    <cellStyle name="Обычный 3 8 5 6" xfId="28652"/>
    <cellStyle name="Обычный 3 8 6" xfId="28653"/>
    <cellStyle name="Обычный 3 8 6 2" xfId="28654"/>
    <cellStyle name="Обычный 3 8 6 2 2" xfId="28655"/>
    <cellStyle name="Обычный 3 8 6 2 2 2" xfId="28656"/>
    <cellStyle name="Обычный 3 8 6 2 3" xfId="28657"/>
    <cellStyle name="Обычный 3 8 6 2 3 2" xfId="28658"/>
    <cellStyle name="Обычный 3 8 6 2 4" xfId="28659"/>
    <cellStyle name="Обычный 3 8 6 3" xfId="28660"/>
    <cellStyle name="Обычный 3 8 6 3 2" xfId="28661"/>
    <cellStyle name="Обычный 3 8 6 4" xfId="28662"/>
    <cellStyle name="Обычный 3 8 6 4 2" xfId="28663"/>
    <cellStyle name="Обычный 3 8 6 5" xfId="28664"/>
    <cellStyle name="Обычный 3 8 6 5 2" xfId="28665"/>
    <cellStyle name="Обычный 3 8 6 6" xfId="28666"/>
    <cellStyle name="Обычный 3 8 7" xfId="28667"/>
    <cellStyle name="Обычный 3 8 7 2" xfId="28668"/>
    <cellStyle name="Обычный 3 8 7 2 2" xfId="28669"/>
    <cellStyle name="Обычный 3 8 7 2 2 2" xfId="28670"/>
    <cellStyle name="Обычный 3 8 7 2 3" xfId="28671"/>
    <cellStyle name="Обычный 3 8 7 2 3 2" xfId="28672"/>
    <cellStyle name="Обычный 3 8 7 2 4" xfId="28673"/>
    <cellStyle name="Обычный 3 8 7 3" xfId="28674"/>
    <cellStyle name="Обычный 3 8 7 3 2" xfId="28675"/>
    <cellStyle name="Обычный 3 8 7 4" xfId="28676"/>
    <cellStyle name="Обычный 3 8 7 4 2" xfId="28677"/>
    <cellStyle name="Обычный 3 8 7 5" xfId="28678"/>
    <cellStyle name="Обычный 3 8 7 5 2" xfId="28679"/>
    <cellStyle name="Обычный 3 8 7 6" xfId="28680"/>
    <cellStyle name="Обычный 3 8 8" xfId="28681"/>
    <cellStyle name="Обычный 3 8 8 2" xfId="28682"/>
    <cellStyle name="Обычный 3 8 8 2 2" xfId="28683"/>
    <cellStyle name="Обычный 3 8 8 2 2 2" xfId="28684"/>
    <cellStyle name="Обычный 3 8 8 2 3" xfId="28685"/>
    <cellStyle name="Обычный 3 8 8 2 3 2" xfId="28686"/>
    <cellStyle name="Обычный 3 8 8 2 4" xfId="28687"/>
    <cellStyle name="Обычный 3 8 8 3" xfId="28688"/>
    <cellStyle name="Обычный 3 8 8 3 2" xfId="28689"/>
    <cellStyle name="Обычный 3 8 8 4" xfId="28690"/>
    <cellStyle name="Обычный 3 8 8 4 2" xfId="28691"/>
    <cellStyle name="Обычный 3 8 8 5" xfId="28692"/>
    <cellStyle name="Обычный 3 8 8 5 2" xfId="28693"/>
    <cellStyle name="Обычный 3 8 8 6" xfId="28694"/>
    <cellStyle name="Обычный 3 8 9" xfId="28695"/>
    <cellStyle name="Обычный 3 8 9 2" xfId="28696"/>
    <cellStyle name="Обычный 3 8 9 2 2" xfId="28697"/>
    <cellStyle name="Обычный 3 8 9 3" xfId="28698"/>
    <cellStyle name="Обычный 3 8 9 3 2" xfId="28699"/>
    <cellStyle name="Обычный 3 8 9 4" xfId="28700"/>
    <cellStyle name="Обычный 3 9" xfId="28701"/>
    <cellStyle name="Обычный 3 9 10" xfId="28702"/>
    <cellStyle name="Обычный 3 9 10 2" xfId="28703"/>
    <cellStyle name="Обычный 3 9 10 2 2" xfId="28704"/>
    <cellStyle name="Обычный 3 9 10 3" xfId="28705"/>
    <cellStyle name="Обычный 3 9 11" xfId="28706"/>
    <cellStyle name="Обычный 3 9 11 2" xfId="28707"/>
    <cellStyle name="Обычный 3 9 12" xfId="28708"/>
    <cellStyle name="Обычный 3 9 12 2" xfId="28709"/>
    <cellStyle name="Обычный 3 9 13" xfId="28710"/>
    <cellStyle name="Обычный 3 9 14" xfId="28711"/>
    <cellStyle name="Обычный 3 9 2" xfId="28712"/>
    <cellStyle name="Обычный 3 9 2 10" xfId="28713"/>
    <cellStyle name="Обычный 3 9 2 10 2" xfId="28714"/>
    <cellStyle name="Обычный 3 9 2 11" xfId="28715"/>
    <cellStyle name="Обычный 3 9 2 11 2" xfId="28716"/>
    <cellStyle name="Обычный 3 9 2 12" xfId="28717"/>
    <cellStyle name="Обычный 3 9 2 13" xfId="28718"/>
    <cellStyle name="Обычный 3 9 2 2" xfId="28719"/>
    <cellStyle name="Обычный 3 9 2 2 10" xfId="28720"/>
    <cellStyle name="Обычный 3 9 2 2 2" xfId="28721"/>
    <cellStyle name="Обычный 3 9 2 2 2 2" xfId="28722"/>
    <cellStyle name="Обычный 3 9 2 2 2 2 2" xfId="28723"/>
    <cellStyle name="Обычный 3 9 2 2 2 2 2 2" xfId="28724"/>
    <cellStyle name="Обычный 3 9 2 2 2 2 3" xfId="28725"/>
    <cellStyle name="Обычный 3 9 2 2 2 2 3 2" xfId="28726"/>
    <cellStyle name="Обычный 3 9 2 2 2 2 4" xfId="28727"/>
    <cellStyle name="Обычный 3 9 2 2 2 3" xfId="28728"/>
    <cellStyle name="Обычный 3 9 2 2 2 3 2" xfId="28729"/>
    <cellStyle name="Обычный 3 9 2 2 2 4" xfId="28730"/>
    <cellStyle name="Обычный 3 9 2 2 2 4 2" xfId="28731"/>
    <cellStyle name="Обычный 3 9 2 2 2 5" xfId="28732"/>
    <cellStyle name="Обычный 3 9 2 2 2 5 2" xfId="28733"/>
    <cellStyle name="Обычный 3 9 2 2 2 6" xfId="28734"/>
    <cellStyle name="Обычный 3 9 2 2 3" xfId="28735"/>
    <cellStyle name="Обычный 3 9 2 2 3 2" xfId="28736"/>
    <cellStyle name="Обычный 3 9 2 2 3 2 2" xfId="28737"/>
    <cellStyle name="Обычный 3 9 2 2 3 2 2 2" xfId="28738"/>
    <cellStyle name="Обычный 3 9 2 2 3 2 3" xfId="28739"/>
    <cellStyle name="Обычный 3 9 2 2 3 2 3 2" xfId="28740"/>
    <cellStyle name="Обычный 3 9 2 2 3 2 4" xfId="28741"/>
    <cellStyle name="Обычный 3 9 2 2 3 3" xfId="28742"/>
    <cellStyle name="Обычный 3 9 2 2 3 3 2" xfId="28743"/>
    <cellStyle name="Обычный 3 9 2 2 3 4" xfId="28744"/>
    <cellStyle name="Обычный 3 9 2 2 3 4 2" xfId="28745"/>
    <cellStyle name="Обычный 3 9 2 2 3 5" xfId="28746"/>
    <cellStyle name="Обычный 3 9 2 2 3 5 2" xfId="28747"/>
    <cellStyle name="Обычный 3 9 2 2 3 6" xfId="28748"/>
    <cellStyle name="Обычный 3 9 2 2 4" xfId="28749"/>
    <cellStyle name="Обычный 3 9 2 2 4 2" xfId="28750"/>
    <cellStyle name="Обычный 3 9 2 2 4 2 2" xfId="28751"/>
    <cellStyle name="Обычный 3 9 2 2 4 2 2 2" xfId="28752"/>
    <cellStyle name="Обычный 3 9 2 2 4 2 3" xfId="28753"/>
    <cellStyle name="Обычный 3 9 2 2 4 2 3 2" xfId="28754"/>
    <cellStyle name="Обычный 3 9 2 2 4 2 4" xfId="28755"/>
    <cellStyle name="Обычный 3 9 2 2 4 3" xfId="28756"/>
    <cellStyle name="Обычный 3 9 2 2 4 3 2" xfId="28757"/>
    <cellStyle name="Обычный 3 9 2 2 4 4" xfId="28758"/>
    <cellStyle name="Обычный 3 9 2 2 4 4 2" xfId="28759"/>
    <cellStyle name="Обычный 3 9 2 2 4 5" xfId="28760"/>
    <cellStyle name="Обычный 3 9 2 2 4 5 2" xfId="28761"/>
    <cellStyle name="Обычный 3 9 2 2 4 6" xfId="28762"/>
    <cellStyle name="Обычный 3 9 2 2 5" xfId="28763"/>
    <cellStyle name="Обычный 3 9 2 2 5 2" xfId="28764"/>
    <cellStyle name="Обычный 3 9 2 2 5 2 2" xfId="28765"/>
    <cellStyle name="Обычный 3 9 2 2 5 2 2 2" xfId="28766"/>
    <cellStyle name="Обычный 3 9 2 2 5 2 3" xfId="28767"/>
    <cellStyle name="Обычный 3 9 2 2 5 2 3 2" xfId="28768"/>
    <cellStyle name="Обычный 3 9 2 2 5 2 4" xfId="28769"/>
    <cellStyle name="Обычный 3 9 2 2 5 3" xfId="28770"/>
    <cellStyle name="Обычный 3 9 2 2 5 3 2" xfId="28771"/>
    <cellStyle name="Обычный 3 9 2 2 5 4" xfId="28772"/>
    <cellStyle name="Обычный 3 9 2 2 5 4 2" xfId="28773"/>
    <cellStyle name="Обычный 3 9 2 2 5 5" xfId="28774"/>
    <cellStyle name="Обычный 3 9 2 2 5 5 2" xfId="28775"/>
    <cellStyle name="Обычный 3 9 2 2 5 6" xfId="28776"/>
    <cellStyle name="Обычный 3 9 2 2 6" xfId="28777"/>
    <cellStyle name="Обычный 3 9 2 2 6 2" xfId="28778"/>
    <cellStyle name="Обычный 3 9 2 2 6 2 2" xfId="28779"/>
    <cellStyle name="Обычный 3 9 2 2 6 3" xfId="28780"/>
    <cellStyle name="Обычный 3 9 2 2 6 3 2" xfId="28781"/>
    <cellStyle name="Обычный 3 9 2 2 6 4" xfId="28782"/>
    <cellStyle name="Обычный 3 9 2 2 7" xfId="28783"/>
    <cellStyle name="Обычный 3 9 2 2 7 2" xfId="28784"/>
    <cellStyle name="Обычный 3 9 2 2 8" xfId="28785"/>
    <cellStyle name="Обычный 3 9 2 2 8 2" xfId="28786"/>
    <cellStyle name="Обычный 3 9 2 2 9" xfId="28787"/>
    <cellStyle name="Обычный 3 9 2 2 9 2" xfId="28788"/>
    <cellStyle name="Обычный 3 9 2 3" xfId="28789"/>
    <cellStyle name="Обычный 3 9 2 3 2" xfId="28790"/>
    <cellStyle name="Обычный 3 9 2 3 2 2" xfId="28791"/>
    <cellStyle name="Обычный 3 9 2 3 2 2 2" xfId="28792"/>
    <cellStyle name="Обычный 3 9 2 3 2 2 2 2" xfId="28793"/>
    <cellStyle name="Обычный 3 9 2 3 2 2 3" xfId="28794"/>
    <cellStyle name="Обычный 3 9 2 3 2 2 3 2" xfId="28795"/>
    <cellStyle name="Обычный 3 9 2 3 2 2 4" xfId="28796"/>
    <cellStyle name="Обычный 3 9 2 3 2 3" xfId="28797"/>
    <cellStyle name="Обычный 3 9 2 3 2 3 2" xfId="28798"/>
    <cellStyle name="Обычный 3 9 2 3 2 4" xfId="28799"/>
    <cellStyle name="Обычный 3 9 2 3 2 4 2" xfId="28800"/>
    <cellStyle name="Обычный 3 9 2 3 2 5" xfId="28801"/>
    <cellStyle name="Обычный 3 9 2 3 2 5 2" xfId="28802"/>
    <cellStyle name="Обычный 3 9 2 3 2 6" xfId="28803"/>
    <cellStyle name="Обычный 3 9 2 3 3" xfId="28804"/>
    <cellStyle name="Обычный 3 9 2 3 3 2" xfId="28805"/>
    <cellStyle name="Обычный 3 9 2 3 3 2 2" xfId="28806"/>
    <cellStyle name="Обычный 3 9 2 3 3 2 2 2" xfId="28807"/>
    <cellStyle name="Обычный 3 9 2 3 3 2 3" xfId="28808"/>
    <cellStyle name="Обычный 3 9 2 3 3 2 3 2" xfId="28809"/>
    <cellStyle name="Обычный 3 9 2 3 3 2 4" xfId="28810"/>
    <cellStyle name="Обычный 3 9 2 3 3 3" xfId="28811"/>
    <cellStyle name="Обычный 3 9 2 3 3 3 2" xfId="28812"/>
    <cellStyle name="Обычный 3 9 2 3 3 4" xfId="28813"/>
    <cellStyle name="Обычный 3 9 2 3 3 4 2" xfId="28814"/>
    <cellStyle name="Обычный 3 9 2 3 3 5" xfId="28815"/>
    <cellStyle name="Обычный 3 9 2 3 3 5 2" xfId="28816"/>
    <cellStyle name="Обычный 3 9 2 3 3 6" xfId="28817"/>
    <cellStyle name="Обычный 3 9 2 3 4" xfId="28818"/>
    <cellStyle name="Обычный 3 9 2 3 4 2" xfId="28819"/>
    <cellStyle name="Обычный 3 9 2 3 4 2 2" xfId="28820"/>
    <cellStyle name="Обычный 3 9 2 3 4 2 2 2" xfId="28821"/>
    <cellStyle name="Обычный 3 9 2 3 4 2 3" xfId="28822"/>
    <cellStyle name="Обычный 3 9 2 3 4 2 3 2" xfId="28823"/>
    <cellStyle name="Обычный 3 9 2 3 4 2 4" xfId="28824"/>
    <cellStyle name="Обычный 3 9 2 3 4 3" xfId="28825"/>
    <cellStyle name="Обычный 3 9 2 3 4 3 2" xfId="28826"/>
    <cellStyle name="Обычный 3 9 2 3 4 4" xfId="28827"/>
    <cellStyle name="Обычный 3 9 2 3 4 4 2" xfId="28828"/>
    <cellStyle name="Обычный 3 9 2 3 4 5" xfId="28829"/>
    <cellStyle name="Обычный 3 9 2 3 4 5 2" xfId="28830"/>
    <cellStyle name="Обычный 3 9 2 3 4 6" xfId="28831"/>
    <cellStyle name="Обычный 3 9 2 3 5" xfId="28832"/>
    <cellStyle name="Обычный 3 9 2 3 5 2" xfId="28833"/>
    <cellStyle name="Обычный 3 9 2 3 5 2 2" xfId="28834"/>
    <cellStyle name="Обычный 3 9 2 3 5 3" xfId="28835"/>
    <cellStyle name="Обычный 3 9 2 3 5 3 2" xfId="28836"/>
    <cellStyle name="Обычный 3 9 2 3 5 4" xfId="28837"/>
    <cellStyle name="Обычный 3 9 2 3 6" xfId="28838"/>
    <cellStyle name="Обычный 3 9 2 3 6 2" xfId="28839"/>
    <cellStyle name="Обычный 3 9 2 3 7" xfId="28840"/>
    <cellStyle name="Обычный 3 9 2 3 7 2" xfId="28841"/>
    <cellStyle name="Обычный 3 9 2 3 8" xfId="28842"/>
    <cellStyle name="Обычный 3 9 2 3 8 2" xfId="28843"/>
    <cellStyle name="Обычный 3 9 2 3 9" xfId="28844"/>
    <cellStyle name="Обычный 3 9 2 4" xfId="28845"/>
    <cellStyle name="Обычный 3 9 2 4 2" xfId="28846"/>
    <cellStyle name="Обычный 3 9 2 4 2 2" xfId="28847"/>
    <cellStyle name="Обычный 3 9 2 4 2 2 2" xfId="28848"/>
    <cellStyle name="Обычный 3 9 2 4 2 3" xfId="28849"/>
    <cellStyle name="Обычный 3 9 2 4 2 3 2" xfId="28850"/>
    <cellStyle name="Обычный 3 9 2 4 2 4" xfId="28851"/>
    <cellStyle name="Обычный 3 9 2 4 3" xfId="28852"/>
    <cellStyle name="Обычный 3 9 2 4 3 2" xfId="28853"/>
    <cellStyle name="Обычный 3 9 2 4 4" xfId="28854"/>
    <cellStyle name="Обычный 3 9 2 4 4 2" xfId="28855"/>
    <cellStyle name="Обычный 3 9 2 4 5" xfId="28856"/>
    <cellStyle name="Обычный 3 9 2 4 5 2" xfId="28857"/>
    <cellStyle name="Обычный 3 9 2 4 6" xfId="28858"/>
    <cellStyle name="Обычный 3 9 2 5" xfId="28859"/>
    <cellStyle name="Обычный 3 9 2 5 2" xfId="28860"/>
    <cellStyle name="Обычный 3 9 2 5 2 2" xfId="28861"/>
    <cellStyle name="Обычный 3 9 2 5 2 2 2" xfId="28862"/>
    <cellStyle name="Обычный 3 9 2 5 2 3" xfId="28863"/>
    <cellStyle name="Обычный 3 9 2 5 2 3 2" xfId="28864"/>
    <cellStyle name="Обычный 3 9 2 5 2 4" xfId="28865"/>
    <cellStyle name="Обычный 3 9 2 5 3" xfId="28866"/>
    <cellStyle name="Обычный 3 9 2 5 3 2" xfId="28867"/>
    <cellStyle name="Обычный 3 9 2 5 4" xfId="28868"/>
    <cellStyle name="Обычный 3 9 2 5 4 2" xfId="28869"/>
    <cellStyle name="Обычный 3 9 2 5 5" xfId="28870"/>
    <cellStyle name="Обычный 3 9 2 5 5 2" xfId="28871"/>
    <cellStyle name="Обычный 3 9 2 5 6" xfId="28872"/>
    <cellStyle name="Обычный 3 9 2 6" xfId="28873"/>
    <cellStyle name="Обычный 3 9 2 6 2" xfId="28874"/>
    <cellStyle name="Обычный 3 9 2 6 2 2" xfId="28875"/>
    <cellStyle name="Обычный 3 9 2 6 2 2 2" xfId="28876"/>
    <cellStyle name="Обычный 3 9 2 6 2 3" xfId="28877"/>
    <cellStyle name="Обычный 3 9 2 6 2 3 2" xfId="28878"/>
    <cellStyle name="Обычный 3 9 2 6 2 4" xfId="28879"/>
    <cellStyle name="Обычный 3 9 2 6 3" xfId="28880"/>
    <cellStyle name="Обычный 3 9 2 6 3 2" xfId="28881"/>
    <cellStyle name="Обычный 3 9 2 6 4" xfId="28882"/>
    <cellStyle name="Обычный 3 9 2 6 4 2" xfId="28883"/>
    <cellStyle name="Обычный 3 9 2 6 5" xfId="28884"/>
    <cellStyle name="Обычный 3 9 2 6 5 2" xfId="28885"/>
    <cellStyle name="Обычный 3 9 2 6 6" xfId="28886"/>
    <cellStyle name="Обычный 3 9 2 7" xfId="28887"/>
    <cellStyle name="Обычный 3 9 2 7 2" xfId="28888"/>
    <cellStyle name="Обычный 3 9 2 7 2 2" xfId="28889"/>
    <cellStyle name="Обычный 3 9 2 7 2 2 2" xfId="28890"/>
    <cellStyle name="Обычный 3 9 2 7 2 3" xfId="28891"/>
    <cellStyle name="Обычный 3 9 2 7 2 3 2" xfId="28892"/>
    <cellStyle name="Обычный 3 9 2 7 2 4" xfId="28893"/>
    <cellStyle name="Обычный 3 9 2 7 3" xfId="28894"/>
    <cellStyle name="Обычный 3 9 2 7 3 2" xfId="28895"/>
    <cellStyle name="Обычный 3 9 2 7 4" xfId="28896"/>
    <cellStyle name="Обычный 3 9 2 7 4 2" xfId="28897"/>
    <cellStyle name="Обычный 3 9 2 7 5" xfId="28898"/>
    <cellStyle name="Обычный 3 9 2 7 5 2" xfId="28899"/>
    <cellStyle name="Обычный 3 9 2 7 6" xfId="28900"/>
    <cellStyle name="Обычный 3 9 2 8" xfId="28901"/>
    <cellStyle name="Обычный 3 9 2 8 2" xfId="28902"/>
    <cellStyle name="Обычный 3 9 2 8 2 2" xfId="28903"/>
    <cellStyle name="Обычный 3 9 2 8 3" xfId="28904"/>
    <cellStyle name="Обычный 3 9 2 8 3 2" xfId="28905"/>
    <cellStyle name="Обычный 3 9 2 8 4" xfId="28906"/>
    <cellStyle name="Обычный 3 9 2 9" xfId="28907"/>
    <cellStyle name="Обычный 3 9 2 9 2" xfId="28908"/>
    <cellStyle name="Обычный 3 9 2 9 2 2" xfId="28909"/>
    <cellStyle name="Обычный 3 9 2 9 3" xfId="28910"/>
    <cellStyle name="Обычный 3 9 3" xfId="28911"/>
    <cellStyle name="Обычный 3 9 3 10" xfId="28912"/>
    <cellStyle name="Обычный 3 9 3 2" xfId="28913"/>
    <cellStyle name="Обычный 3 9 3 2 2" xfId="28914"/>
    <cellStyle name="Обычный 3 9 3 2 2 2" xfId="28915"/>
    <cellStyle name="Обычный 3 9 3 2 2 2 2" xfId="28916"/>
    <cellStyle name="Обычный 3 9 3 2 2 3" xfId="28917"/>
    <cellStyle name="Обычный 3 9 3 2 2 3 2" xfId="28918"/>
    <cellStyle name="Обычный 3 9 3 2 2 4" xfId="28919"/>
    <cellStyle name="Обычный 3 9 3 2 3" xfId="28920"/>
    <cellStyle name="Обычный 3 9 3 2 3 2" xfId="28921"/>
    <cellStyle name="Обычный 3 9 3 2 4" xfId="28922"/>
    <cellStyle name="Обычный 3 9 3 2 4 2" xfId="28923"/>
    <cellStyle name="Обычный 3 9 3 2 5" xfId="28924"/>
    <cellStyle name="Обычный 3 9 3 2 5 2" xfId="28925"/>
    <cellStyle name="Обычный 3 9 3 2 6" xfId="28926"/>
    <cellStyle name="Обычный 3 9 3 3" xfId="28927"/>
    <cellStyle name="Обычный 3 9 3 3 2" xfId="28928"/>
    <cellStyle name="Обычный 3 9 3 3 2 2" xfId="28929"/>
    <cellStyle name="Обычный 3 9 3 3 2 2 2" xfId="28930"/>
    <cellStyle name="Обычный 3 9 3 3 2 3" xfId="28931"/>
    <cellStyle name="Обычный 3 9 3 3 2 3 2" xfId="28932"/>
    <cellStyle name="Обычный 3 9 3 3 2 4" xfId="28933"/>
    <cellStyle name="Обычный 3 9 3 3 3" xfId="28934"/>
    <cellStyle name="Обычный 3 9 3 3 3 2" xfId="28935"/>
    <cellStyle name="Обычный 3 9 3 3 4" xfId="28936"/>
    <cellStyle name="Обычный 3 9 3 3 4 2" xfId="28937"/>
    <cellStyle name="Обычный 3 9 3 3 5" xfId="28938"/>
    <cellStyle name="Обычный 3 9 3 3 5 2" xfId="28939"/>
    <cellStyle name="Обычный 3 9 3 3 6" xfId="28940"/>
    <cellStyle name="Обычный 3 9 3 4" xfId="28941"/>
    <cellStyle name="Обычный 3 9 3 4 2" xfId="28942"/>
    <cellStyle name="Обычный 3 9 3 4 2 2" xfId="28943"/>
    <cellStyle name="Обычный 3 9 3 4 2 2 2" xfId="28944"/>
    <cellStyle name="Обычный 3 9 3 4 2 3" xfId="28945"/>
    <cellStyle name="Обычный 3 9 3 4 2 3 2" xfId="28946"/>
    <cellStyle name="Обычный 3 9 3 4 2 4" xfId="28947"/>
    <cellStyle name="Обычный 3 9 3 4 3" xfId="28948"/>
    <cellStyle name="Обычный 3 9 3 4 3 2" xfId="28949"/>
    <cellStyle name="Обычный 3 9 3 4 4" xfId="28950"/>
    <cellStyle name="Обычный 3 9 3 4 4 2" xfId="28951"/>
    <cellStyle name="Обычный 3 9 3 4 5" xfId="28952"/>
    <cellStyle name="Обычный 3 9 3 4 5 2" xfId="28953"/>
    <cellStyle name="Обычный 3 9 3 4 6" xfId="28954"/>
    <cellStyle name="Обычный 3 9 3 5" xfId="28955"/>
    <cellStyle name="Обычный 3 9 3 5 2" xfId="28956"/>
    <cellStyle name="Обычный 3 9 3 5 2 2" xfId="28957"/>
    <cellStyle name="Обычный 3 9 3 5 2 2 2" xfId="28958"/>
    <cellStyle name="Обычный 3 9 3 5 2 3" xfId="28959"/>
    <cellStyle name="Обычный 3 9 3 5 2 3 2" xfId="28960"/>
    <cellStyle name="Обычный 3 9 3 5 2 4" xfId="28961"/>
    <cellStyle name="Обычный 3 9 3 5 3" xfId="28962"/>
    <cellStyle name="Обычный 3 9 3 5 3 2" xfId="28963"/>
    <cellStyle name="Обычный 3 9 3 5 4" xfId="28964"/>
    <cellStyle name="Обычный 3 9 3 5 4 2" xfId="28965"/>
    <cellStyle name="Обычный 3 9 3 5 5" xfId="28966"/>
    <cellStyle name="Обычный 3 9 3 5 5 2" xfId="28967"/>
    <cellStyle name="Обычный 3 9 3 5 6" xfId="28968"/>
    <cellStyle name="Обычный 3 9 3 6" xfId="28969"/>
    <cellStyle name="Обычный 3 9 3 6 2" xfId="28970"/>
    <cellStyle name="Обычный 3 9 3 6 2 2" xfId="28971"/>
    <cellStyle name="Обычный 3 9 3 6 3" xfId="28972"/>
    <cellStyle name="Обычный 3 9 3 6 3 2" xfId="28973"/>
    <cellStyle name="Обычный 3 9 3 6 4" xfId="28974"/>
    <cellStyle name="Обычный 3 9 3 7" xfId="28975"/>
    <cellStyle name="Обычный 3 9 3 7 2" xfId="28976"/>
    <cellStyle name="Обычный 3 9 3 8" xfId="28977"/>
    <cellStyle name="Обычный 3 9 3 8 2" xfId="28978"/>
    <cellStyle name="Обычный 3 9 3 9" xfId="28979"/>
    <cellStyle name="Обычный 3 9 3 9 2" xfId="28980"/>
    <cellStyle name="Обычный 3 9 4" xfId="28981"/>
    <cellStyle name="Обычный 3 9 4 2" xfId="28982"/>
    <cellStyle name="Обычный 3 9 4 2 2" xfId="28983"/>
    <cellStyle name="Обычный 3 9 4 2 2 2" xfId="28984"/>
    <cellStyle name="Обычный 3 9 4 2 2 2 2" xfId="28985"/>
    <cellStyle name="Обычный 3 9 4 2 2 3" xfId="28986"/>
    <cellStyle name="Обычный 3 9 4 2 2 3 2" xfId="28987"/>
    <cellStyle name="Обычный 3 9 4 2 2 4" xfId="28988"/>
    <cellStyle name="Обычный 3 9 4 2 3" xfId="28989"/>
    <cellStyle name="Обычный 3 9 4 2 3 2" xfId="28990"/>
    <cellStyle name="Обычный 3 9 4 2 4" xfId="28991"/>
    <cellStyle name="Обычный 3 9 4 2 4 2" xfId="28992"/>
    <cellStyle name="Обычный 3 9 4 2 5" xfId="28993"/>
    <cellStyle name="Обычный 3 9 4 2 5 2" xfId="28994"/>
    <cellStyle name="Обычный 3 9 4 2 6" xfId="28995"/>
    <cellStyle name="Обычный 3 9 4 3" xfId="28996"/>
    <cellStyle name="Обычный 3 9 4 3 2" xfId="28997"/>
    <cellStyle name="Обычный 3 9 4 3 2 2" xfId="28998"/>
    <cellStyle name="Обычный 3 9 4 3 2 2 2" xfId="28999"/>
    <cellStyle name="Обычный 3 9 4 3 2 3" xfId="29000"/>
    <cellStyle name="Обычный 3 9 4 3 2 3 2" xfId="29001"/>
    <cellStyle name="Обычный 3 9 4 3 2 4" xfId="29002"/>
    <cellStyle name="Обычный 3 9 4 3 3" xfId="29003"/>
    <cellStyle name="Обычный 3 9 4 3 3 2" xfId="29004"/>
    <cellStyle name="Обычный 3 9 4 3 4" xfId="29005"/>
    <cellStyle name="Обычный 3 9 4 3 4 2" xfId="29006"/>
    <cellStyle name="Обычный 3 9 4 3 5" xfId="29007"/>
    <cellStyle name="Обычный 3 9 4 3 5 2" xfId="29008"/>
    <cellStyle name="Обычный 3 9 4 3 6" xfId="29009"/>
    <cellStyle name="Обычный 3 9 4 4" xfId="29010"/>
    <cellStyle name="Обычный 3 9 4 4 2" xfId="29011"/>
    <cellStyle name="Обычный 3 9 4 4 2 2" xfId="29012"/>
    <cellStyle name="Обычный 3 9 4 4 2 2 2" xfId="29013"/>
    <cellStyle name="Обычный 3 9 4 4 2 3" xfId="29014"/>
    <cellStyle name="Обычный 3 9 4 4 2 3 2" xfId="29015"/>
    <cellStyle name="Обычный 3 9 4 4 2 4" xfId="29016"/>
    <cellStyle name="Обычный 3 9 4 4 3" xfId="29017"/>
    <cellStyle name="Обычный 3 9 4 4 3 2" xfId="29018"/>
    <cellStyle name="Обычный 3 9 4 4 4" xfId="29019"/>
    <cellStyle name="Обычный 3 9 4 4 4 2" xfId="29020"/>
    <cellStyle name="Обычный 3 9 4 4 5" xfId="29021"/>
    <cellStyle name="Обычный 3 9 4 4 5 2" xfId="29022"/>
    <cellStyle name="Обычный 3 9 4 4 6" xfId="29023"/>
    <cellStyle name="Обычный 3 9 4 5" xfId="29024"/>
    <cellStyle name="Обычный 3 9 4 5 2" xfId="29025"/>
    <cellStyle name="Обычный 3 9 4 5 2 2" xfId="29026"/>
    <cellStyle name="Обычный 3 9 4 5 3" xfId="29027"/>
    <cellStyle name="Обычный 3 9 4 5 3 2" xfId="29028"/>
    <cellStyle name="Обычный 3 9 4 5 4" xfId="29029"/>
    <cellStyle name="Обычный 3 9 4 6" xfId="29030"/>
    <cellStyle name="Обычный 3 9 4 6 2" xfId="29031"/>
    <cellStyle name="Обычный 3 9 4 7" xfId="29032"/>
    <cellStyle name="Обычный 3 9 4 7 2" xfId="29033"/>
    <cellStyle name="Обычный 3 9 4 8" xfId="29034"/>
    <cellStyle name="Обычный 3 9 4 8 2" xfId="29035"/>
    <cellStyle name="Обычный 3 9 4 9" xfId="29036"/>
    <cellStyle name="Обычный 3 9 5" xfId="29037"/>
    <cellStyle name="Обычный 3 9 5 2" xfId="29038"/>
    <cellStyle name="Обычный 3 9 5 2 2" xfId="29039"/>
    <cellStyle name="Обычный 3 9 5 2 2 2" xfId="29040"/>
    <cellStyle name="Обычный 3 9 5 2 3" xfId="29041"/>
    <cellStyle name="Обычный 3 9 5 2 3 2" xfId="29042"/>
    <cellStyle name="Обычный 3 9 5 2 4" xfId="29043"/>
    <cellStyle name="Обычный 3 9 5 3" xfId="29044"/>
    <cellStyle name="Обычный 3 9 5 3 2" xfId="29045"/>
    <cellStyle name="Обычный 3 9 5 4" xfId="29046"/>
    <cellStyle name="Обычный 3 9 5 4 2" xfId="29047"/>
    <cellStyle name="Обычный 3 9 5 5" xfId="29048"/>
    <cellStyle name="Обычный 3 9 5 5 2" xfId="29049"/>
    <cellStyle name="Обычный 3 9 5 6" xfId="29050"/>
    <cellStyle name="Обычный 3 9 6" xfId="29051"/>
    <cellStyle name="Обычный 3 9 6 2" xfId="29052"/>
    <cellStyle name="Обычный 3 9 6 2 2" xfId="29053"/>
    <cellStyle name="Обычный 3 9 6 2 2 2" xfId="29054"/>
    <cellStyle name="Обычный 3 9 6 2 3" xfId="29055"/>
    <cellStyle name="Обычный 3 9 6 2 3 2" xfId="29056"/>
    <cellStyle name="Обычный 3 9 6 2 4" xfId="29057"/>
    <cellStyle name="Обычный 3 9 6 3" xfId="29058"/>
    <cellStyle name="Обычный 3 9 6 3 2" xfId="29059"/>
    <cellStyle name="Обычный 3 9 6 4" xfId="29060"/>
    <cellStyle name="Обычный 3 9 6 4 2" xfId="29061"/>
    <cellStyle name="Обычный 3 9 6 5" xfId="29062"/>
    <cellStyle name="Обычный 3 9 6 5 2" xfId="29063"/>
    <cellStyle name="Обычный 3 9 6 6" xfId="29064"/>
    <cellStyle name="Обычный 3 9 7" xfId="29065"/>
    <cellStyle name="Обычный 3 9 7 2" xfId="29066"/>
    <cellStyle name="Обычный 3 9 7 2 2" xfId="29067"/>
    <cellStyle name="Обычный 3 9 7 2 2 2" xfId="29068"/>
    <cellStyle name="Обычный 3 9 7 2 3" xfId="29069"/>
    <cellStyle name="Обычный 3 9 7 2 3 2" xfId="29070"/>
    <cellStyle name="Обычный 3 9 7 2 4" xfId="29071"/>
    <cellStyle name="Обычный 3 9 7 3" xfId="29072"/>
    <cellStyle name="Обычный 3 9 7 3 2" xfId="29073"/>
    <cellStyle name="Обычный 3 9 7 4" xfId="29074"/>
    <cellStyle name="Обычный 3 9 7 4 2" xfId="29075"/>
    <cellStyle name="Обычный 3 9 7 5" xfId="29076"/>
    <cellStyle name="Обычный 3 9 7 5 2" xfId="29077"/>
    <cellStyle name="Обычный 3 9 7 6" xfId="29078"/>
    <cellStyle name="Обычный 3 9 8" xfId="29079"/>
    <cellStyle name="Обычный 3 9 8 2" xfId="29080"/>
    <cellStyle name="Обычный 3 9 8 2 2" xfId="29081"/>
    <cellStyle name="Обычный 3 9 8 2 2 2" xfId="29082"/>
    <cellStyle name="Обычный 3 9 8 2 3" xfId="29083"/>
    <cellStyle name="Обычный 3 9 8 2 3 2" xfId="29084"/>
    <cellStyle name="Обычный 3 9 8 2 4" xfId="29085"/>
    <cellStyle name="Обычный 3 9 8 3" xfId="29086"/>
    <cellStyle name="Обычный 3 9 8 3 2" xfId="29087"/>
    <cellStyle name="Обычный 3 9 8 4" xfId="29088"/>
    <cellStyle name="Обычный 3 9 8 4 2" xfId="29089"/>
    <cellStyle name="Обычный 3 9 8 5" xfId="29090"/>
    <cellStyle name="Обычный 3 9 8 5 2" xfId="29091"/>
    <cellStyle name="Обычный 3 9 8 6" xfId="29092"/>
    <cellStyle name="Обычный 3 9 9" xfId="29093"/>
    <cellStyle name="Обычный 3 9 9 2" xfId="29094"/>
    <cellStyle name="Обычный 3 9 9 2 2" xfId="29095"/>
    <cellStyle name="Обычный 3 9 9 3" xfId="29096"/>
    <cellStyle name="Обычный 3 9 9 3 2" xfId="29097"/>
    <cellStyle name="Обычный 3 9 9 4" xfId="29098"/>
    <cellStyle name="Обычный 4" xfId="14"/>
    <cellStyle name="Обычный 4 2" xfId="5"/>
    <cellStyle name="Обычный 4 2 2" xfId="29100"/>
    <cellStyle name="Обычный 4 2 3" xfId="29101"/>
    <cellStyle name="Обычный 4 2 4" xfId="29102"/>
    <cellStyle name="Обычный 4 3" xfId="29103"/>
    <cellStyle name="Обычный 4 3 2" xfId="29104"/>
    <cellStyle name="Обычный 4 4" xfId="29105"/>
    <cellStyle name="Обычный 4 4 2" xfId="29106"/>
    <cellStyle name="Обычный 4 4 2 2" xfId="29107"/>
    <cellStyle name="Обычный 4 4 2 2 2" xfId="29108"/>
    <cellStyle name="Обычный 4 4 2 3" xfId="29109"/>
    <cellStyle name="Обычный 4 4 2 3 2" xfId="29110"/>
    <cellStyle name="Обычный 4 4 2 4" xfId="29111"/>
    <cellStyle name="Обычный 4 4 3" xfId="29112"/>
    <cellStyle name="Обычный 4 4 3 2" xfId="29113"/>
    <cellStyle name="Обычный 4 4 4" xfId="29114"/>
    <cellStyle name="Обычный 4 4 4 2" xfId="29115"/>
    <cellStyle name="Обычный 4 4 5" xfId="29116"/>
    <cellStyle name="Обычный 4 4 5 2" xfId="29117"/>
    <cellStyle name="Обычный 4 4 6" xfId="29118"/>
    <cellStyle name="Обычный 4 5" xfId="29119"/>
    <cellStyle name="Обычный 4 6" xfId="29120"/>
    <cellStyle name="Обычный 4 7" xfId="29099"/>
    <cellStyle name="Обычный 4 8" xfId="38"/>
    <cellStyle name="Обычный 5" xfId="16"/>
    <cellStyle name="Обычный 5 2" xfId="29122"/>
    <cellStyle name="Обычный 5 2 2" xfId="29123"/>
    <cellStyle name="Обычный 5 3" xfId="29124"/>
    <cellStyle name="Обычный 5 4" xfId="29125"/>
    <cellStyle name="Обычный 5 5" xfId="29121"/>
    <cellStyle name="Обычный 6" xfId="23"/>
    <cellStyle name="Обычный 6 10" xfId="29127"/>
    <cellStyle name="Обычный 6 10 10" xfId="29128"/>
    <cellStyle name="Обычный 6 10 10 2" xfId="29129"/>
    <cellStyle name="Обычный 6 10 10 2 2" xfId="29130"/>
    <cellStyle name="Обычный 6 10 10 3" xfId="29131"/>
    <cellStyle name="Обычный 6 10 11" xfId="29132"/>
    <cellStyle name="Обычный 6 10 11 2" xfId="29133"/>
    <cellStyle name="Обычный 6 10 12" xfId="29134"/>
    <cellStyle name="Обычный 6 10 12 2" xfId="29135"/>
    <cellStyle name="Обычный 6 10 13" xfId="29136"/>
    <cellStyle name="Обычный 6 10 14" xfId="29137"/>
    <cellStyle name="Обычный 6 10 2" xfId="29138"/>
    <cellStyle name="Обычный 6 10 2 10" xfId="29139"/>
    <cellStyle name="Обычный 6 10 2 10 2" xfId="29140"/>
    <cellStyle name="Обычный 6 10 2 11" xfId="29141"/>
    <cellStyle name="Обычный 6 10 2 11 2" xfId="29142"/>
    <cellStyle name="Обычный 6 10 2 12" xfId="29143"/>
    <cellStyle name="Обычный 6 10 2 13" xfId="29144"/>
    <cellStyle name="Обычный 6 10 2 2" xfId="29145"/>
    <cellStyle name="Обычный 6 10 2 2 10" xfId="29146"/>
    <cellStyle name="Обычный 6 10 2 2 2" xfId="29147"/>
    <cellStyle name="Обычный 6 10 2 2 2 2" xfId="29148"/>
    <cellStyle name="Обычный 6 10 2 2 2 2 2" xfId="29149"/>
    <cellStyle name="Обычный 6 10 2 2 2 2 2 2" xfId="29150"/>
    <cellStyle name="Обычный 6 10 2 2 2 2 3" xfId="29151"/>
    <cellStyle name="Обычный 6 10 2 2 2 2 3 2" xfId="29152"/>
    <cellStyle name="Обычный 6 10 2 2 2 2 4" xfId="29153"/>
    <cellStyle name="Обычный 6 10 2 2 2 3" xfId="29154"/>
    <cellStyle name="Обычный 6 10 2 2 2 3 2" xfId="29155"/>
    <cellStyle name="Обычный 6 10 2 2 2 4" xfId="29156"/>
    <cellStyle name="Обычный 6 10 2 2 2 4 2" xfId="29157"/>
    <cellStyle name="Обычный 6 10 2 2 2 5" xfId="29158"/>
    <cellStyle name="Обычный 6 10 2 2 2 5 2" xfId="29159"/>
    <cellStyle name="Обычный 6 10 2 2 2 6" xfId="29160"/>
    <cellStyle name="Обычный 6 10 2 2 3" xfId="29161"/>
    <cellStyle name="Обычный 6 10 2 2 3 2" xfId="29162"/>
    <cellStyle name="Обычный 6 10 2 2 3 2 2" xfId="29163"/>
    <cellStyle name="Обычный 6 10 2 2 3 2 2 2" xfId="29164"/>
    <cellStyle name="Обычный 6 10 2 2 3 2 3" xfId="29165"/>
    <cellStyle name="Обычный 6 10 2 2 3 2 3 2" xfId="29166"/>
    <cellStyle name="Обычный 6 10 2 2 3 2 4" xfId="29167"/>
    <cellStyle name="Обычный 6 10 2 2 3 3" xfId="29168"/>
    <cellStyle name="Обычный 6 10 2 2 3 3 2" xfId="29169"/>
    <cellStyle name="Обычный 6 10 2 2 3 4" xfId="29170"/>
    <cellStyle name="Обычный 6 10 2 2 3 4 2" xfId="29171"/>
    <cellStyle name="Обычный 6 10 2 2 3 5" xfId="29172"/>
    <cellStyle name="Обычный 6 10 2 2 3 5 2" xfId="29173"/>
    <cellStyle name="Обычный 6 10 2 2 3 6" xfId="29174"/>
    <cellStyle name="Обычный 6 10 2 2 4" xfId="29175"/>
    <cellStyle name="Обычный 6 10 2 2 4 2" xfId="29176"/>
    <cellStyle name="Обычный 6 10 2 2 4 2 2" xfId="29177"/>
    <cellStyle name="Обычный 6 10 2 2 4 2 2 2" xfId="29178"/>
    <cellStyle name="Обычный 6 10 2 2 4 2 3" xfId="29179"/>
    <cellStyle name="Обычный 6 10 2 2 4 2 3 2" xfId="29180"/>
    <cellStyle name="Обычный 6 10 2 2 4 2 4" xfId="29181"/>
    <cellStyle name="Обычный 6 10 2 2 4 3" xfId="29182"/>
    <cellStyle name="Обычный 6 10 2 2 4 3 2" xfId="29183"/>
    <cellStyle name="Обычный 6 10 2 2 4 4" xfId="29184"/>
    <cellStyle name="Обычный 6 10 2 2 4 4 2" xfId="29185"/>
    <cellStyle name="Обычный 6 10 2 2 4 5" xfId="29186"/>
    <cellStyle name="Обычный 6 10 2 2 4 5 2" xfId="29187"/>
    <cellStyle name="Обычный 6 10 2 2 4 6" xfId="29188"/>
    <cellStyle name="Обычный 6 10 2 2 5" xfId="29189"/>
    <cellStyle name="Обычный 6 10 2 2 5 2" xfId="29190"/>
    <cellStyle name="Обычный 6 10 2 2 5 2 2" xfId="29191"/>
    <cellStyle name="Обычный 6 10 2 2 5 2 2 2" xfId="29192"/>
    <cellStyle name="Обычный 6 10 2 2 5 2 3" xfId="29193"/>
    <cellStyle name="Обычный 6 10 2 2 5 2 3 2" xfId="29194"/>
    <cellStyle name="Обычный 6 10 2 2 5 2 4" xfId="29195"/>
    <cellStyle name="Обычный 6 10 2 2 5 3" xfId="29196"/>
    <cellStyle name="Обычный 6 10 2 2 5 3 2" xfId="29197"/>
    <cellStyle name="Обычный 6 10 2 2 5 4" xfId="29198"/>
    <cellStyle name="Обычный 6 10 2 2 5 4 2" xfId="29199"/>
    <cellStyle name="Обычный 6 10 2 2 5 5" xfId="29200"/>
    <cellStyle name="Обычный 6 10 2 2 5 5 2" xfId="29201"/>
    <cellStyle name="Обычный 6 10 2 2 5 6" xfId="29202"/>
    <cellStyle name="Обычный 6 10 2 2 6" xfId="29203"/>
    <cellStyle name="Обычный 6 10 2 2 6 2" xfId="29204"/>
    <cellStyle name="Обычный 6 10 2 2 6 2 2" xfId="29205"/>
    <cellStyle name="Обычный 6 10 2 2 6 3" xfId="29206"/>
    <cellStyle name="Обычный 6 10 2 2 6 3 2" xfId="29207"/>
    <cellStyle name="Обычный 6 10 2 2 6 4" xfId="29208"/>
    <cellStyle name="Обычный 6 10 2 2 7" xfId="29209"/>
    <cellStyle name="Обычный 6 10 2 2 7 2" xfId="29210"/>
    <cellStyle name="Обычный 6 10 2 2 8" xfId="29211"/>
    <cellStyle name="Обычный 6 10 2 2 8 2" xfId="29212"/>
    <cellStyle name="Обычный 6 10 2 2 9" xfId="29213"/>
    <cellStyle name="Обычный 6 10 2 2 9 2" xfId="29214"/>
    <cellStyle name="Обычный 6 10 2 3" xfId="29215"/>
    <cellStyle name="Обычный 6 10 2 3 2" xfId="29216"/>
    <cellStyle name="Обычный 6 10 2 3 2 2" xfId="29217"/>
    <cellStyle name="Обычный 6 10 2 3 2 2 2" xfId="29218"/>
    <cellStyle name="Обычный 6 10 2 3 2 2 2 2" xfId="29219"/>
    <cellStyle name="Обычный 6 10 2 3 2 2 3" xfId="29220"/>
    <cellStyle name="Обычный 6 10 2 3 2 2 3 2" xfId="29221"/>
    <cellStyle name="Обычный 6 10 2 3 2 2 4" xfId="29222"/>
    <cellStyle name="Обычный 6 10 2 3 2 3" xfId="29223"/>
    <cellStyle name="Обычный 6 10 2 3 2 3 2" xfId="29224"/>
    <cellStyle name="Обычный 6 10 2 3 2 4" xfId="29225"/>
    <cellStyle name="Обычный 6 10 2 3 2 4 2" xfId="29226"/>
    <cellStyle name="Обычный 6 10 2 3 2 5" xfId="29227"/>
    <cellStyle name="Обычный 6 10 2 3 2 5 2" xfId="29228"/>
    <cellStyle name="Обычный 6 10 2 3 2 6" xfId="29229"/>
    <cellStyle name="Обычный 6 10 2 3 3" xfId="29230"/>
    <cellStyle name="Обычный 6 10 2 3 3 2" xfId="29231"/>
    <cellStyle name="Обычный 6 10 2 3 3 2 2" xfId="29232"/>
    <cellStyle name="Обычный 6 10 2 3 3 2 2 2" xfId="29233"/>
    <cellStyle name="Обычный 6 10 2 3 3 2 3" xfId="29234"/>
    <cellStyle name="Обычный 6 10 2 3 3 2 3 2" xfId="29235"/>
    <cellStyle name="Обычный 6 10 2 3 3 2 4" xfId="29236"/>
    <cellStyle name="Обычный 6 10 2 3 3 3" xfId="29237"/>
    <cellStyle name="Обычный 6 10 2 3 3 3 2" xfId="29238"/>
    <cellStyle name="Обычный 6 10 2 3 3 4" xfId="29239"/>
    <cellStyle name="Обычный 6 10 2 3 3 4 2" xfId="29240"/>
    <cellStyle name="Обычный 6 10 2 3 3 5" xfId="29241"/>
    <cellStyle name="Обычный 6 10 2 3 3 5 2" xfId="29242"/>
    <cellStyle name="Обычный 6 10 2 3 3 6" xfId="29243"/>
    <cellStyle name="Обычный 6 10 2 3 4" xfId="29244"/>
    <cellStyle name="Обычный 6 10 2 3 4 2" xfId="29245"/>
    <cellStyle name="Обычный 6 10 2 3 4 2 2" xfId="29246"/>
    <cellStyle name="Обычный 6 10 2 3 4 2 2 2" xfId="29247"/>
    <cellStyle name="Обычный 6 10 2 3 4 2 3" xfId="29248"/>
    <cellStyle name="Обычный 6 10 2 3 4 2 3 2" xfId="29249"/>
    <cellStyle name="Обычный 6 10 2 3 4 2 4" xfId="29250"/>
    <cellStyle name="Обычный 6 10 2 3 4 3" xfId="29251"/>
    <cellStyle name="Обычный 6 10 2 3 4 3 2" xfId="29252"/>
    <cellStyle name="Обычный 6 10 2 3 4 4" xfId="29253"/>
    <cellStyle name="Обычный 6 10 2 3 4 4 2" xfId="29254"/>
    <cellStyle name="Обычный 6 10 2 3 4 5" xfId="29255"/>
    <cellStyle name="Обычный 6 10 2 3 4 5 2" xfId="29256"/>
    <cellStyle name="Обычный 6 10 2 3 4 6" xfId="29257"/>
    <cellStyle name="Обычный 6 10 2 3 5" xfId="29258"/>
    <cellStyle name="Обычный 6 10 2 3 5 2" xfId="29259"/>
    <cellStyle name="Обычный 6 10 2 3 5 2 2" xfId="29260"/>
    <cellStyle name="Обычный 6 10 2 3 5 3" xfId="29261"/>
    <cellStyle name="Обычный 6 10 2 3 5 3 2" xfId="29262"/>
    <cellStyle name="Обычный 6 10 2 3 5 4" xfId="29263"/>
    <cellStyle name="Обычный 6 10 2 3 6" xfId="29264"/>
    <cellStyle name="Обычный 6 10 2 3 6 2" xfId="29265"/>
    <cellStyle name="Обычный 6 10 2 3 7" xfId="29266"/>
    <cellStyle name="Обычный 6 10 2 3 7 2" xfId="29267"/>
    <cellStyle name="Обычный 6 10 2 3 8" xfId="29268"/>
    <cellStyle name="Обычный 6 10 2 3 8 2" xfId="29269"/>
    <cellStyle name="Обычный 6 10 2 3 9" xfId="29270"/>
    <cellStyle name="Обычный 6 10 2 4" xfId="29271"/>
    <cellStyle name="Обычный 6 10 2 4 2" xfId="29272"/>
    <cellStyle name="Обычный 6 10 2 4 2 2" xfId="29273"/>
    <cellStyle name="Обычный 6 10 2 4 2 2 2" xfId="29274"/>
    <cellStyle name="Обычный 6 10 2 4 2 3" xfId="29275"/>
    <cellStyle name="Обычный 6 10 2 4 2 3 2" xfId="29276"/>
    <cellStyle name="Обычный 6 10 2 4 2 4" xfId="29277"/>
    <cellStyle name="Обычный 6 10 2 4 3" xfId="29278"/>
    <cellStyle name="Обычный 6 10 2 4 3 2" xfId="29279"/>
    <cellStyle name="Обычный 6 10 2 4 4" xfId="29280"/>
    <cellStyle name="Обычный 6 10 2 4 4 2" xfId="29281"/>
    <cellStyle name="Обычный 6 10 2 4 5" xfId="29282"/>
    <cellStyle name="Обычный 6 10 2 4 5 2" xfId="29283"/>
    <cellStyle name="Обычный 6 10 2 4 6" xfId="29284"/>
    <cellStyle name="Обычный 6 10 2 5" xfId="29285"/>
    <cellStyle name="Обычный 6 10 2 5 2" xfId="29286"/>
    <cellStyle name="Обычный 6 10 2 5 2 2" xfId="29287"/>
    <cellStyle name="Обычный 6 10 2 5 2 2 2" xfId="29288"/>
    <cellStyle name="Обычный 6 10 2 5 2 3" xfId="29289"/>
    <cellStyle name="Обычный 6 10 2 5 2 3 2" xfId="29290"/>
    <cellStyle name="Обычный 6 10 2 5 2 4" xfId="29291"/>
    <cellStyle name="Обычный 6 10 2 5 3" xfId="29292"/>
    <cellStyle name="Обычный 6 10 2 5 3 2" xfId="29293"/>
    <cellStyle name="Обычный 6 10 2 5 4" xfId="29294"/>
    <cellStyle name="Обычный 6 10 2 5 4 2" xfId="29295"/>
    <cellStyle name="Обычный 6 10 2 5 5" xfId="29296"/>
    <cellStyle name="Обычный 6 10 2 5 5 2" xfId="29297"/>
    <cellStyle name="Обычный 6 10 2 5 6" xfId="29298"/>
    <cellStyle name="Обычный 6 10 2 6" xfId="29299"/>
    <cellStyle name="Обычный 6 10 2 6 2" xfId="29300"/>
    <cellStyle name="Обычный 6 10 2 6 2 2" xfId="29301"/>
    <cellStyle name="Обычный 6 10 2 6 2 2 2" xfId="29302"/>
    <cellStyle name="Обычный 6 10 2 6 2 3" xfId="29303"/>
    <cellStyle name="Обычный 6 10 2 6 2 3 2" xfId="29304"/>
    <cellStyle name="Обычный 6 10 2 6 2 4" xfId="29305"/>
    <cellStyle name="Обычный 6 10 2 6 3" xfId="29306"/>
    <cellStyle name="Обычный 6 10 2 6 3 2" xfId="29307"/>
    <cellStyle name="Обычный 6 10 2 6 4" xfId="29308"/>
    <cellStyle name="Обычный 6 10 2 6 4 2" xfId="29309"/>
    <cellStyle name="Обычный 6 10 2 6 5" xfId="29310"/>
    <cellStyle name="Обычный 6 10 2 6 5 2" xfId="29311"/>
    <cellStyle name="Обычный 6 10 2 6 6" xfId="29312"/>
    <cellStyle name="Обычный 6 10 2 7" xfId="29313"/>
    <cellStyle name="Обычный 6 10 2 7 2" xfId="29314"/>
    <cellStyle name="Обычный 6 10 2 7 2 2" xfId="29315"/>
    <cellStyle name="Обычный 6 10 2 7 2 2 2" xfId="29316"/>
    <cellStyle name="Обычный 6 10 2 7 2 3" xfId="29317"/>
    <cellStyle name="Обычный 6 10 2 7 2 3 2" xfId="29318"/>
    <cellStyle name="Обычный 6 10 2 7 2 4" xfId="29319"/>
    <cellStyle name="Обычный 6 10 2 7 3" xfId="29320"/>
    <cellStyle name="Обычный 6 10 2 7 3 2" xfId="29321"/>
    <cellStyle name="Обычный 6 10 2 7 4" xfId="29322"/>
    <cellStyle name="Обычный 6 10 2 7 4 2" xfId="29323"/>
    <cellStyle name="Обычный 6 10 2 7 5" xfId="29324"/>
    <cellStyle name="Обычный 6 10 2 7 5 2" xfId="29325"/>
    <cellStyle name="Обычный 6 10 2 7 6" xfId="29326"/>
    <cellStyle name="Обычный 6 10 2 8" xfId="29327"/>
    <cellStyle name="Обычный 6 10 2 8 2" xfId="29328"/>
    <cellStyle name="Обычный 6 10 2 8 2 2" xfId="29329"/>
    <cellStyle name="Обычный 6 10 2 8 3" xfId="29330"/>
    <cellStyle name="Обычный 6 10 2 8 3 2" xfId="29331"/>
    <cellStyle name="Обычный 6 10 2 8 4" xfId="29332"/>
    <cellStyle name="Обычный 6 10 2 9" xfId="29333"/>
    <cellStyle name="Обычный 6 10 2 9 2" xfId="29334"/>
    <cellStyle name="Обычный 6 10 2 9 2 2" xfId="29335"/>
    <cellStyle name="Обычный 6 10 2 9 3" xfId="29336"/>
    <cellStyle name="Обычный 6 10 3" xfId="29337"/>
    <cellStyle name="Обычный 6 10 3 10" xfId="29338"/>
    <cellStyle name="Обычный 6 10 3 2" xfId="29339"/>
    <cellStyle name="Обычный 6 10 3 2 2" xfId="29340"/>
    <cellStyle name="Обычный 6 10 3 2 2 2" xfId="29341"/>
    <cellStyle name="Обычный 6 10 3 2 2 2 2" xfId="29342"/>
    <cellStyle name="Обычный 6 10 3 2 2 3" xfId="29343"/>
    <cellStyle name="Обычный 6 10 3 2 2 3 2" xfId="29344"/>
    <cellStyle name="Обычный 6 10 3 2 2 4" xfId="29345"/>
    <cellStyle name="Обычный 6 10 3 2 3" xfId="29346"/>
    <cellStyle name="Обычный 6 10 3 2 3 2" xfId="29347"/>
    <cellStyle name="Обычный 6 10 3 2 4" xfId="29348"/>
    <cellStyle name="Обычный 6 10 3 2 4 2" xfId="29349"/>
    <cellStyle name="Обычный 6 10 3 2 5" xfId="29350"/>
    <cellStyle name="Обычный 6 10 3 2 5 2" xfId="29351"/>
    <cellStyle name="Обычный 6 10 3 2 6" xfId="29352"/>
    <cellStyle name="Обычный 6 10 3 3" xfId="29353"/>
    <cellStyle name="Обычный 6 10 3 3 2" xfId="29354"/>
    <cellStyle name="Обычный 6 10 3 3 2 2" xfId="29355"/>
    <cellStyle name="Обычный 6 10 3 3 2 2 2" xfId="29356"/>
    <cellStyle name="Обычный 6 10 3 3 2 3" xfId="29357"/>
    <cellStyle name="Обычный 6 10 3 3 2 3 2" xfId="29358"/>
    <cellStyle name="Обычный 6 10 3 3 2 4" xfId="29359"/>
    <cellStyle name="Обычный 6 10 3 3 3" xfId="29360"/>
    <cellStyle name="Обычный 6 10 3 3 3 2" xfId="29361"/>
    <cellStyle name="Обычный 6 10 3 3 4" xfId="29362"/>
    <cellStyle name="Обычный 6 10 3 3 4 2" xfId="29363"/>
    <cellStyle name="Обычный 6 10 3 3 5" xfId="29364"/>
    <cellStyle name="Обычный 6 10 3 3 5 2" xfId="29365"/>
    <cellStyle name="Обычный 6 10 3 3 6" xfId="29366"/>
    <cellStyle name="Обычный 6 10 3 4" xfId="29367"/>
    <cellStyle name="Обычный 6 10 3 4 2" xfId="29368"/>
    <cellStyle name="Обычный 6 10 3 4 2 2" xfId="29369"/>
    <cellStyle name="Обычный 6 10 3 4 2 2 2" xfId="29370"/>
    <cellStyle name="Обычный 6 10 3 4 2 3" xfId="29371"/>
    <cellStyle name="Обычный 6 10 3 4 2 3 2" xfId="29372"/>
    <cellStyle name="Обычный 6 10 3 4 2 4" xfId="29373"/>
    <cellStyle name="Обычный 6 10 3 4 3" xfId="29374"/>
    <cellStyle name="Обычный 6 10 3 4 3 2" xfId="29375"/>
    <cellStyle name="Обычный 6 10 3 4 4" xfId="29376"/>
    <cellStyle name="Обычный 6 10 3 4 4 2" xfId="29377"/>
    <cellStyle name="Обычный 6 10 3 4 5" xfId="29378"/>
    <cellStyle name="Обычный 6 10 3 4 5 2" xfId="29379"/>
    <cellStyle name="Обычный 6 10 3 4 6" xfId="29380"/>
    <cellStyle name="Обычный 6 10 3 5" xfId="29381"/>
    <cellStyle name="Обычный 6 10 3 5 2" xfId="29382"/>
    <cellStyle name="Обычный 6 10 3 5 2 2" xfId="29383"/>
    <cellStyle name="Обычный 6 10 3 5 2 2 2" xfId="29384"/>
    <cellStyle name="Обычный 6 10 3 5 2 3" xfId="29385"/>
    <cellStyle name="Обычный 6 10 3 5 2 3 2" xfId="29386"/>
    <cellStyle name="Обычный 6 10 3 5 2 4" xfId="29387"/>
    <cellStyle name="Обычный 6 10 3 5 3" xfId="29388"/>
    <cellStyle name="Обычный 6 10 3 5 3 2" xfId="29389"/>
    <cellStyle name="Обычный 6 10 3 5 4" xfId="29390"/>
    <cellStyle name="Обычный 6 10 3 5 4 2" xfId="29391"/>
    <cellStyle name="Обычный 6 10 3 5 5" xfId="29392"/>
    <cellStyle name="Обычный 6 10 3 5 5 2" xfId="29393"/>
    <cellStyle name="Обычный 6 10 3 5 6" xfId="29394"/>
    <cellStyle name="Обычный 6 10 3 6" xfId="29395"/>
    <cellStyle name="Обычный 6 10 3 6 2" xfId="29396"/>
    <cellStyle name="Обычный 6 10 3 6 2 2" xfId="29397"/>
    <cellStyle name="Обычный 6 10 3 6 3" xfId="29398"/>
    <cellStyle name="Обычный 6 10 3 6 3 2" xfId="29399"/>
    <cellStyle name="Обычный 6 10 3 6 4" xfId="29400"/>
    <cellStyle name="Обычный 6 10 3 7" xfId="29401"/>
    <cellStyle name="Обычный 6 10 3 7 2" xfId="29402"/>
    <cellStyle name="Обычный 6 10 3 8" xfId="29403"/>
    <cellStyle name="Обычный 6 10 3 8 2" xfId="29404"/>
    <cellStyle name="Обычный 6 10 3 9" xfId="29405"/>
    <cellStyle name="Обычный 6 10 3 9 2" xfId="29406"/>
    <cellStyle name="Обычный 6 10 4" xfId="29407"/>
    <cellStyle name="Обычный 6 10 4 2" xfId="29408"/>
    <cellStyle name="Обычный 6 10 4 2 2" xfId="29409"/>
    <cellStyle name="Обычный 6 10 4 2 2 2" xfId="29410"/>
    <cellStyle name="Обычный 6 10 4 2 2 2 2" xfId="29411"/>
    <cellStyle name="Обычный 6 10 4 2 2 3" xfId="29412"/>
    <cellStyle name="Обычный 6 10 4 2 2 3 2" xfId="29413"/>
    <cellStyle name="Обычный 6 10 4 2 2 4" xfId="29414"/>
    <cellStyle name="Обычный 6 10 4 2 3" xfId="29415"/>
    <cellStyle name="Обычный 6 10 4 2 3 2" xfId="29416"/>
    <cellStyle name="Обычный 6 10 4 2 4" xfId="29417"/>
    <cellStyle name="Обычный 6 10 4 2 4 2" xfId="29418"/>
    <cellStyle name="Обычный 6 10 4 2 5" xfId="29419"/>
    <cellStyle name="Обычный 6 10 4 2 5 2" xfId="29420"/>
    <cellStyle name="Обычный 6 10 4 2 6" xfId="29421"/>
    <cellStyle name="Обычный 6 10 4 3" xfId="29422"/>
    <cellStyle name="Обычный 6 10 4 3 2" xfId="29423"/>
    <cellStyle name="Обычный 6 10 4 3 2 2" xfId="29424"/>
    <cellStyle name="Обычный 6 10 4 3 2 2 2" xfId="29425"/>
    <cellStyle name="Обычный 6 10 4 3 2 3" xfId="29426"/>
    <cellStyle name="Обычный 6 10 4 3 2 3 2" xfId="29427"/>
    <cellStyle name="Обычный 6 10 4 3 2 4" xfId="29428"/>
    <cellStyle name="Обычный 6 10 4 3 3" xfId="29429"/>
    <cellStyle name="Обычный 6 10 4 3 3 2" xfId="29430"/>
    <cellStyle name="Обычный 6 10 4 3 4" xfId="29431"/>
    <cellStyle name="Обычный 6 10 4 3 4 2" xfId="29432"/>
    <cellStyle name="Обычный 6 10 4 3 5" xfId="29433"/>
    <cellStyle name="Обычный 6 10 4 3 5 2" xfId="29434"/>
    <cellStyle name="Обычный 6 10 4 3 6" xfId="29435"/>
    <cellStyle name="Обычный 6 10 4 4" xfId="29436"/>
    <cellStyle name="Обычный 6 10 4 4 2" xfId="29437"/>
    <cellStyle name="Обычный 6 10 4 4 2 2" xfId="29438"/>
    <cellStyle name="Обычный 6 10 4 4 2 2 2" xfId="29439"/>
    <cellStyle name="Обычный 6 10 4 4 2 3" xfId="29440"/>
    <cellStyle name="Обычный 6 10 4 4 2 3 2" xfId="29441"/>
    <cellStyle name="Обычный 6 10 4 4 2 4" xfId="29442"/>
    <cellStyle name="Обычный 6 10 4 4 3" xfId="29443"/>
    <cellStyle name="Обычный 6 10 4 4 3 2" xfId="29444"/>
    <cellStyle name="Обычный 6 10 4 4 4" xfId="29445"/>
    <cellStyle name="Обычный 6 10 4 4 4 2" xfId="29446"/>
    <cellStyle name="Обычный 6 10 4 4 5" xfId="29447"/>
    <cellStyle name="Обычный 6 10 4 4 5 2" xfId="29448"/>
    <cellStyle name="Обычный 6 10 4 4 6" xfId="29449"/>
    <cellStyle name="Обычный 6 10 4 5" xfId="29450"/>
    <cellStyle name="Обычный 6 10 4 5 2" xfId="29451"/>
    <cellStyle name="Обычный 6 10 4 5 2 2" xfId="29452"/>
    <cellStyle name="Обычный 6 10 4 5 3" xfId="29453"/>
    <cellStyle name="Обычный 6 10 4 5 3 2" xfId="29454"/>
    <cellStyle name="Обычный 6 10 4 5 4" xfId="29455"/>
    <cellStyle name="Обычный 6 10 4 6" xfId="29456"/>
    <cellStyle name="Обычный 6 10 4 6 2" xfId="29457"/>
    <cellStyle name="Обычный 6 10 4 7" xfId="29458"/>
    <cellStyle name="Обычный 6 10 4 7 2" xfId="29459"/>
    <cellStyle name="Обычный 6 10 4 8" xfId="29460"/>
    <cellStyle name="Обычный 6 10 4 8 2" xfId="29461"/>
    <cellStyle name="Обычный 6 10 4 9" xfId="29462"/>
    <cellStyle name="Обычный 6 10 5" xfId="29463"/>
    <cellStyle name="Обычный 6 10 5 2" xfId="29464"/>
    <cellStyle name="Обычный 6 10 5 2 2" xfId="29465"/>
    <cellStyle name="Обычный 6 10 5 2 2 2" xfId="29466"/>
    <cellStyle name="Обычный 6 10 5 2 3" xfId="29467"/>
    <cellStyle name="Обычный 6 10 5 2 3 2" xfId="29468"/>
    <cellStyle name="Обычный 6 10 5 2 4" xfId="29469"/>
    <cellStyle name="Обычный 6 10 5 3" xfId="29470"/>
    <cellStyle name="Обычный 6 10 5 3 2" xfId="29471"/>
    <cellStyle name="Обычный 6 10 5 4" xfId="29472"/>
    <cellStyle name="Обычный 6 10 5 4 2" xfId="29473"/>
    <cellStyle name="Обычный 6 10 5 5" xfId="29474"/>
    <cellStyle name="Обычный 6 10 5 5 2" xfId="29475"/>
    <cellStyle name="Обычный 6 10 5 6" xfId="29476"/>
    <cellStyle name="Обычный 6 10 6" xfId="29477"/>
    <cellStyle name="Обычный 6 10 6 2" xfId="29478"/>
    <cellStyle name="Обычный 6 10 6 2 2" xfId="29479"/>
    <cellStyle name="Обычный 6 10 6 2 2 2" xfId="29480"/>
    <cellStyle name="Обычный 6 10 6 2 3" xfId="29481"/>
    <cellStyle name="Обычный 6 10 6 2 3 2" xfId="29482"/>
    <cellStyle name="Обычный 6 10 6 2 4" xfId="29483"/>
    <cellStyle name="Обычный 6 10 6 3" xfId="29484"/>
    <cellStyle name="Обычный 6 10 6 3 2" xfId="29485"/>
    <cellStyle name="Обычный 6 10 6 4" xfId="29486"/>
    <cellStyle name="Обычный 6 10 6 4 2" xfId="29487"/>
    <cellStyle name="Обычный 6 10 6 5" xfId="29488"/>
    <cellStyle name="Обычный 6 10 6 5 2" xfId="29489"/>
    <cellStyle name="Обычный 6 10 6 6" xfId="29490"/>
    <cellStyle name="Обычный 6 10 7" xfId="29491"/>
    <cellStyle name="Обычный 6 10 7 2" xfId="29492"/>
    <cellStyle name="Обычный 6 10 7 2 2" xfId="29493"/>
    <cellStyle name="Обычный 6 10 7 2 2 2" xfId="29494"/>
    <cellStyle name="Обычный 6 10 7 2 3" xfId="29495"/>
    <cellStyle name="Обычный 6 10 7 2 3 2" xfId="29496"/>
    <cellStyle name="Обычный 6 10 7 2 4" xfId="29497"/>
    <cellStyle name="Обычный 6 10 7 3" xfId="29498"/>
    <cellStyle name="Обычный 6 10 7 3 2" xfId="29499"/>
    <cellStyle name="Обычный 6 10 7 4" xfId="29500"/>
    <cellStyle name="Обычный 6 10 7 4 2" xfId="29501"/>
    <cellStyle name="Обычный 6 10 7 5" xfId="29502"/>
    <cellStyle name="Обычный 6 10 7 5 2" xfId="29503"/>
    <cellStyle name="Обычный 6 10 7 6" xfId="29504"/>
    <cellStyle name="Обычный 6 10 8" xfId="29505"/>
    <cellStyle name="Обычный 6 10 8 2" xfId="29506"/>
    <cellStyle name="Обычный 6 10 8 2 2" xfId="29507"/>
    <cellStyle name="Обычный 6 10 8 2 2 2" xfId="29508"/>
    <cellStyle name="Обычный 6 10 8 2 3" xfId="29509"/>
    <cellStyle name="Обычный 6 10 8 2 3 2" xfId="29510"/>
    <cellStyle name="Обычный 6 10 8 2 4" xfId="29511"/>
    <cellStyle name="Обычный 6 10 8 3" xfId="29512"/>
    <cellStyle name="Обычный 6 10 8 3 2" xfId="29513"/>
    <cellStyle name="Обычный 6 10 8 4" xfId="29514"/>
    <cellStyle name="Обычный 6 10 8 4 2" xfId="29515"/>
    <cellStyle name="Обычный 6 10 8 5" xfId="29516"/>
    <cellStyle name="Обычный 6 10 8 5 2" xfId="29517"/>
    <cellStyle name="Обычный 6 10 8 6" xfId="29518"/>
    <cellStyle name="Обычный 6 10 9" xfId="29519"/>
    <cellStyle name="Обычный 6 10 9 2" xfId="29520"/>
    <cellStyle name="Обычный 6 10 9 2 2" xfId="29521"/>
    <cellStyle name="Обычный 6 10 9 3" xfId="29522"/>
    <cellStyle name="Обычный 6 10 9 3 2" xfId="29523"/>
    <cellStyle name="Обычный 6 10 9 4" xfId="29524"/>
    <cellStyle name="Обычный 6 11" xfId="29525"/>
    <cellStyle name="Обычный 6 11 10" xfId="29526"/>
    <cellStyle name="Обычный 6 11 10 2" xfId="29527"/>
    <cellStyle name="Обычный 6 11 10 2 2" xfId="29528"/>
    <cellStyle name="Обычный 6 11 10 3" xfId="29529"/>
    <cellStyle name="Обычный 6 11 11" xfId="29530"/>
    <cellStyle name="Обычный 6 11 11 2" xfId="29531"/>
    <cellStyle name="Обычный 6 11 12" xfId="29532"/>
    <cellStyle name="Обычный 6 11 12 2" xfId="29533"/>
    <cellStyle name="Обычный 6 11 13" xfId="29534"/>
    <cellStyle name="Обычный 6 11 14" xfId="29535"/>
    <cellStyle name="Обычный 6 11 2" xfId="29536"/>
    <cellStyle name="Обычный 6 11 2 10" xfId="29537"/>
    <cellStyle name="Обычный 6 11 2 10 2" xfId="29538"/>
    <cellStyle name="Обычный 6 11 2 11" xfId="29539"/>
    <cellStyle name="Обычный 6 11 2 11 2" xfId="29540"/>
    <cellStyle name="Обычный 6 11 2 12" xfId="29541"/>
    <cellStyle name="Обычный 6 11 2 13" xfId="29542"/>
    <cellStyle name="Обычный 6 11 2 2" xfId="29543"/>
    <cellStyle name="Обычный 6 11 2 2 10" xfId="29544"/>
    <cellStyle name="Обычный 6 11 2 2 2" xfId="29545"/>
    <cellStyle name="Обычный 6 11 2 2 2 2" xfId="29546"/>
    <cellStyle name="Обычный 6 11 2 2 2 2 2" xfId="29547"/>
    <cellStyle name="Обычный 6 11 2 2 2 2 2 2" xfId="29548"/>
    <cellStyle name="Обычный 6 11 2 2 2 2 3" xfId="29549"/>
    <cellStyle name="Обычный 6 11 2 2 2 2 3 2" xfId="29550"/>
    <cellStyle name="Обычный 6 11 2 2 2 2 4" xfId="29551"/>
    <cellStyle name="Обычный 6 11 2 2 2 3" xfId="29552"/>
    <cellStyle name="Обычный 6 11 2 2 2 3 2" xfId="29553"/>
    <cellStyle name="Обычный 6 11 2 2 2 4" xfId="29554"/>
    <cellStyle name="Обычный 6 11 2 2 2 4 2" xfId="29555"/>
    <cellStyle name="Обычный 6 11 2 2 2 5" xfId="29556"/>
    <cellStyle name="Обычный 6 11 2 2 2 5 2" xfId="29557"/>
    <cellStyle name="Обычный 6 11 2 2 2 6" xfId="29558"/>
    <cellStyle name="Обычный 6 11 2 2 3" xfId="29559"/>
    <cellStyle name="Обычный 6 11 2 2 3 2" xfId="29560"/>
    <cellStyle name="Обычный 6 11 2 2 3 2 2" xfId="29561"/>
    <cellStyle name="Обычный 6 11 2 2 3 2 2 2" xfId="29562"/>
    <cellStyle name="Обычный 6 11 2 2 3 2 3" xfId="29563"/>
    <cellStyle name="Обычный 6 11 2 2 3 2 3 2" xfId="29564"/>
    <cellStyle name="Обычный 6 11 2 2 3 2 4" xfId="29565"/>
    <cellStyle name="Обычный 6 11 2 2 3 3" xfId="29566"/>
    <cellStyle name="Обычный 6 11 2 2 3 3 2" xfId="29567"/>
    <cellStyle name="Обычный 6 11 2 2 3 4" xfId="29568"/>
    <cellStyle name="Обычный 6 11 2 2 3 4 2" xfId="29569"/>
    <cellStyle name="Обычный 6 11 2 2 3 5" xfId="29570"/>
    <cellStyle name="Обычный 6 11 2 2 3 5 2" xfId="29571"/>
    <cellStyle name="Обычный 6 11 2 2 3 6" xfId="29572"/>
    <cellStyle name="Обычный 6 11 2 2 4" xfId="29573"/>
    <cellStyle name="Обычный 6 11 2 2 4 2" xfId="29574"/>
    <cellStyle name="Обычный 6 11 2 2 4 2 2" xfId="29575"/>
    <cellStyle name="Обычный 6 11 2 2 4 2 2 2" xfId="29576"/>
    <cellStyle name="Обычный 6 11 2 2 4 2 3" xfId="29577"/>
    <cellStyle name="Обычный 6 11 2 2 4 2 3 2" xfId="29578"/>
    <cellStyle name="Обычный 6 11 2 2 4 2 4" xfId="29579"/>
    <cellStyle name="Обычный 6 11 2 2 4 3" xfId="29580"/>
    <cellStyle name="Обычный 6 11 2 2 4 3 2" xfId="29581"/>
    <cellStyle name="Обычный 6 11 2 2 4 4" xfId="29582"/>
    <cellStyle name="Обычный 6 11 2 2 4 4 2" xfId="29583"/>
    <cellStyle name="Обычный 6 11 2 2 4 5" xfId="29584"/>
    <cellStyle name="Обычный 6 11 2 2 4 5 2" xfId="29585"/>
    <cellStyle name="Обычный 6 11 2 2 4 6" xfId="29586"/>
    <cellStyle name="Обычный 6 11 2 2 5" xfId="29587"/>
    <cellStyle name="Обычный 6 11 2 2 5 2" xfId="29588"/>
    <cellStyle name="Обычный 6 11 2 2 5 2 2" xfId="29589"/>
    <cellStyle name="Обычный 6 11 2 2 5 2 2 2" xfId="29590"/>
    <cellStyle name="Обычный 6 11 2 2 5 2 3" xfId="29591"/>
    <cellStyle name="Обычный 6 11 2 2 5 2 3 2" xfId="29592"/>
    <cellStyle name="Обычный 6 11 2 2 5 2 4" xfId="29593"/>
    <cellStyle name="Обычный 6 11 2 2 5 3" xfId="29594"/>
    <cellStyle name="Обычный 6 11 2 2 5 3 2" xfId="29595"/>
    <cellStyle name="Обычный 6 11 2 2 5 4" xfId="29596"/>
    <cellStyle name="Обычный 6 11 2 2 5 4 2" xfId="29597"/>
    <cellStyle name="Обычный 6 11 2 2 5 5" xfId="29598"/>
    <cellStyle name="Обычный 6 11 2 2 5 5 2" xfId="29599"/>
    <cellStyle name="Обычный 6 11 2 2 5 6" xfId="29600"/>
    <cellStyle name="Обычный 6 11 2 2 6" xfId="29601"/>
    <cellStyle name="Обычный 6 11 2 2 6 2" xfId="29602"/>
    <cellStyle name="Обычный 6 11 2 2 6 2 2" xfId="29603"/>
    <cellStyle name="Обычный 6 11 2 2 6 3" xfId="29604"/>
    <cellStyle name="Обычный 6 11 2 2 6 3 2" xfId="29605"/>
    <cellStyle name="Обычный 6 11 2 2 6 4" xfId="29606"/>
    <cellStyle name="Обычный 6 11 2 2 7" xfId="29607"/>
    <cellStyle name="Обычный 6 11 2 2 7 2" xfId="29608"/>
    <cellStyle name="Обычный 6 11 2 2 8" xfId="29609"/>
    <cellStyle name="Обычный 6 11 2 2 8 2" xfId="29610"/>
    <cellStyle name="Обычный 6 11 2 2 9" xfId="29611"/>
    <cellStyle name="Обычный 6 11 2 2 9 2" xfId="29612"/>
    <cellStyle name="Обычный 6 11 2 3" xfId="29613"/>
    <cellStyle name="Обычный 6 11 2 3 2" xfId="29614"/>
    <cellStyle name="Обычный 6 11 2 3 2 2" xfId="29615"/>
    <cellStyle name="Обычный 6 11 2 3 2 2 2" xfId="29616"/>
    <cellStyle name="Обычный 6 11 2 3 2 2 2 2" xfId="29617"/>
    <cellStyle name="Обычный 6 11 2 3 2 2 3" xfId="29618"/>
    <cellStyle name="Обычный 6 11 2 3 2 2 3 2" xfId="29619"/>
    <cellStyle name="Обычный 6 11 2 3 2 2 4" xfId="29620"/>
    <cellStyle name="Обычный 6 11 2 3 2 3" xfId="29621"/>
    <cellStyle name="Обычный 6 11 2 3 2 3 2" xfId="29622"/>
    <cellStyle name="Обычный 6 11 2 3 2 4" xfId="29623"/>
    <cellStyle name="Обычный 6 11 2 3 2 4 2" xfId="29624"/>
    <cellStyle name="Обычный 6 11 2 3 2 5" xfId="29625"/>
    <cellStyle name="Обычный 6 11 2 3 2 5 2" xfId="29626"/>
    <cellStyle name="Обычный 6 11 2 3 2 6" xfId="29627"/>
    <cellStyle name="Обычный 6 11 2 3 3" xfId="29628"/>
    <cellStyle name="Обычный 6 11 2 3 3 2" xfId="29629"/>
    <cellStyle name="Обычный 6 11 2 3 3 2 2" xfId="29630"/>
    <cellStyle name="Обычный 6 11 2 3 3 2 2 2" xfId="29631"/>
    <cellStyle name="Обычный 6 11 2 3 3 2 3" xfId="29632"/>
    <cellStyle name="Обычный 6 11 2 3 3 2 3 2" xfId="29633"/>
    <cellStyle name="Обычный 6 11 2 3 3 2 4" xfId="29634"/>
    <cellStyle name="Обычный 6 11 2 3 3 3" xfId="29635"/>
    <cellStyle name="Обычный 6 11 2 3 3 3 2" xfId="29636"/>
    <cellStyle name="Обычный 6 11 2 3 3 4" xfId="29637"/>
    <cellStyle name="Обычный 6 11 2 3 3 4 2" xfId="29638"/>
    <cellStyle name="Обычный 6 11 2 3 3 5" xfId="29639"/>
    <cellStyle name="Обычный 6 11 2 3 3 5 2" xfId="29640"/>
    <cellStyle name="Обычный 6 11 2 3 3 6" xfId="29641"/>
    <cellStyle name="Обычный 6 11 2 3 4" xfId="29642"/>
    <cellStyle name="Обычный 6 11 2 3 4 2" xfId="29643"/>
    <cellStyle name="Обычный 6 11 2 3 4 2 2" xfId="29644"/>
    <cellStyle name="Обычный 6 11 2 3 4 2 2 2" xfId="29645"/>
    <cellStyle name="Обычный 6 11 2 3 4 2 3" xfId="29646"/>
    <cellStyle name="Обычный 6 11 2 3 4 2 3 2" xfId="29647"/>
    <cellStyle name="Обычный 6 11 2 3 4 2 4" xfId="29648"/>
    <cellStyle name="Обычный 6 11 2 3 4 3" xfId="29649"/>
    <cellStyle name="Обычный 6 11 2 3 4 3 2" xfId="29650"/>
    <cellStyle name="Обычный 6 11 2 3 4 4" xfId="29651"/>
    <cellStyle name="Обычный 6 11 2 3 4 4 2" xfId="29652"/>
    <cellStyle name="Обычный 6 11 2 3 4 5" xfId="29653"/>
    <cellStyle name="Обычный 6 11 2 3 4 5 2" xfId="29654"/>
    <cellStyle name="Обычный 6 11 2 3 4 6" xfId="29655"/>
    <cellStyle name="Обычный 6 11 2 3 5" xfId="29656"/>
    <cellStyle name="Обычный 6 11 2 3 5 2" xfId="29657"/>
    <cellStyle name="Обычный 6 11 2 3 5 2 2" xfId="29658"/>
    <cellStyle name="Обычный 6 11 2 3 5 3" xfId="29659"/>
    <cellStyle name="Обычный 6 11 2 3 5 3 2" xfId="29660"/>
    <cellStyle name="Обычный 6 11 2 3 5 4" xfId="29661"/>
    <cellStyle name="Обычный 6 11 2 3 6" xfId="29662"/>
    <cellStyle name="Обычный 6 11 2 3 6 2" xfId="29663"/>
    <cellStyle name="Обычный 6 11 2 3 7" xfId="29664"/>
    <cellStyle name="Обычный 6 11 2 3 7 2" xfId="29665"/>
    <cellStyle name="Обычный 6 11 2 3 8" xfId="29666"/>
    <cellStyle name="Обычный 6 11 2 3 8 2" xfId="29667"/>
    <cellStyle name="Обычный 6 11 2 3 9" xfId="29668"/>
    <cellStyle name="Обычный 6 11 2 4" xfId="29669"/>
    <cellStyle name="Обычный 6 11 2 4 2" xfId="29670"/>
    <cellStyle name="Обычный 6 11 2 4 2 2" xfId="29671"/>
    <cellStyle name="Обычный 6 11 2 4 2 2 2" xfId="29672"/>
    <cellStyle name="Обычный 6 11 2 4 2 3" xfId="29673"/>
    <cellStyle name="Обычный 6 11 2 4 2 3 2" xfId="29674"/>
    <cellStyle name="Обычный 6 11 2 4 2 4" xfId="29675"/>
    <cellStyle name="Обычный 6 11 2 4 3" xfId="29676"/>
    <cellStyle name="Обычный 6 11 2 4 3 2" xfId="29677"/>
    <cellStyle name="Обычный 6 11 2 4 4" xfId="29678"/>
    <cellStyle name="Обычный 6 11 2 4 4 2" xfId="29679"/>
    <cellStyle name="Обычный 6 11 2 4 5" xfId="29680"/>
    <cellStyle name="Обычный 6 11 2 4 5 2" xfId="29681"/>
    <cellStyle name="Обычный 6 11 2 4 6" xfId="29682"/>
    <cellStyle name="Обычный 6 11 2 5" xfId="29683"/>
    <cellStyle name="Обычный 6 11 2 5 2" xfId="29684"/>
    <cellStyle name="Обычный 6 11 2 5 2 2" xfId="29685"/>
    <cellStyle name="Обычный 6 11 2 5 2 2 2" xfId="29686"/>
    <cellStyle name="Обычный 6 11 2 5 2 3" xfId="29687"/>
    <cellStyle name="Обычный 6 11 2 5 2 3 2" xfId="29688"/>
    <cellStyle name="Обычный 6 11 2 5 2 4" xfId="29689"/>
    <cellStyle name="Обычный 6 11 2 5 3" xfId="29690"/>
    <cellStyle name="Обычный 6 11 2 5 3 2" xfId="29691"/>
    <cellStyle name="Обычный 6 11 2 5 4" xfId="29692"/>
    <cellStyle name="Обычный 6 11 2 5 4 2" xfId="29693"/>
    <cellStyle name="Обычный 6 11 2 5 5" xfId="29694"/>
    <cellStyle name="Обычный 6 11 2 5 5 2" xfId="29695"/>
    <cellStyle name="Обычный 6 11 2 5 6" xfId="29696"/>
    <cellStyle name="Обычный 6 11 2 6" xfId="29697"/>
    <cellStyle name="Обычный 6 11 2 6 2" xfId="29698"/>
    <cellStyle name="Обычный 6 11 2 6 2 2" xfId="29699"/>
    <cellStyle name="Обычный 6 11 2 6 2 2 2" xfId="29700"/>
    <cellStyle name="Обычный 6 11 2 6 2 3" xfId="29701"/>
    <cellStyle name="Обычный 6 11 2 6 2 3 2" xfId="29702"/>
    <cellStyle name="Обычный 6 11 2 6 2 4" xfId="29703"/>
    <cellStyle name="Обычный 6 11 2 6 3" xfId="29704"/>
    <cellStyle name="Обычный 6 11 2 6 3 2" xfId="29705"/>
    <cellStyle name="Обычный 6 11 2 6 4" xfId="29706"/>
    <cellStyle name="Обычный 6 11 2 6 4 2" xfId="29707"/>
    <cellStyle name="Обычный 6 11 2 6 5" xfId="29708"/>
    <cellStyle name="Обычный 6 11 2 6 5 2" xfId="29709"/>
    <cellStyle name="Обычный 6 11 2 6 6" xfId="29710"/>
    <cellStyle name="Обычный 6 11 2 7" xfId="29711"/>
    <cellStyle name="Обычный 6 11 2 7 2" xfId="29712"/>
    <cellStyle name="Обычный 6 11 2 7 2 2" xfId="29713"/>
    <cellStyle name="Обычный 6 11 2 7 2 2 2" xfId="29714"/>
    <cellStyle name="Обычный 6 11 2 7 2 3" xfId="29715"/>
    <cellStyle name="Обычный 6 11 2 7 2 3 2" xfId="29716"/>
    <cellStyle name="Обычный 6 11 2 7 2 4" xfId="29717"/>
    <cellStyle name="Обычный 6 11 2 7 3" xfId="29718"/>
    <cellStyle name="Обычный 6 11 2 7 3 2" xfId="29719"/>
    <cellStyle name="Обычный 6 11 2 7 4" xfId="29720"/>
    <cellStyle name="Обычный 6 11 2 7 4 2" xfId="29721"/>
    <cellStyle name="Обычный 6 11 2 7 5" xfId="29722"/>
    <cellStyle name="Обычный 6 11 2 7 5 2" xfId="29723"/>
    <cellStyle name="Обычный 6 11 2 7 6" xfId="29724"/>
    <cellStyle name="Обычный 6 11 2 8" xfId="29725"/>
    <cellStyle name="Обычный 6 11 2 8 2" xfId="29726"/>
    <cellStyle name="Обычный 6 11 2 8 2 2" xfId="29727"/>
    <cellStyle name="Обычный 6 11 2 8 3" xfId="29728"/>
    <cellStyle name="Обычный 6 11 2 8 3 2" xfId="29729"/>
    <cellStyle name="Обычный 6 11 2 8 4" xfId="29730"/>
    <cellStyle name="Обычный 6 11 2 9" xfId="29731"/>
    <cellStyle name="Обычный 6 11 2 9 2" xfId="29732"/>
    <cellStyle name="Обычный 6 11 2 9 2 2" xfId="29733"/>
    <cellStyle name="Обычный 6 11 2 9 3" xfId="29734"/>
    <cellStyle name="Обычный 6 11 3" xfId="29735"/>
    <cellStyle name="Обычный 6 11 3 10" xfId="29736"/>
    <cellStyle name="Обычный 6 11 3 2" xfId="29737"/>
    <cellStyle name="Обычный 6 11 3 2 2" xfId="29738"/>
    <cellStyle name="Обычный 6 11 3 2 2 2" xfId="29739"/>
    <cellStyle name="Обычный 6 11 3 2 2 2 2" xfId="29740"/>
    <cellStyle name="Обычный 6 11 3 2 2 3" xfId="29741"/>
    <cellStyle name="Обычный 6 11 3 2 2 3 2" xfId="29742"/>
    <cellStyle name="Обычный 6 11 3 2 2 4" xfId="29743"/>
    <cellStyle name="Обычный 6 11 3 2 3" xfId="29744"/>
    <cellStyle name="Обычный 6 11 3 2 3 2" xfId="29745"/>
    <cellStyle name="Обычный 6 11 3 2 4" xfId="29746"/>
    <cellStyle name="Обычный 6 11 3 2 4 2" xfId="29747"/>
    <cellStyle name="Обычный 6 11 3 2 5" xfId="29748"/>
    <cellStyle name="Обычный 6 11 3 2 5 2" xfId="29749"/>
    <cellStyle name="Обычный 6 11 3 2 6" xfId="29750"/>
    <cellStyle name="Обычный 6 11 3 3" xfId="29751"/>
    <cellStyle name="Обычный 6 11 3 3 2" xfId="29752"/>
    <cellStyle name="Обычный 6 11 3 3 2 2" xfId="29753"/>
    <cellStyle name="Обычный 6 11 3 3 2 2 2" xfId="29754"/>
    <cellStyle name="Обычный 6 11 3 3 2 3" xfId="29755"/>
    <cellStyle name="Обычный 6 11 3 3 2 3 2" xfId="29756"/>
    <cellStyle name="Обычный 6 11 3 3 2 4" xfId="29757"/>
    <cellStyle name="Обычный 6 11 3 3 3" xfId="29758"/>
    <cellStyle name="Обычный 6 11 3 3 3 2" xfId="29759"/>
    <cellStyle name="Обычный 6 11 3 3 4" xfId="29760"/>
    <cellStyle name="Обычный 6 11 3 3 4 2" xfId="29761"/>
    <cellStyle name="Обычный 6 11 3 3 5" xfId="29762"/>
    <cellStyle name="Обычный 6 11 3 3 5 2" xfId="29763"/>
    <cellStyle name="Обычный 6 11 3 3 6" xfId="29764"/>
    <cellStyle name="Обычный 6 11 3 4" xfId="29765"/>
    <cellStyle name="Обычный 6 11 3 4 2" xfId="29766"/>
    <cellStyle name="Обычный 6 11 3 4 2 2" xfId="29767"/>
    <cellStyle name="Обычный 6 11 3 4 2 2 2" xfId="29768"/>
    <cellStyle name="Обычный 6 11 3 4 2 3" xfId="29769"/>
    <cellStyle name="Обычный 6 11 3 4 2 3 2" xfId="29770"/>
    <cellStyle name="Обычный 6 11 3 4 2 4" xfId="29771"/>
    <cellStyle name="Обычный 6 11 3 4 3" xfId="29772"/>
    <cellStyle name="Обычный 6 11 3 4 3 2" xfId="29773"/>
    <cellStyle name="Обычный 6 11 3 4 4" xfId="29774"/>
    <cellStyle name="Обычный 6 11 3 4 4 2" xfId="29775"/>
    <cellStyle name="Обычный 6 11 3 4 5" xfId="29776"/>
    <cellStyle name="Обычный 6 11 3 4 5 2" xfId="29777"/>
    <cellStyle name="Обычный 6 11 3 4 6" xfId="29778"/>
    <cellStyle name="Обычный 6 11 3 5" xfId="29779"/>
    <cellStyle name="Обычный 6 11 3 5 2" xfId="29780"/>
    <cellStyle name="Обычный 6 11 3 5 2 2" xfId="29781"/>
    <cellStyle name="Обычный 6 11 3 5 2 2 2" xfId="29782"/>
    <cellStyle name="Обычный 6 11 3 5 2 3" xfId="29783"/>
    <cellStyle name="Обычный 6 11 3 5 2 3 2" xfId="29784"/>
    <cellStyle name="Обычный 6 11 3 5 2 4" xfId="29785"/>
    <cellStyle name="Обычный 6 11 3 5 3" xfId="29786"/>
    <cellStyle name="Обычный 6 11 3 5 3 2" xfId="29787"/>
    <cellStyle name="Обычный 6 11 3 5 4" xfId="29788"/>
    <cellStyle name="Обычный 6 11 3 5 4 2" xfId="29789"/>
    <cellStyle name="Обычный 6 11 3 5 5" xfId="29790"/>
    <cellStyle name="Обычный 6 11 3 5 5 2" xfId="29791"/>
    <cellStyle name="Обычный 6 11 3 5 6" xfId="29792"/>
    <cellStyle name="Обычный 6 11 3 6" xfId="29793"/>
    <cellStyle name="Обычный 6 11 3 6 2" xfId="29794"/>
    <cellStyle name="Обычный 6 11 3 6 2 2" xfId="29795"/>
    <cellStyle name="Обычный 6 11 3 6 3" xfId="29796"/>
    <cellStyle name="Обычный 6 11 3 6 3 2" xfId="29797"/>
    <cellStyle name="Обычный 6 11 3 6 4" xfId="29798"/>
    <cellStyle name="Обычный 6 11 3 7" xfId="29799"/>
    <cellStyle name="Обычный 6 11 3 7 2" xfId="29800"/>
    <cellStyle name="Обычный 6 11 3 8" xfId="29801"/>
    <cellStyle name="Обычный 6 11 3 8 2" xfId="29802"/>
    <cellStyle name="Обычный 6 11 3 9" xfId="29803"/>
    <cellStyle name="Обычный 6 11 3 9 2" xfId="29804"/>
    <cellStyle name="Обычный 6 11 4" xfId="29805"/>
    <cellStyle name="Обычный 6 11 4 2" xfId="29806"/>
    <cellStyle name="Обычный 6 11 4 2 2" xfId="29807"/>
    <cellStyle name="Обычный 6 11 4 2 2 2" xfId="29808"/>
    <cellStyle name="Обычный 6 11 4 2 2 2 2" xfId="29809"/>
    <cellStyle name="Обычный 6 11 4 2 2 3" xfId="29810"/>
    <cellStyle name="Обычный 6 11 4 2 2 3 2" xfId="29811"/>
    <cellStyle name="Обычный 6 11 4 2 2 4" xfId="29812"/>
    <cellStyle name="Обычный 6 11 4 2 3" xfId="29813"/>
    <cellStyle name="Обычный 6 11 4 2 3 2" xfId="29814"/>
    <cellStyle name="Обычный 6 11 4 2 4" xfId="29815"/>
    <cellStyle name="Обычный 6 11 4 2 4 2" xfId="29816"/>
    <cellStyle name="Обычный 6 11 4 2 5" xfId="29817"/>
    <cellStyle name="Обычный 6 11 4 2 5 2" xfId="29818"/>
    <cellStyle name="Обычный 6 11 4 2 6" xfId="29819"/>
    <cellStyle name="Обычный 6 11 4 3" xfId="29820"/>
    <cellStyle name="Обычный 6 11 4 3 2" xfId="29821"/>
    <cellStyle name="Обычный 6 11 4 3 2 2" xfId="29822"/>
    <cellStyle name="Обычный 6 11 4 3 2 2 2" xfId="29823"/>
    <cellStyle name="Обычный 6 11 4 3 2 3" xfId="29824"/>
    <cellStyle name="Обычный 6 11 4 3 2 3 2" xfId="29825"/>
    <cellStyle name="Обычный 6 11 4 3 2 4" xfId="29826"/>
    <cellStyle name="Обычный 6 11 4 3 3" xfId="29827"/>
    <cellStyle name="Обычный 6 11 4 3 3 2" xfId="29828"/>
    <cellStyle name="Обычный 6 11 4 3 4" xfId="29829"/>
    <cellStyle name="Обычный 6 11 4 3 4 2" xfId="29830"/>
    <cellStyle name="Обычный 6 11 4 3 5" xfId="29831"/>
    <cellStyle name="Обычный 6 11 4 3 5 2" xfId="29832"/>
    <cellStyle name="Обычный 6 11 4 3 6" xfId="29833"/>
    <cellStyle name="Обычный 6 11 4 4" xfId="29834"/>
    <cellStyle name="Обычный 6 11 4 4 2" xfId="29835"/>
    <cellStyle name="Обычный 6 11 4 4 2 2" xfId="29836"/>
    <cellStyle name="Обычный 6 11 4 4 2 2 2" xfId="29837"/>
    <cellStyle name="Обычный 6 11 4 4 2 3" xfId="29838"/>
    <cellStyle name="Обычный 6 11 4 4 2 3 2" xfId="29839"/>
    <cellStyle name="Обычный 6 11 4 4 2 4" xfId="29840"/>
    <cellStyle name="Обычный 6 11 4 4 3" xfId="29841"/>
    <cellStyle name="Обычный 6 11 4 4 3 2" xfId="29842"/>
    <cellStyle name="Обычный 6 11 4 4 4" xfId="29843"/>
    <cellStyle name="Обычный 6 11 4 4 4 2" xfId="29844"/>
    <cellStyle name="Обычный 6 11 4 4 5" xfId="29845"/>
    <cellStyle name="Обычный 6 11 4 4 5 2" xfId="29846"/>
    <cellStyle name="Обычный 6 11 4 4 6" xfId="29847"/>
    <cellStyle name="Обычный 6 11 4 5" xfId="29848"/>
    <cellStyle name="Обычный 6 11 4 5 2" xfId="29849"/>
    <cellStyle name="Обычный 6 11 4 5 2 2" xfId="29850"/>
    <cellStyle name="Обычный 6 11 4 5 3" xfId="29851"/>
    <cellStyle name="Обычный 6 11 4 5 3 2" xfId="29852"/>
    <cellStyle name="Обычный 6 11 4 5 4" xfId="29853"/>
    <cellStyle name="Обычный 6 11 4 6" xfId="29854"/>
    <cellStyle name="Обычный 6 11 4 6 2" xfId="29855"/>
    <cellStyle name="Обычный 6 11 4 7" xfId="29856"/>
    <cellStyle name="Обычный 6 11 4 7 2" xfId="29857"/>
    <cellStyle name="Обычный 6 11 4 8" xfId="29858"/>
    <cellStyle name="Обычный 6 11 4 8 2" xfId="29859"/>
    <cellStyle name="Обычный 6 11 4 9" xfId="29860"/>
    <cellStyle name="Обычный 6 11 5" xfId="29861"/>
    <cellStyle name="Обычный 6 11 5 2" xfId="29862"/>
    <cellStyle name="Обычный 6 11 5 2 2" xfId="29863"/>
    <cellStyle name="Обычный 6 11 5 2 2 2" xfId="29864"/>
    <cellStyle name="Обычный 6 11 5 2 3" xfId="29865"/>
    <cellStyle name="Обычный 6 11 5 2 3 2" xfId="29866"/>
    <cellStyle name="Обычный 6 11 5 2 4" xfId="29867"/>
    <cellStyle name="Обычный 6 11 5 3" xfId="29868"/>
    <cellStyle name="Обычный 6 11 5 3 2" xfId="29869"/>
    <cellStyle name="Обычный 6 11 5 4" xfId="29870"/>
    <cellStyle name="Обычный 6 11 5 4 2" xfId="29871"/>
    <cellStyle name="Обычный 6 11 5 5" xfId="29872"/>
    <cellStyle name="Обычный 6 11 5 5 2" xfId="29873"/>
    <cellStyle name="Обычный 6 11 5 6" xfId="29874"/>
    <cellStyle name="Обычный 6 11 6" xfId="29875"/>
    <cellStyle name="Обычный 6 11 6 2" xfId="29876"/>
    <cellStyle name="Обычный 6 11 6 2 2" xfId="29877"/>
    <cellStyle name="Обычный 6 11 6 2 2 2" xfId="29878"/>
    <cellStyle name="Обычный 6 11 6 2 3" xfId="29879"/>
    <cellStyle name="Обычный 6 11 6 2 3 2" xfId="29880"/>
    <cellStyle name="Обычный 6 11 6 2 4" xfId="29881"/>
    <cellStyle name="Обычный 6 11 6 3" xfId="29882"/>
    <cellStyle name="Обычный 6 11 6 3 2" xfId="29883"/>
    <cellStyle name="Обычный 6 11 6 4" xfId="29884"/>
    <cellStyle name="Обычный 6 11 6 4 2" xfId="29885"/>
    <cellStyle name="Обычный 6 11 6 5" xfId="29886"/>
    <cellStyle name="Обычный 6 11 6 5 2" xfId="29887"/>
    <cellStyle name="Обычный 6 11 6 6" xfId="29888"/>
    <cellStyle name="Обычный 6 11 7" xfId="29889"/>
    <cellStyle name="Обычный 6 11 7 2" xfId="29890"/>
    <cellStyle name="Обычный 6 11 7 2 2" xfId="29891"/>
    <cellStyle name="Обычный 6 11 7 2 2 2" xfId="29892"/>
    <cellStyle name="Обычный 6 11 7 2 3" xfId="29893"/>
    <cellStyle name="Обычный 6 11 7 2 3 2" xfId="29894"/>
    <cellStyle name="Обычный 6 11 7 2 4" xfId="29895"/>
    <cellStyle name="Обычный 6 11 7 3" xfId="29896"/>
    <cellStyle name="Обычный 6 11 7 3 2" xfId="29897"/>
    <cellStyle name="Обычный 6 11 7 4" xfId="29898"/>
    <cellStyle name="Обычный 6 11 7 4 2" xfId="29899"/>
    <cellStyle name="Обычный 6 11 7 5" xfId="29900"/>
    <cellStyle name="Обычный 6 11 7 5 2" xfId="29901"/>
    <cellStyle name="Обычный 6 11 7 6" xfId="29902"/>
    <cellStyle name="Обычный 6 11 8" xfId="29903"/>
    <cellStyle name="Обычный 6 11 8 2" xfId="29904"/>
    <cellStyle name="Обычный 6 11 8 2 2" xfId="29905"/>
    <cellStyle name="Обычный 6 11 8 2 2 2" xfId="29906"/>
    <cellStyle name="Обычный 6 11 8 2 3" xfId="29907"/>
    <cellStyle name="Обычный 6 11 8 2 3 2" xfId="29908"/>
    <cellStyle name="Обычный 6 11 8 2 4" xfId="29909"/>
    <cellStyle name="Обычный 6 11 8 3" xfId="29910"/>
    <cellStyle name="Обычный 6 11 8 3 2" xfId="29911"/>
    <cellStyle name="Обычный 6 11 8 4" xfId="29912"/>
    <cellStyle name="Обычный 6 11 8 4 2" xfId="29913"/>
    <cellStyle name="Обычный 6 11 8 5" xfId="29914"/>
    <cellStyle name="Обычный 6 11 8 5 2" xfId="29915"/>
    <cellStyle name="Обычный 6 11 8 6" xfId="29916"/>
    <cellStyle name="Обычный 6 11 9" xfId="29917"/>
    <cellStyle name="Обычный 6 11 9 2" xfId="29918"/>
    <cellStyle name="Обычный 6 11 9 2 2" xfId="29919"/>
    <cellStyle name="Обычный 6 11 9 3" xfId="29920"/>
    <cellStyle name="Обычный 6 11 9 3 2" xfId="29921"/>
    <cellStyle name="Обычный 6 11 9 4" xfId="29922"/>
    <cellStyle name="Обычный 6 12" xfId="29923"/>
    <cellStyle name="Обычный 6 12 10" xfId="29924"/>
    <cellStyle name="Обычный 6 12 10 2" xfId="29925"/>
    <cellStyle name="Обычный 6 12 11" xfId="29926"/>
    <cellStyle name="Обычный 6 12 11 2" xfId="29927"/>
    <cellStyle name="Обычный 6 12 12" xfId="29928"/>
    <cellStyle name="Обычный 6 12 13" xfId="29929"/>
    <cellStyle name="Обычный 6 12 2" xfId="29930"/>
    <cellStyle name="Обычный 6 12 2 10" xfId="29931"/>
    <cellStyle name="Обычный 6 12 2 2" xfId="29932"/>
    <cellStyle name="Обычный 6 12 2 2 2" xfId="29933"/>
    <cellStyle name="Обычный 6 12 2 2 2 2" xfId="29934"/>
    <cellStyle name="Обычный 6 12 2 2 2 2 2" xfId="29935"/>
    <cellStyle name="Обычный 6 12 2 2 2 3" xfId="29936"/>
    <cellStyle name="Обычный 6 12 2 2 2 3 2" xfId="29937"/>
    <cellStyle name="Обычный 6 12 2 2 2 4" xfId="29938"/>
    <cellStyle name="Обычный 6 12 2 2 3" xfId="29939"/>
    <cellStyle name="Обычный 6 12 2 2 3 2" xfId="29940"/>
    <cellStyle name="Обычный 6 12 2 2 4" xfId="29941"/>
    <cellStyle name="Обычный 6 12 2 2 4 2" xfId="29942"/>
    <cellStyle name="Обычный 6 12 2 2 5" xfId="29943"/>
    <cellStyle name="Обычный 6 12 2 2 5 2" xfId="29944"/>
    <cellStyle name="Обычный 6 12 2 2 6" xfId="29945"/>
    <cellStyle name="Обычный 6 12 2 3" xfId="29946"/>
    <cellStyle name="Обычный 6 12 2 3 2" xfId="29947"/>
    <cellStyle name="Обычный 6 12 2 3 2 2" xfId="29948"/>
    <cellStyle name="Обычный 6 12 2 3 2 2 2" xfId="29949"/>
    <cellStyle name="Обычный 6 12 2 3 2 3" xfId="29950"/>
    <cellStyle name="Обычный 6 12 2 3 2 3 2" xfId="29951"/>
    <cellStyle name="Обычный 6 12 2 3 2 4" xfId="29952"/>
    <cellStyle name="Обычный 6 12 2 3 3" xfId="29953"/>
    <cellStyle name="Обычный 6 12 2 3 3 2" xfId="29954"/>
    <cellStyle name="Обычный 6 12 2 3 4" xfId="29955"/>
    <cellStyle name="Обычный 6 12 2 3 4 2" xfId="29956"/>
    <cellStyle name="Обычный 6 12 2 3 5" xfId="29957"/>
    <cellStyle name="Обычный 6 12 2 3 5 2" xfId="29958"/>
    <cellStyle name="Обычный 6 12 2 3 6" xfId="29959"/>
    <cellStyle name="Обычный 6 12 2 4" xfId="29960"/>
    <cellStyle name="Обычный 6 12 2 4 2" xfId="29961"/>
    <cellStyle name="Обычный 6 12 2 4 2 2" xfId="29962"/>
    <cellStyle name="Обычный 6 12 2 4 2 2 2" xfId="29963"/>
    <cellStyle name="Обычный 6 12 2 4 2 3" xfId="29964"/>
    <cellStyle name="Обычный 6 12 2 4 2 3 2" xfId="29965"/>
    <cellStyle name="Обычный 6 12 2 4 2 4" xfId="29966"/>
    <cellStyle name="Обычный 6 12 2 4 3" xfId="29967"/>
    <cellStyle name="Обычный 6 12 2 4 3 2" xfId="29968"/>
    <cellStyle name="Обычный 6 12 2 4 4" xfId="29969"/>
    <cellStyle name="Обычный 6 12 2 4 4 2" xfId="29970"/>
    <cellStyle name="Обычный 6 12 2 4 5" xfId="29971"/>
    <cellStyle name="Обычный 6 12 2 4 5 2" xfId="29972"/>
    <cellStyle name="Обычный 6 12 2 4 6" xfId="29973"/>
    <cellStyle name="Обычный 6 12 2 5" xfId="29974"/>
    <cellStyle name="Обычный 6 12 2 5 2" xfId="29975"/>
    <cellStyle name="Обычный 6 12 2 5 2 2" xfId="29976"/>
    <cellStyle name="Обычный 6 12 2 5 2 2 2" xfId="29977"/>
    <cellStyle name="Обычный 6 12 2 5 2 3" xfId="29978"/>
    <cellStyle name="Обычный 6 12 2 5 2 3 2" xfId="29979"/>
    <cellStyle name="Обычный 6 12 2 5 2 4" xfId="29980"/>
    <cellStyle name="Обычный 6 12 2 5 3" xfId="29981"/>
    <cellStyle name="Обычный 6 12 2 5 3 2" xfId="29982"/>
    <cellStyle name="Обычный 6 12 2 5 4" xfId="29983"/>
    <cellStyle name="Обычный 6 12 2 5 4 2" xfId="29984"/>
    <cellStyle name="Обычный 6 12 2 5 5" xfId="29985"/>
    <cellStyle name="Обычный 6 12 2 5 5 2" xfId="29986"/>
    <cellStyle name="Обычный 6 12 2 5 6" xfId="29987"/>
    <cellStyle name="Обычный 6 12 2 6" xfId="29988"/>
    <cellStyle name="Обычный 6 12 2 6 2" xfId="29989"/>
    <cellStyle name="Обычный 6 12 2 6 2 2" xfId="29990"/>
    <cellStyle name="Обычный 6 12 2 6 3" xfId="29991"/>
    <cellStyle name="Обычный 6 12 2 6 3 2" xfId="29992"/>
    <cellStyle name="Обычный 6 12 2 6 4" xfId="29993"/>
    <cellStyle name="Обычный 6 12 2 7" xfId="29994"/>
    <cellStyle name="Обычный 6 12 2 7 2" xfId="29995"/>
    <cellStyle name="Обычный 6 12 2 8" xfId="29996"/>
    <cellStyle name="Обычный 6 12 2 8 2" xfId="29997"/>
    <cellStyle name="Обычный 6 12 2 9" xfId="29998"/>
    <cellStyle name="Обычный 6 12 2 9 2" xfId="29999"/>
    <cellStyle name="Обычный 6 12 3" xfId="30000"/>
    <cellStyle name="Обычный 6 12 3 2" xfId="30001"/>
    <cellStyle name="Обычный 6 12 3 2 2" xfId="30002"/>
    <cellStyle name="Обычный 6 12 3 2 2 2" xfId="30003"/>
    <cellStyle name="Обычный 6 12 3 2 2 2 2" xfId="30004"/>
    <cellStyle name="Обычный 6 12 3 2 2 3" xfId="30005"/>
    <cellStyle name="Обычный 6 12 3 2 2 3 2" xfId="30006"/>
    <cellStyle name="Обычный 6 12 3 2 2 4" xfId="30007"/>
    <cellStyle name="Обычный 6 12 3 2 3" xfId="30008"/>
    <cellStyle name="Обычный 6 12 3 2 3 2" xfId="30009"/>
    <cellStyle name="Обычный 6 12 3 2 4" xfId="30010"/>
    <cellStyle name="Обычный 6 12 3 2 4 2" xfId="30011"/>
    <cellStyle name="Обычный 6 12 3 2 5" xfId="30012"/>
    <cellStyle name="Обычный 6 12 3 2 5 2" xfId="30013"/>
    <cellStyle name="Обычный 6 12 3 2 6" xfId="30014"/>
    <cellStyle name="Обычный 6 12 3 3" xfId="30015"/>
    <cellStyle name="Обычный 6 12 3 3 2" xfId="30016"/>
    <cellStyle name="Обычный 6 12 3 3 2 2" xfId="30017"/>
    <cellStyle name="Обычный 6 12 3 3 2 2 2" xfId="30018"/>
    <cellStyle name="Обычный 6 12 3 3 2 3" xfId="30019"/>
    <cellStyle name="Обычный 6 12 3 3 2 3 2" xfId="30020"/>
    <cellStyle name="Обычный 6 12 3 3 2 4" xfId="30021"/>
    <cellStyle name="Обычный 6 12 3 3 3" xfId="30022"/>
    <cellStyle name="Обычный 6 12 3 3 3 2" xfId="30023"/>
    <cellStyle name="Обычный 6 12 3 3 4" xfId="30024"/>
    <cellStyle name="Обычный 6 12 3 3 4 2" xfId="30025"/>
    <cellStyle name="Обычный 6 12 3 3 5" xfId="30026"/>
    <cellStyle name="Обычный 6 12 3 3 5 2" xfId="30027"/>
    <cellStyle name="Обычный 6 12 3 3 6" xfId="30028"/>
    <cellStyle name="Обычный 6 12 3 4" xfId="30029"/>
    <cellStyle name="Обычный 6 12 3 4 2" xfId="30030"/>
    <cellStyle name="Обычный 6 12 3 4 2 2" xfId="30031"/>
    <cellStyle name="Обычный 6 12 3 4 2 2 2" xfId="30032"/>
    <cellStyle name="Обычный 6 12 3 4 2 3" xfId="30033"/>
    <cellStyle name="Обычный 6 12 3 4 2 3 2" xfId="30034"/>
    <cellStyle name="Обычный 6 12 3 4 2 4" xfId="30035"/>
    <cellStyle name="Обычный 6 12 3 4 3" xfId="30036"/>
    <cellStyle name="Обычный 6 12 3 4 3 2" xfId="30037"/>
    <cellStyle name="Обычный 6 12 3 4 4" xfId="30038"/>
    <cellStyle name="Обычный 6 12 3 4 4 2" xfId="30039"/>
    <cellStyle name="Обычный 6 12 3 4 5" xfId="30040"/>
    <cellStyle name="Обычный 6 12 3 4 5 2" xfId="30041"/>
    <cellStyle name="Обычный 6 12 3 4 6" xfId="30042"/>
    <cellStyle name="Обычный 6 12 3 5" xfId="30043"/>
    <cellStyle name="Обычный 6 12 3 5 2" xfId="30044"/>
    <cellStyle name="Обычный 6 12 3 5 2 2" xfId="30045"/>
    <cellStyle name="Обычный 6 12 3 5 3" xfId="30046"/>
    <cellStyle name="Обычный 6 12 3 5 3 2" xfId="30047"/>
    <cellStyle name="Обычный 6 12 3 5 4" xfId="30048"/>
    <cellStyle name="Обычный 6 12 3 6" xfId="30049"/>
    <cellStyle name="Обычный 6 12 3 6 2" xfId="30050"/>
    <cellStyle name="Обычный 6 12 3 7" xfId="30051"/>
    <cellStyle name="Обычный 6 12 3 7 2" xfId="30052"/>
    <cellStyle name="Обычный 6 12 3 8" xfId="30053"/>
    <cellStyle name="Обычный 6 12 3 8 2" xfId="30054"/>
    <cellStyle name="Обычный 6 12 3 9" xfId="30055"/>
    <cellStyle name="Обычный 6 12 4" xfId="30056"/>
    <cellStyle name="Обычный 6 12 4 2" xfId="30057"/>
    <cellStyle name="Обычный 6 12 4 2 2" xfId="30058"/>
    <cellStyle name="Обычный 6 12 4 2 2 2" xfId="30059"/>
    <cellStyle name="Обычный 6 12 4 2 3" xfId="30060"/>
    <cellStyle name="Обычный 6 12 4 2 3 2" xfId="30061"/>
    <cellStyle name="Обычный 6 12 4 2 4" xfId="30062"/>
    <cellStyle name="Обычный 6 12 4 3" xfId="30063"/>
    <cellStyle name="Обычный 6 12 4 3 2" xfId="30064"/>
    <cellStyle name="Обычный 6 12 4 4" xfId="30065"/>
    <cellStyle name="Обычный 6 12 4 4 2" xfId="30066"/>
    <cellStyle name="Обычный 6 12 4 5" xfId="30067"/>
    <cellStyle name="Обычный 6 12 4 5 2" xfId="30068"/>
    <cellStyle name="Обычный 6 12 4 6" xfId="30069"/>
    <cellStyle name="Обычный 6 12 5" xfId="30070"/>
    <cellStyle name="Обычный 6 12 5 2" xfId="30071"/>
    <cellStyle name="Обычный 6 12 5 2 2" xfId="30072"/>
    <cellStyle name="Обычный 6 12 5 2 2 2" xfId="30073"/>
    <cellStyle name="Обычный 6 12 5 2 3" xfId="30074"/>
    <cellStyle name="Обычный 6 12 5 2 3 2" xfId="30075"/>
    <cellStyle name="Обычный 6 12 5 2 4" xfId="30076"/>
    <cellStyle name="Обычный 6 12 5 3" xfId="30077"/>
    <cellStyle name="Обычный 6 12 5 3 2" xfId="30078"/>
    <cellStyle name="Обычный 6 12 5 4" xfId="30079"/>
    <cellStyle name="Обычный 6 12 5 4 2" xfId="30080"/>
    <cellStyle name="Обычный 6 12 5 5" xfId="30081"/>
    <cellStyle name="Обычный 6 12 5 5 2" xfId="30082"/>
    <cellStyle name="Обычный 6 12 5 6" xfId="30083"/>
    <cellStyle name="Обычный 6 12 6" xfId="30084"/>
    <cellStyle name="Обычный 6 12 6 2" xfId="30085"/>
    <cellStyle name="Обычный 6 12 6 2 2" xfId="30086"/>
    <cellStyle name="Обычный 6 12 6 2 2 2" xfId="30087"/>
    <cellStyle name="Обычный 6 12 6 2 3" xfId="30088"/>
    <cellStyle name="Обычный 6 12 6 2 3 2" xfId="30089"/>
    <cellStyle name="Обычный 6 12 6 2 4" xfId="30090"/>
    <cellStyle name="Обычный 6 12 6 3" xfId="30091"/>
    <cellStyle name="Обычный 6 12 6 3 2" xfId="30092"/>
    <cellStyle name="Обычный 6 12 6 4" xfId="30093"/>
    <cellStyle name="Обычный 6 12 6 4 2" xfId="30094"/>
    <cellStyle name="Обычный 6 12 6 5" xfId="30095"/>
    <cellStyle name="Обычный 6 12 6 5 2" xfId="30096"/>
    <cellStyle name="Обычный 6 12 6 6" xfId="30097"/>
    <cellStyle name="Обычный 6 12 7" xfId="30098"/>
    <cellStyle name="Обычный 6 12 7 2" xfId="30099"/>
    <cellStyle name="Обычный 6 12 7 2 2" xfId="30100"/>
    <cellStyle name="Обычный 6 12 7 2 2 2" xfId="30101"/>
    <cellStyle name="Обычный 6 12 7 2 3" xfId="30102"/>
    <cellStyle name="Обычный 6 12 7 2 3 2" xfId="30103"/>
    <cellStyle name="Обычный 6 12 7 2 4" xfId="30104"/>
    <cellStyle name="Обычный 6 12 7 3" xfId="30105"/>
    <cellStyle name="Обычный 6 12 7 3 2" xfId="30106"/>
    <cellStyle name="Обычный 6 12 7 4" xfId="30107"/>
    <cellStyle name="Обычный 6 12 7 4 2" xfId="30108"/>
    <cellStyle name="Обычный 6 12 7 5" xfId="30109"/>
    <cellStyle name="Обычный 6 12 7 5 2" xfId="30110"/>
    <cellStyle name="Обычный 6 12 7 6" xfId="30111"/>
    <cellStyle name="Обычный 6 12 8" xfId="30112"/>
    <cellStyle name="Обычный 6 12 8 2" xfId="30113"/>
    <cellStyle name="Обычный 6 12 8 2 2" xfId="30114"/>
    <cellStyle name="Обычный 6 12 8 3" xfId="30115"/>
    <cellStyle name="Обычный 6 12 8 3 2" xfId="30116"/>
    <cellStyle name="Обычный 6 12 8 4" xfId="30117"/>
    <cellStyle name="Обычный 6 12 9" xfId="30118"/>
    <cellStyle name="Обычный 6 12 9 2" xfId="30119"/>
    <cellStyle name="Обычный 6 12 9 2 2" xfId="30120"/>
    <cellStyle name="Обычный 6 12 9 3" xfId="30121"/>
    <cellStyle name="Обычный 6 13" xfId="30122"/>
    <cellStyle name="Обычный 6 13 10" xfId="30123"/>
    <cellStyle name="Обычный 6 13 10 2" xfId="30124"/>
    <cellStyle name="Обычный 6 13 11" xfId="30125"/>
    <cellStyle name="Обычный 6 13 11 2" xfId="30126"/>
    <cellStyle name="Обычный 6 13 12" xfId="30127"/>
    <cellStyle name="Обычный 6 13 13" xfId="30128"/>
    <cellStyle name="Обычный 6 13 2" xfId="30129"/>
    <cellStyle name="Обычный 6 13 2 10" xfId="30130"/>
    <cellStyle name="Обычный 6 13 2 2" xfId="30131"/>
    <cellStyle name="Обычный 6 13 2 2 2" xfId="30132"/>
    <cellStyle name="Обычный 6 13 2 2 2 2" xfId="30133"/>
    <cellStyle name="Обычный 6 13 2 2 2 2 2" xfId="30134"/>
    <cellStyle name="Обычный 6 13 2 2 2 3" xfId="30135"/>
    <cellStyle name="Обычный 6 13 2 2 2 3 2" xfId="30136"/>
    <cellStyle name="Обычный 6 13 2 2 2 4" xfId="30137"/>
    <cellStyle name="Обычный 6 13 2 2 3" xfId="30138"/>
    <cellStyle name="Обычный 6 13 2 2 3 2" xfId="30139"/>
    <cellStyle name="Обычный 6 13 2 2 4" xfId="30140"/>
    <cellStyle name="Обычный 6 13 2 2 4 2" xfId="30141"/>
    <cellStyle name="Обычный 6 13 2 2 5" xfId="30142"/>
    <cellStyle name="Обычный 6 13 2 2 5 2" xfId="30143"/>
    <cellStyle name="Обычный 6 13 2 2 6" xfId="30144"/>
    <cellStyle name="Обычный 6 13 2 3" xfId="30145"/>
    <cellStyle name="Обычный 6 13 2 3 2" xfId="30146"/>
    <cellStyle name="Обычный 6 13 2 3 2 2" xfId="30147"/>
    <cellStyle name="Обычный 6 13 2 3 2 2 2" xfId="30148"/>
    <cellStyle name="Обычный 6 13 2 3 2 3" xfId="30149"/>
    <cellStyle name="Обычный 6 13 2 3 2 3 2" xfId="30150"/>
    <cellStyle name="Обычный 6 13 2 3 2 4" xfId="30151"/>
    <cellStyle name="Обычный 6 13 2 3 3" xfId="30152"/>
    <cellStyle name="Обычный 6 13 2 3 3 2" xfId="30153"/>
    <cellStyle name="Обычный 6 13 2 3 4" xfId="30154"/>
    <cellStyle name="Обычный 6 13 2 3 4 2" xfId="30155"/>
    <cellStyle name="Обычный 6 13 2 3 5" xfId="30156"/>
    <cellStyle name="Обычный 6 13 2 3 5 2" xfId="30157"/>
    <cellStyle name="Обычный 6 13 2 3 6" xfId="30158"/>
    <cellStyle name="Обычный 6 13 2 4" xfId="30159"/>
    <cellStyle name="Обычный 6 13 2 4 2" xfId="30160"/>
    <cellStyle name="Обычный 6 13 2 4 2 2" xfId="30161"/>
    <cellStyle name="Обычный 6 13 2 4 2 2 2" xfId="30162"/>
    <cellStyle name="Обычный 6 13 2 4 2 3" xfId="30163"/>
    <cellStyle name="Обычный 6 13 2 4 2 3 2" xfId="30164"/>
    <cellStyle name="Обычный 6 13 2 4 2 4" xfId="30165"/>
    <cellStyle name="Обычный 6 13 2 4 3" xfId="30166"/>
    <cellStyle name="Обычный 6 13 2 4 3 2" xfId="30167"/>
    <cellStyle name="Обычный 6 13 2 4 4" xfId="30168"/>
    <cellStyle name="Обычный 6 13 2 4 4 2" xfId="30169"/>
    <cellStyle name="Обычный 6 13 2 4 5" xfId="30170"/>
    <cellStyle name="Обычный 6 13 2 4 5 2" xfId="30171"/>
    <cellStyle name="Обычный 6 13 2 4 6" xfId="30172"/>
    <cellStyle name="Обычный 6 13 2 5" xfId="30173"/>
    <cellStyle name="Обычный 6 13 2 5 2" xfId="30174"/>
    <cellStyle name="Обычный 6 13 2 5 2 2" xfId="30175"/>
    <cellStyle name="Обычный 6 13 2 5 2 2 2" xfId="30176"/>
    <cellStyle name="Обычный 6 13 2 5 2 3" xfId="30177"/>
    <cellStyle name="Обычный 6 13 2 5 2 3 2" xfId="30178"/>
    <cellStyle name="Обычный 6 13 2 5 2 4" xfId="30179"/>
    <cellStyle name="Обычный 6 13 2 5 3" xfId="30180"/>
    <cellStyle name="Обычный 6 13 2 5 3 2" xfId="30181"/>
    <cellStyle name="Обычный 6 13 2 5 4" xfId="30182"/>
    <cellStyle name="Обычный 6 13 2 5 4 2" xfId="30183"/>
    <cellStyle name="Обычный 6 13 2 5 5" xfId="30184"/>
    <cellStyle name="Обычный 6 13 2 5 5 2" xfId="30185"/>
    <cellStyle name="Обычный 6 13 2 5 6" xfId="30186"/>
    <cellStyle name="Обычный 6 13 2 6" xfId="30187"/>
    <cellStyle name="Обычный 6 13 2 6 2" xfId="30188"/>
    <cellStyle name="Обычный 6 13 2 6 2 2" xfId="30189"/>
    <cellStyle name="Обычный 6 13 2 6 3" xfId="30190"/>
    <cellStyle name="Обычный 6 13 2 6 3 2" xfId="30191"/>
    <cellStyle name="Обычный 6 13 2 6 4" xfId="30192"/>
    <cellStyle name="Обычный 6 13 2 7" xfId="30193"/>
    <cellStyle name="Обычный 6 13 2 7 2" xfId="30194"/>
    <cellStyle name="Обычный 6 13 2 8" xfId="30195"/>
    <cellStyle name="Обычный 6 13 2 8 2" xfId="30196"/>
    <cellStyle name="Обычный 6 13 2 9" xfId="30197"/>
    <cellStyle name="Обычный 6 13 2 9 2" xfId="30198"/>
    <cellStyle name="Обычный 6 13 3" xfId="30199"/>
    <cellStyle name="Обычный 6 13 3 2" xfId="30200"/>
    <cellStyle name="Обычный 6 13 3 2 2" xfId="30201"/>
    <cellStyle name="Обычный 6 13 3 2 2 2" xfId="30202"/>
    <cellStyle name="Обычный 6 13 3 2 2 2 2" xfId="30203"/>
    <cellStyle name="Обычный 6 13 3 2 2 3" xfId="30204"/>
    <cellStyle name="Обычный 6 13 3 2 2 3 2" xfId="30205"/>
    <cellStyle name="Обычный 6 13 3 2 2 4" xfId="30206"/>
    <cellStyle name="Обычный 6 13 3 2 3" xfId="30207"/>
    <cellStyle name="Обычный 6 13 3 2 3 2" xfId="30208"/>
    <cellStyle name="Обычный 6 13 3 2 4" xfId="30209"/>
    <cellStyle name="Обычный 6 13 3 2 4 2" xfId="30210"/>
    <cellStyle name="Обычный 6 13 3 2 5" xfId="30211"/>
    <cellStyle name="Обычный 6 13 3 2 5 2" xfId="30212"/>
    <cellStyle name="Обычный 6 13 3 2 6" xfId="30213"/>
    <cellStyle name="Обычный 6 13 3 3" xfId="30214"/>
    <cellStyle name="Обычный 6 13 3 3 2" xfId="30215"/>
    <cellStyle name="Обычный 6 13 3 3 2 2" xfId="30216"/>
    <cellStyle name="Обычный 6 13 3 3 2 2 2" xfId="30217"/>
    <cellStyle name="Обычный 6 13 3 3 2 3" xfId="30218"/>
    <cellStyle name="Обычный 6 13 3 3 2 3 2" xfId="30219"/>
    <cellStyle name="Обычный 6 13 3 3 2 4" xfId="30220"/>
    <cellStyle name="Обычный 6 13 3 3 3" xfId="30221"/>
    <cellStyle name="Обычный 6 13 3 3 3 2" xfId="30222"/>
    <cellStyle name="Обычный 6 13 3 3 4" xfId="30223"/>
    <cellStyle name="Обычный 6 13 3 3 4 2" xfId="30224"/>
    <cellStyle name="Обычный 6 13 3 3 5" xfId="30225"/>
    <cellStyle name="Обычный 6 13 3 3 5 2" xfId="30226"/>
    <cellStyle name="Обычный 6 13 3 3 6" xfId="30227"/>
    <cellStyle name="Обычный 6 13 3 4" xfId="30228"/>
    <cellStyle name="Обычный 6 13 3 4 2" xfId="30229"/>
    <cellStyle name="Обычный 6 13 3 4 2 2" xfId="30230"/>
    <cellStyle name="Обычный 6 13 3 4 2 2 2" xfId="30231"/>
    <cellStyle name="Обычный 6 13 3 4 2 3" xfId="30232"/>
    <cellStyle name="Обычный 6 13 3 4 2 3 2" xfId="30233"/>
    <cellStyle name="Обычный 6 13 3 4 2 4" xfId="30234"/>
    <cellStyle name="Обычный 6 13 3 4 3" xfId="30235"/>
    <cellStyle name="Обычный 6 13 3 4 3 2" xfId="30236"/>
    <cellStyle name="Обычный 6 13 3 4 4" xfId="30237"/>
    <cellStyle name="Обычный 6 13 3 4 4 2" xfId="30238"/>
    <cellStyle name="Обычный 6 13 3 4 5" xfId="30239"/>
    <cellStyle name="Обычный 6 13 3 4 5 2" xfId="30240"/>
    <cellStyle name="Обычный 6 13 3 4 6" xfId="30241"/>
    <cellStyle name="Обычный 6 13 3 5" xfId="30242"/>
    <cellStyle name="Обычный 6 13 3 5 2" xfId="30243"/>
    <cellStyle name="Обычный 6 13 3 5 2 2" xfId="30244"/>
    <cellStyle name="Обычный 6 13 3 5 3" xfId="30245"/>
    <cellStyle name="Обычный 6 13 3 5 3 2" xfId="30246"/>
    <cellStyle name="Обычный 6 13 3 5 4" xfId="30247"/>
    <cellStyle name="Обычный 6 13 3 6" xfId="30248"/>
    <cellStyle name="Обычный 6 13 3 6 2" xfId="30249"/>
    <cellStyle name="Обычный 6 13 3 7" xfId="30250"/>
    <cellStyle name="Обычный 6 13 3 7 2" xfId="30251"/>
    <cellStyle name="Обычный 6 13 3 8" xfId="30252"/>
    <cellStyle name="Обычный 6 13 3 8 2" xfId="30253"/>
    <cellStyle name="Обычный 6 13 3 9" xfId="30254"/>
    <cellStyle name="Обычный 6 13 4" xfId="30255"/>
    <cellStyle name="Обычный 6 13 4 2" xfId="30256"/>
    <cellStyle name="Обычный 6 13 4 2 2" xfId="30257"/>
    <cellStyle name="Обычный 6 13 4 2 2 2" xfId="30258"/>
    <cellStyle name="Обычный 6 13 4 2 3" xfId="30259"/>
    <cellStyle name="Обычный 6 13 4 2 3 2" xfId="30260"/>
    <cellStyle name="Обычный 6 13 4 2 4" xfId="30261"/>
    <cellStyle name="Обычный 6 13 4 3" xfId="30262"/>
    <cellStyle name="Обычный 6 13 4 3 2" xfId="30263"/>
    <cellStyle name="Обычный 6 13 4 4" xfId="30264"/>
    <cellStyle name="Обычный 6 13 4 4 2" xfId="30265"/>
    <cellStyle name="Обычный 6 13 4 5" xfId="30266"/>
    <cellStyle name="Обычный 6 13 4 5 2" xfId="30267"/>
    <cellStyle name="Обычный 6 13 4 6" xfId="30268"/>
    <cellStyle name="Обычный 6 13 5" xfId="30269"/>
    <cellStyle name="Обычный 6 13 5 2" xfId="30270"/>
    <cellStyle name="Обычный 6 13 5 2 2" xfId="30271"/>
    <cellStyle name="Обычный 6 13 5 2 2 2" xfId="30272"/>
    <cellStyle name="Обычный 6 13 5 2 3" xfId="30273"/>
    <cellStyle name="Обычный 6 13 5 2 3 2" xfId="30274"/>
    <cellStyle name="Обычный 6 13 5 2 4" xfId="30275"/>
    <cellStyle name="Обычный 6 13 5 3" xfId="30276"/>
    <cellStyle name="Обычный 6 13 5 3 2" xfId="30277"/>
    <cellStyle name="Обычный 6 13 5 4" xfId="30278"/>
    <cellStyle name="Обычный 6 13 5 4 2" xfId="30279"/>
    <cellStyle name="Обычный 6 13 5 5" xfId="30280"/>
    <cellStyle name="Обычный 6 13 5 5 2" xfId="30281"/>
    <cellStyle name="Обычный 6 13 5 6" xfId="30282"/>
    <cellStyle name="Обычный 6 13 6" xfId="30283"/>
    <cellStyle name="Обычный 6 13 6 2" xfId="30284"/>
    <cellStyle name="Обычный 6 13 6 2 2" xfId="30285"/>
    <cellStyle name="Обычный 6 13 6 2 2 2" xfId="30286"/>
    <cellStyle name="Обычный 6 13 6 2 3" xfId="30287"/>
    <cellStyle name="Обычный 6 13 6 2 3 2" xfId="30288"/>
    <cellStyle name="Обычный 6 13 6 2 4" xfId="30289"/>
    <cellStyle name="Обычный 6 13 6 3" xfId="30290"/>
    <cellStyle name="Обычный 6 13 6 3 2" xfId="30291"/>
    <cellStyle name="Обычный 6 13 6 4" xfId="30292"/>
    <cellStyle name="Обычный 6 13 6 4 2" xfId="30293"/>
    <cellStyle name="Обычный 6 13 6 5" xfId="30294"/>
    <cellStyle name="Обычный 6 13 6 5 2" xfId="30295"/>
    <cellStyle name="Обычный 6 13 6 6" xfId="30296"/>
    <cellStyle name="Обычный 6 13 7" xfId="30297"/>
    <cellStyle name="Обычный 6 13 7 2" xfId="30298"/>
    <cellStyle name="Обычный 6 13 7 2 2" xfId="30299"/>
    <cellStyle name="Обычный 6 13 7 2 2 2" xfId="30300"/>
    <cellStyle name="Обычный 6 13 7 2 3" xfId="30301"/>
    <cellStyle name="Обычный 6 13 7 2 3 2" xfId="30302"/>
    <cellStyle name="Обычный 6 13 7 2 4" xfId="30303"/>
    <cellStyle name="Обычный 6 13 7 3" xfId="30304"/>
    <cellStyle name="Обычный 6 13 7 3 2" xfId="30305"/>
    <cellStyle name="Обычный 6 13 7 4" xfId="30306"/>
    <cellStyle name="Обычный 6 13 7 4 2" xfId="30307"/>
    <cellStyle name="Обычный 6 13 7 5" xfId="30308"/>
    <cellStyle name="Обычный 6 13 7 5 2" xfId="30309"/>
    <cellStyle name="Обычный 6 13 7 6" xfId="30310"/>
    <cellStyle name="Обычный 6 13 8" xfId="30311"/>
    <cellStyle name="Обычный 6 13 8 2" xfId="30312"/>
    <cellStyle name="Обычный 6 13 8 2 2" xfId="30313"/>
    <cellStyle name="Обычный 6 13 8 3" xfId="30314"/>
    <cellStyle name="Обычный 6 13 8 3 2" xfId="30315"/>
    <cellStyle name="Обычный 6 13 8 4" xfId="30316"/>
    <cellStyle name="Обычный 6 13 9" xfId="30317"/>
    <cellStyle name="Обычный 6 13 9 2" xfId="30318"/>
    <cellStyle name="Обычный 6 13 9 2 2" xfId="30319"/>
    <cellStyle name="Обычный 6 13 9 3" xfId="30320"/>
    <cellStyle name="Обычный 6 14" xfId="30321"/>
    <cellStyle name="Обычный 6 14 10" xfId="30322"/>
    <cellStyle name="Обычный 6 14 10 2" xfId="30323"/>
    <cellStyle name="Обычный 6 14 11" xfId="30324"/>
    <cellStyle name="Обычный 6 14 11 2" xfId="30325"/>
    <cellStyle name="Обычный 6 14 12" xfId="30326"/>
    <cellStyle name="Обычный 6 14 13" xfId="30327"/>
    <cellStyle name="Обычный 6 14 2" xfId="30328"/>
    <cellStyle name="Обычный 6 14 2 10" xfId="30329"/>
    <cellStyle name="Обычный 6 14 2 2" xfId="30330"/>
    <cellStyle name="Обычный 6 14 2 2 2" xfId="30331"/>
    <cellStyle name="Обычный 6 14 2 2 2 2" xfId="30332"/>
    <cellStyle name="Обычный 6 14 2 2 2 2 2" xfId="30333"/>
    <cellStyle name="Обычный 6 14 2 2 2 3" xfId="30334"/>
    <cellStyle name="Обычный 6 14 2 2 2 3 2" xfId="30335"/>
    <cellStyle name="Обычный 6 14 2 2 2 4" xfId="30336"/>
    <cellStyle name="Обычный 6 14 2 2 3" xfId="30337"/>
    <cellStyle name="Обычный 6 14 2 2 3 2" xfId="30338"/>
    <cellStyle name="Обычный 6 14 2 2 4" xfId="30339"/>
    <cellStyle name="Обычный 6 14 2 2 4 2" xfId="30340"/>
    <cellStyle name="Обычный 6 14 2 2 5" xfId="30341"/>
    <cellStyle name="Обычный 6 14 2 2 5 2" xfId="30342"/>
    <cellStyle name="Обычный 6 14 2 2 6" xfId="30343"/>
    <cellStyle name="Обычный 6 14 2 3" xfId="30344"/>
    <cellStyle name="Обычный 6 14 2 3 2" xfId="30345"/>
    <cellStyle name="Обычный 6 14 2 3 2 2" xfId="30346"/>
    <cellStyle name="Обычный 6 14 2 3 2 2 2" xfId="30347"/>
    <cellStyle name="Обычный 6 14 2 3 2 3" xfId="30348"/>
    <cellStyle name="Обычный 6 14 2 3 2 3 2" xfId="30349"/>
    <cellStyle name="Обычный 6 14 2 3 2 4" xfId="30350"/>
    <cellStyle name="Обычный 6 14 2 3 3" xfId="30351"/>
    <cellStyle name="Обычный 6 14 2 3 3 2" xfId="30352"/>
    <cellStyle name="Обычный 6 14 2 3 4" xfId="30353"/>
    <cellStyle name="Обычный 6 14 2 3 4 2" xfId="30354"/>
    <cellStyle name="Обычный 6 14 2 3 5" xfId="30355"/>
    <cellStyle name="Обычный 6 14 2 3 5 2" xfId="30356"/>
    <cellStyle name="Обычный 6 14 2 3 6" xfId="30357"/>
    <cellStyle name="Обычный 6 14 2 4" xfId="30358"/>
    <cellStyle name="Обычный 6 14 2 4 2" xfId="30359"/>
    <cellStyle name="Обычный 6 14 2 4 2 2" xfId="30360"/>
    <cellStyle name="Обычный 6 14 2 4 2 2 2" xfId="30361"/>
    <cellStyle name="Обычный 6 14 2 4 2 3" xfId="30362"/>
    <cellStyle name="Обычный 6 14 2 4 2 3 2" xfId="30363"/>
    <cellStyle name="Обычный 6 14 2 4 2 4" xfId="30364"/>
    <cellStyle name="Обычный 6 14 2 4 3" xfId="30365"/>
    <cellStyle name="Обычный 6 14 2 4 3 2" xfId="30366"/>
    <cellStyle name="Обычный 6 14 2 4 4" xfId="30367"/>
    <cellStyle name="Обычный 6 14 2 4 4 2" xfId="30368"/>
    <cellStyle name="Обычный 6 14 2 4 5" xfId="30369"/>
    <cellStyle name="Обычный 6 14 2 4 5 2" xfId="30370"/>
    <cellStyle name="Обычный 6 14 2 4 6" xfId="30371"/>
    <cellStyle name="Обычный 6 14 2 5" xfId="30372"/>
    <cellStyle name="Обычный 6 14 2 5 2" xfId="30373"/>
    <cellStyle name="Обычный 6 14 2 5 2 2" xfId="30374"/>
    <cellStyle name="Обычный 6 14 2 5 2 2 2" xfId="30375"/>
    <cellStyle name="Обычный 6 14 2 5 2 3" xfId="30376"/>
    <cellStyle name="Обычный 6 14 2 5 2 3 2" xfId="30377"/>
    <cellStyle name="Обычный 6 14 2 5 2 4" xfId="30378"/>
    <cellStyle name="Обычный 6 14 2 5 3" xfId="30379"/>
    <cellStyle name="Обычный 6 14 2 5 3 2" xfId="30380"/>
    <cellStyle name="Обычный 6 14 2 5 4" xfId="30381"/>
    <cellStyle name="Обычный 6 14 2 5 4 2" xfId="30382"/>
    <cellStyle name="Обычный 6 14 2 5 5" xfId="30383"/>
    <cellStyle name="Обычный 6 14 2 5 5 2" xfId="30384"/>
    <cellStyle name="Обычный 6 14 2 5 6" xfId="30385"/>
    <cellStyle name="Обычный 6 14 2 6" xfId="30386"/>
    <cellStyle name="Обычный 6 14 2 6 2" xfId="30387"/>
    <cellStyle name="Обычный 6 14 2 6 2 2" xfId="30388"/>
    <cellStyle name="Обычный 6 14 2 6 3" xfId="30389"/>
    <cellStyle name="Обычный 6 14 2 6 3 2" xfId="30390"/>
    <cellStyle name="Обычный 6 14 2 6 4" xfId="30391"/>
    <cellStyle name="Обычный 6 14 2 7" xfId="30392"/>
    <cellStyle name="Обычный 6 14 2 7 2" xfId="30393"/>
    <cellStyle name="Обычный 6 14 2 8" xfId="30394"/>
    <cellStyle name="Обычный 6 14 2 8 2" xfId="30395"/>
    <cellStyle name="Обычный 6 14 2 9" xfId="30396"/>
    <cellStyle name="Обычный 6 14 2 9 2" xfId="30397"/>
    <cellStyle name="Обычный 6 14 3" xfId="30398"/>
    <cellStyle name="Обычный 6 14 3 2" xfId="30399"/>
    <cellStyle name="Обычный 6 14 3 2 2" xfId="30400"/>
    <cellStyle name="Обычный 6 14 3 2 2 2" xfId="30401"/>
    <cellStyle name="Обычный 6 14 3 2 2 2 2" xfId="30402"/>
    <cellStyle name="Обычный 6 14 3 2 2 3" xfId="30403"/>
    <cellStyle name="Обычный 6 14 3 2 2 3 2" xfId="30404"/>
    <cellStyle name="Обычный 6 14 3 2 2 4" xfId="30405"/>
    <cellStyle name="Обычный 6 14 3 2 3" xfId="30406"/>
    <cellStyle name="Обычный 6 14 3 2 3 2" xfId="30407"/>
    <cellStyle name="Обычный 6 14 3 2 4" xfId="30408"/>
    <cellStyle name="Обычный 6 14 3 2 4 2" xfId="30409"/>
    <cellStyle name="Обычный 6 14 3 2 5" xfId="30410"/>
    <cellStyle name="Обычный 6 14 3 2 5 2" xfId="30411"/>
    <cellStyle name="Обычный 6 14 3 2 6" xfId="30412"/>
    <cellStyle name="Обычный 6 14 3 3" xfId="30413"/>
    <cellStyle name="Обычный 6 14 3 3 2" xfId="30414"/>
    <cellStyle name="Обычный 6 14 3 3 2 2" xfId="30415"/>
    <cellStyle name="Обычный 6 14 3 3 2 2 2" xfId="30416"/>
    <cellStyle name="Обычный 6 14 3 3 2 3" xfId="30417"/>
    <cellStyle name="Обычный 6 14 3 3 2 3 2" xfId="30418"/>
    <cellStyle name="Обычный 6 14 3 3 2 4" xfId="30419"/>
    <cellStyle name="Обычный 6 14 3 3 3" xfId="30420"/>
    <cellStyle name="Обычный 6 14 3 3 3 2" xfId="30421"/>
    <cellStyle name="Обычный 6 14 3 3 4" xfId="30422"/>
    <cellStyle name="Обычный 6 14 3 3 4 2" xfId="30423"/>
    <cellStyle name="Обычный 6 14 3 3 5" xfId="30424"/>
    <cellStyle name="Обычный 6 14 3 3 5 2" xfId="30425"/>
    <cellStyle name="Обычный 6 14 3 3 6" xfId="30426"/>
    <cellStyle name="Обычный 6 14 3 4" xfId="30427"/>
    <cellStyle name="Обычный 6 14 3 4 2" xfId="30428"/>
    <cellStyle name="Обычный 6 14 3 4 2 2" xfId="30429"/>
    <cellStyle name="Обычный 6 14 3 4 2 2 2" xfId="30430"/>
    <cellStyle name="Обычный 6 14 3 4 2 3" xfId="30431"/>
    <cellStyle name="Обычный 6 14 3 4 2 3 2" xfId="30432"/>
    <cellStyle name="Обычный 6 14 3 4 2 4" xfId="30433"/>
    <cellStyle name="Обычный 6 14 3 4 3" xfId="30434"/>
    <cellStyle name="Обычный 6 14 3 4 3 2" xfId="30435"/>
    <cellStyle name="Обычный 6 14 3 4 4" xfId="30436"/>
    <cellStyle name="Обычный 6 14 3 4 4 2" xfId="30437"/>
    <cellStyle name="Обычный 6 14 3 4 5" xfId="30438"/>
    <cellStyle name="Обычный 6 14 3 4 5 2" xfId="30439"/>
    <cellStyle name="Обычный 6 14 3 4 6" xfId="30440"/>
    <cellStyle name="Обычный 6 14 3 5" xfId="30441"/>
    <cellStyle name="Обычный 6 14 3 5 2" xfId="30442"/>
    <cellStyle name="Обычный 6 14 3 5 2 2" xfId="30443"/>
    <cellStyle name="Обычный 6 14 3 5 3" xfId="30444"/>
    <cellStyle name="Обычный 6 14 3 5 3 2" xfId="30445"/>
    <cellStyle name="Обычный 6 14 3 5 4" xfId="30446"/>
    <cellStyle name="Обычный 6 14 3 6" xfId="30447"/>
    <cellStyle name="Обычный 6 14 3 6 2" xfId="30448"/>
    <cellStyle name="Обычный 6 14 3 7" xfId="30449"/>
    <cellStyle name="Обычный 6 14 3 7 2" xfId="30450"/>
    <cellStyle name="Обычный 6 14 3 8" xfId="30451"/>
    <cellStyle name="Обычный 6 14 3 8 2" xfId="30452"/>
    <cellStyle name="Обычный 6 14 3 9" xfId="30453"/>
    <cellStyle name="Обычный 6 14 4" xfId="30454"/>
    <cellStyle name="Обычный 6 14 4 2" xfId="30455"/>
    <cellStyle name="Обычный 6 14 4 2 2" xfId="30456"/>
    <cellStyle name="Обычный 6 14 4 2 2 2" xfId="30457"/>
    <cellStyle name="Обычный 6 14 4 2 3" xfId="30458"/>
    <cellStyle name="Обычный 6 14 4 2 3 2" xfId="30459"/>
    <cellStyle name="Обычный 6 14 4 2 4" xfId="30460"/>
    <cellStyle name="Обычный 6 14 4 3" xfId="30461"/>
    <cellStyle name="Обычный 6 14 4 3 2" xfId="30462"/>
    <cellStyle name="Обычный 6 14 4 4" xfId="30463"/>
    <cellStyle name="Обычный 6 14 4 4 2" xfId="30464"/>
    <cellStyle name="Обычный 6 14 4 5" xfId="30465"/>
    <cellStyle name="Обычный 6 14 4 5 2" xfId="30466"/>
    <cellStyle name="Обычный 6 14 4 6" xfId="30467"/>
    <cellStyle name="Обычный 6 14 5" xfId="30468"/>
    <cellStyle name="Обычный 6 14 5 2" xfId="30469"/>
    <cellStyle name="Обычный 6 14 5 2 2" xfId="30470"/>
    <cellStyle name="Обычный 6 14 5 2 2 2" xfId="30471"/>
    <cellStyle name="Обычный 6 14 5 2 3" xfId="30472"/>
    <cellStyle name="Обычный 6 14 5 2 3 2" xfId="30473"/>
    <cellStyle name="Обычный 6 14 5 2 4" xfId="30474"/>
    <cellStyle name="Обычный 6 14 5 3" xfId="30475"/>
    <cellStyle name="Обычный 6 14 5 3 2" xfId="30476"/>
    <cellStyle name="Обычный 6 14 5 4" xfId="30477"/>
    <cellStyle name="Обычный 6 14 5 4 2" xfId="30478"/>
    <cellStyle name="Обычный 6 14 5 5" xfId="30479"/>
    <cellStyle name="Обычный 6 14 5 5 2" xfId="30480"/>
    <cellStyle name="Обычный 6 14 5 6" xfId="30481"/>
    <cellStyle name="Обычный 6 14 6" xfId="30482"/>
    <cellStyle name="Обычный 6 14 6 2" xfId="30483"/>
    <cellStyle name="Обычный 6 14 6 2 2" xfId="30484"/>
    <cellStyle name="Обычный 6 14 6 2 2 2" xfId="30485"/>
    <cellStyle name="Обычный 6 14 6 2 3" xfId="30486"/>
    <cellStyle name="Обычный 6 14 6 2 3 2" xfId="30487"/>
    <cellStyle name="Обычный 6 14 6 2 4" xfId="30488"/>
    <cellStyle name="Обычный 6 14 6 3" xfId="30489"/>
    <cellStyle name="Обычный 6 14 6 3 2" xfId="30490"/>
    <cellStyle name="Обычный 6 14 6 4" xfId="30491"/>
    <cellStyle name="Обычный 6 14 6 4 2" xfId="30492"/>
    <cellStyle name="Обычный 6 14 6 5" xfId="30493"/>
    <cellStyle name="Обычный 6 14 6 5 2" xfId="30494"/>
    <cellStyle name="Обычный 6 14 6 6" xfId="30495"/>
    <cellStyle name="Обычный 6 14 7" xfId="30496"/>
    <cellStyle name="Обычный 6 14 7 2" xfId="30497"/>
    <cellStyle name="Обычный 6 14 7 2 2" xfId="30498"/>
    <cellStyle name="Обычный 6 14 7 2 2 2" xfId="30499"/>
    <cellStyle name="Обычный 6 14 7 2 3" xfId="30500"/>
    <cellStyle name="Обычный 6 14 7 2 3 2" xfId="30501"/>
    <cellStyle name="Обычный 6 14 7 2 4" xfId="30502"/>
    <cellStyle name="Обычный 6 14 7 3" xfId="30503"/>
    <cellStyle name="Обычный 6 14 7 3 2" xfId="30504"/>
    <cellStyle name="Обычный 6 14 7 4" xfId="30505"/>
    <cellStyle name="Обычный 6 14 7 4 2" xfId="30506"/>
    <cellStyle name="Обычный 6 14 7 5" xfId="30507"/>
    <cellStyle name="Обычный 6 14 7 5 2" xfId="30508"/>
    <cellStyle name="Обычный 6 14 7 6" xfId="30509"/>
    <cellStyle name="Обычный 6 14 8" xfId="30510"/>
    <cellStyle name="Обычный 6 14 8 2" xfId="30511"/>
    <cellStyle name="Обычный 6 14 8 2 2" xfId="30512"/>
    <cellStyle name="Обычный 6 14 8 3" xfId="30513"/>
    <cellStyle name="Обычный 6 14 8 3 2" xfId="30514"/>
    <cellStyle name="Обычный 6 14 8 4" xfId="30515"/>
    <cellStyle name="Обычный 6 14 9" xfId="30516"/>
    <cellStyle name="Обычный 6 14 9 2" xfId="30517"/>
    <cellStyle name="Обычный 6 14 9 2 2" xfId="30518"/>
    <cellStyle name="Обычный 6 14 9 3" xfId="30519"/>
    <cellStyle name="Обычный 6 15" xfId="30520"/>
    <cellStyle name="Обычный 6 15 10" xfId="30521"/>
    <cellStyle name="Обычный 6 15 2" xfId="30522"/>
    <cellStyle name="Обычный 6 15 2 2" xfId="30523"/>
    <cellStyle name="Обычный 6 15 2 2 2" xfId="30524"/>
    <cellStyle name="Обычный 6 15 2 2 2 2" xfId="30525"/>
    <cellStyle name="Обычный 6 15 2 2 3" xfId="30526"/>
    <cellStyle name="Обычный 6 15 2 2 3 2" xfId="30527"/>
    <cellStyle name="Обычный 6 15 2 2 4" xfId="30528"/>
    <cellStyle name="Обычный 6 15 2 3" xfId="30529"/>
    <cellStyle name="Обычный 6 15 2 3 2" xfId="30530"/>
    <cellStyle name="Обычный 6 15 2 4" xfId="30531"/>
    <cellStyle name="Обычный 6 15 2 4 2" xfId="30532"/>
    <cellStyle name="Обычный 6 15 2 5" xfId="30533"/>
    <cellStyle name="Обычный 6 15 2 5 2" xfId="30534"/>
    <cellStyle name="Обычный 6 15 2 6" xfId="30535"/>
    <cellStyle name="Обычный 6 15 3" xfId="30536"/>
    <cellStyle name="Обычный 6 15 3 2" xfId="30537"/>
    <cellStyle name="Обычный 6 15 3 2 2" xfId="30538"/>
    <cellStyle name="Обычный 6 15 3 2 2 2" xfId="30539"/>
    <cellStyle name="Обычный 6 15 3 2 3" xfId="30540"/>
    <cellStyle name="Обычный 6 15 3 2 3 2" xfId="30541"/>
    <cellStyle name="Обычный 6 15 3 2 4" xfId="30542"/>
    <cellStyle name="Обычный 6 15 3 3" xfId="30543"/>
    <cellStyle name="Обычный 6 15 3 3 2" xfId="30544"/>
    <cellStyle name="Обычный 6 15 3 4" xfId="30545"/>
    <cellStyle name="Обычный 6 15 3 4 2" xfId="30546"/>
    <cellStyle name="Обычный 6 15 3 5" xfId="30547"/>
    <cellStyle name="Обычный 6 15 3 5 2" xfId="30548"/>
    <cellStyle name="Обычный 6 15 3 6" xfId="30549"/>
    <cellStyle name="Обычный 6 15 4" xfId="30550"/>
    <cellStyle name="Обычный 6 15 4 2" xfId="30551"/>
    <cellStyle name="Обычный 6 15 4 2 2" xfId="30552"/>
    <cellStyle name="Обычный 6 15 4 2 2 2" xfId="30553"/>
    <cellStyle name="Обычный 6 15 4 2 3" xfId="30554"/>
    <cellStyle name="Обычный 6 15 4 2 3 2" xfId="30555"/>
    <cellStyle name="Обычный 6 15 4 2 4" xfId="30556"/>
    <cellStyle name="Обычный 6 15 4 3" xfId="30557"/>
    <cellStyle name="Обычный 6 15 4 3 2" xfId="30558"/>
    <cellStyle name="Обычный 6 15 4 4" xfId="30559"/>
    <cellStyle name="Обычный 6 15 4 4 2" xfId="30560"/>
    <cellStyle name="Обычный 6 15 4 5" xfId="30561"/>
    <cellStyle name="Обычный 6 15 4 5 2" xfId="30562"/>
    <cellStyle name="Обычный 6 15 4 6" xfId="30563"/>
    <cellStyle name="Обычный 6 15 5" xfId="30564"/>
    <cellStyle name="Обычный 6 15 5 2" xfId="30565"/>
    <cellStyle name="Обычный 6 15 5 2 2" xfId="30566"/>
    <cellStyle name="Обычный 6 15 5 2 2 2" xfId="30567"/>
    <cellStyle name="Обычный 6 15 5 2 3" xfId="30568"/>
    <cellStyle name="Обычный 6 15 5 2 3 2" xfId="30569"/>
    <cellStyle name="Обычный 6 15 5 2 4" xfId="30570"/>
    <cellStyle name="Обычный 6 15 5 3" xfId="30571"/>
    <cellStyle name="Обычный 6 15 5 3 2" xfId="30572"/>
    <cellStyle name="Обычный 6 15 5 4" xfId="30573"/>
    <cellStyle name="Обычный 6 15 5 4 2" xfId="30574"/>
    <cellStyle name="Обычный 6 15 5 5" xfId="30575"/>
    <cellStyle name="Обычный 6 15 5 5 2" xfId="30576"/>
    <cellStyle name="Обычный 6 15 5 6" xfId="30577"/>
    <cellStyle name="Обычный 6 15 6" xfId="30578"/>
    <cellStyle name="Обычный 6 15 6 2" xfId="30579"/>
    <cellStyle name="Обычный 6 15 6 2 2" xfId="30580"/>
    <cellStyle name="Обычный 6 15 6 3" xfId="30581"/>
    <cellStyle name="Обычный 6 15 6 3 2" xfId="30582"/>
    <cellStyle name="Обычный 6 15 6 4" xfId="30583"/>
    <cellStyle name="Обычный 6 15 7" xfId="30584"/>
    <cellStyle name="Обычный 6 15 7 2" xfId="30585"/>
    <cellStyle name="Обычный 6 15 8" xfId="30586"/>
    <cellStyle name="Обычный 6 15 8 2" xfId="30587"/>
    <cellStyle name="Обычный 6 15 9" xfId="30588"/>
    <cellStyle name="Обычный 6 15 9 2" xfId="30589"/>
    <cellStyle name="Обычный 6 16" xfId="30590"/>
    <cellStyle name="Обычный 6 16 2" xfId="30591"/>
    <cellStyle name="Обычный 6 16 2 2" xfId="30592"/>
    <cellStyle name="Обычный 6 16 2 2 2" xfId="30593"/>
    <cellStyle name="Обычный 6 16 2 2 2 2" xfId="30594"/>
    <cellStyle name="Обычный 6 16 2 2 3" xfId="30595"/>
    <cellStyle name="Обычный 6 16 2 2 3 2" xfId="30596"/>
    <cellStyle name="Обычный 6 16 2 2 4" xfId="30597"/>
    <cellStyle name="Обычный 6 16 2 3" xfId="30598"/>
    <cellStyle name="Обычный 6 16 2 3 2" xfId="30599"/>
    <cellStyle name="Обычный 6 16 2 4" xfId="30600"/>
    <cellStyle name="Обычный 6 16 2 4 2" xfId="30601"/>
    <cellStyle name="Обычный 6 16 2 5" xfId="30602"/>
    <cellStyle name="Обычный 6 16 2 5 2" xfId="30603"/>
    <cellStyle name="Обычный 6 16 2 6" xfId="30604"/>
    <cellStyle name="Обычный 6 16 3" xfId="30605"/>
    <cellStyle name="Обычный 6 16 3 2" xfId="30606"/>
    <cellStyle name="Обычный 6 16 3 2 2" xfId="30607"/>
    <cellStyle name="Обычный 6 16 3 2 2 2" xfId="30608"/>
    <cellStyle name="Обычный 6 16 3 2 3" xfId="30609"/>
    <cellStyle name="Обычный 6 16 3 2 3 2" xfId="30610"/>
    <cellStyle name="Обычный 6 16 3 2 4" xfId="30611"/>
    <cellStyle name="Обычный 6 16 3 3" xfId="30612"/>
    <cellStyle name="Обычный 6 16 3 3 2" xfId="30613"/>
    <cellStyle name="Обычный 6 16 3 4" xfId="30614"/>
    <cellStyle name="Обычный 6 16 3 4 2" xfId="30615"/>
    <cellStyle name="Обычный 6 16 3 5" xfId="30616"/>
    <cellStyle name="Обычный 6 16 3 5 2" xfId="30617"/>
    <cellStyle name="Обычный 6 16 3 6" xfId="30618"/>
    <cellStyle name="Обычный 6 16 4" xfId="30619"/>
    <cellStyle name="Обычный 6 16 4 2" xfId="30620"/>
    <cellStyle name="Обычный 6 16 4 2 2" xfId="30621"/>
    <cellStyle name="Обычный 6 16 4 2 2 2" xfId="30622"/>
    <cellStyle name="Обычный 6 16 4 2 3" xfId="30623"/>
    <cellStyle name="Обычный 6 16 4 2 3 2" xfId="30624"/>
    <cellStyle name="Обычный 6 16 4 2 4" xfId="30625"/>
    <cellStyle name="Обычный 6 16 4 3" xfId="30626"/>
    <cellStyle name="Обычный 6 16 4 3 2" xfId="30627"/>
    <cellStyle name="Обычный 6 16 4 4" xfId="30628"/>
    <cellStyle name="Обычный 6 16 4 4 2" xfId="30629"/>
    <cellStyle name="Обычный 6 16 4 5" xfId="30630"/>
    <cellStyle name="Обычный 6 16 4 5 2" xfId="30631"/>
    <cellStyle name="Обычный 6 16 4 6" xfId="30632"/>
    <cellStyle name="Обычный 6 16 5" xfId="30633"/>
    <cellStyle name="Обычный 6 16 5 2" xfId="30634"/>
    <cellStyle name="Обычный 6 16 5 2 2" xfId="30635"/>
    <cellStyle name="Обычный 6 16 5 3" xfId="30636"/>
    <cellStyle name="Обычный 6 16 5 3 2" xfId="30637"/>
    <cellStyle name="Обычный 6 16 5 4" xfId="30638"/>
    <cellStyle name="Обычный 6 16 6" xfId="30639"/>
    <cellStyle name="Обычный 6 16 6 2" xfId="30640"/>
    <cellStyle name="Обычный 6 16 7" xfId="30641"/>
    <cellStyle name="Обычный 6 16 7 2" xfId="30642"/>
    <cellStyle name="Обычный 6 16 8" xfId="30643"/>
    <cellStyle name="Обычный 6 16 8 2" xfId="30644"/>
    <cellStyle name="Обычный 6 16 9" xfId="30645"/>
    <cellStyle name="Обычный 6 17" xfId="30646"/>
    <cellStyle name="Обычный 6 17 2" xfId="30647"/>
    <cellStyle name="Обычный 6 17 2 2" xfId="30648"/>
    <cellStyle name="Обычный 6 17 2 2 2" xfId="30649"/>
    <cellStyle name="Обычный 6 17 2 3" xfId="30650"/>
    <cellStyle name="Обычный 6 17 2 3 2" xfId="30651"/>
    <cellStyle name="Обычный 6 17 2 4" xfId="30652"/>
    <cellStyle name="Обычный 6 17 3" xfId="30653"/>
    <cellStyle name="Обычный 6 17 3 2" xfId="30654"/>
    <cellStyle name="Обычный 6 17 4" xfId="30655"/>
    <cellStyle name="Обычный 6 17 4 2" xfId="30656"/>
    <cellStyle name="Обычный 6 17 5" xfId="30657"/>
    <cellStyle name="Обычный 6 17 5 2" xfId="30658"/>
    <cellStyle name="Обычный 6 17 6" xfId="30659"/>
    <cellStyle name="Обычный 6 18" xfId="30660"/>
    <cellStyle name="Обычный 6 18 2" xfId="30661"/>
    <cellStyle name="Обычный 6 18 2 2" xfId="30662"/>
    <cellStyle name="Обычный 6 18 2 2 2" xfId="30663"/>
    <cellStyle name="Обычный 6 18 2 3" xfId="30664"/>
    <cellStyle name="Обычный 6 18 2 3 2" xfId="30665"/>
    <cellStyle name="Обычный 6 18 2 4" xfId="30666"/>
    <cellStyle name="Обычный 6 18 3" xfId="30667"/>
    <cellStyle name="Обычный 6 18 3 2" xfId="30668"/>
    <cellStyle name="Обычный 6 18 4" xfId="30669"/>
    <cellStyle name="Обычный 6 18 4 2" xfId="30670"/>
    <cellStyle name="Обычный 6 18 5" xfId="30671"/>
    <cellStyle name="Обычный 6 18 5 2" xfId="30672"/>
    <cellStyle name="Обычный 6 18 6" xfId="30673"/>
    <cellStyle name="Обычный 6 19" xfId="30674"/>
    <cellStyle name="Обычный 6 19 2" xfId="30675"/>
    <cellStyle name="Обычный 6 19 2 2" xfId="30676"/>
    <cellStyle name="Обычный 6 19 2 2 2" xfId="30677"/>
    <cellStyle name="Обычный 6 19 2 3" xfId="30678"/>
    <cellStyle name="Обычный 6 19 2 3 2" xfId="30679"/>
    <cellStyle name="Обычный 6 19 2 4" xfId="30680"/>
    <cellStyle name="Обычный 6 19 3" xfId="30681"/>
    <cellStyle name="Обычный 6 19 3 2" xfId="30682"/>
    <cellStyle name="Обычный 6 19 4" xfId="30683"/>
    <cellStyle name="Обычный 6 19 4 2" xfId="30684"/>
    <cellStyle name="Обычный 6 19 5" xfId="30685"/>
    <cellStyle name="Обычный 6 19 5 2" xfId="30686"/>
    <cellStyle name="Обычный 6 19 6" xfId="30687"/>
    <cellStyle name="Обычный 6 2" xfId="30688"/>
    <cellStyle name="Обычный 6 2 10" xfId="30689"/>
    <cellStyle name="Обычный 6 2 10 2" xfId="30690"/>
    <cellStyle name="Обычный 6 2 10 2 2" xfId="30691"/>
    <cellStyle name="Обычный 6 2 10 3" xfId="30692"/>
    <cellStyle name="Обычный 6 2 11" xfId="30693"/>
    <cellStyle name="Обычный 6 2 11 2" xfId="30694"/>
    <cellStyle name="Обычный 6 2 12" xfId="30695"/>
    <cellStyle name="Обычный 6 2 12 2" xfId="30696"/>
    <cellStyle name="Обычный 6 2 13" xfId="30697"/>
    <cellStyle name="Обычный 6 2 14" xfId="30698"/>
    <cellStyle name="Обычный 6 2 2" xfId="30699"/>
    <cellStyle name="Обычный 6 2 2 10" xfId="30700"/>
    <cellStyle name="Обычный 6 2 2 10 2" xfId="30701"/>
    <cellStyle name="Обычный 6 2 2 11" xfId="30702"/>
    <cellStyle name="Обычный 6 2 2 11 2" xfId="30703"/>
    <cellStyle name="Обычный 6 2 2 12" xfId="30704"/>
    <cellStyle name="Обычный 6 2 2 13" xfId="30705"/>
    <cellStyle name="Обычный 6 2 2 2" xfId="30706"/>
    <cellStyle name="Обычный 6 2 2 2 10" xfId="30707"/>
    <cellStyle name="Обычный 6 2 2 2 2" xfId="30708"/>
    <cellStyle name="Обычный 6 2 2 2 2 2" xfId="30709"/>
    <cellStyle name="Обычный 6 2 2 2 2 2 2" xfId="30710"/>
    <cellStyle name="Обычный 6 2 2 2 2 2 2 2" xfId="30711"/>
    <cellStyle name="Обычный 6 2 2 2 2 2 3" xfId="30712"/>
    <cellStyle name="Обычный 6 2 2 2 2 2 3 2" xfId="30713"/>
    <cellStyle name="Обычный 6 2 2 2 2 2 4" xfId="30714"/>
    <cellStyle name="Обычный 6 2 2 2 2 3" xfId="30715"/>
    <cellStyle name="Обычный 6 2 2 2 2 3 2" xfId="30716"/>
    <cellStyle name="Обычный 6 2 2 2 2 4" xfId="30717"/>
    <cellStyle name="Обычный 6 2 2 2 2 4 2" xfId="30718"/>
    <cellStyle name="Обычный 6 2 2 2 2 5" xfId="30719"/>
    <cellStyle name="Обычный 6 2 2 2 2 5 2" xfId="30720"/>
    <cellStyle name="Обычный 6 2 2 2 2 6" xfId="30721"/>
    <cellStyle name="Обычный 6 2 2 2 3" xfId="30722"/>
    <cellStyle name="Обычный 6 2 2 2 3 2" xfId="30723"/>
    <cellStyle name="Обычный 6 2 2 2 3 2 2" xfId="30724"/>
    <cellStyle name="Обычный 6 2 2 2 3 2 2 2" xfId="30725"/>
    <cellStyle name="Обычный 6 2 2 2 3 2 3" xfId="30726"/>
    <cellStyle name="Обычный 6 2 2 2 3 2 3 2" xfId="30727"/>
    <cellStyle name="Обычный 6 2 2 2 3 2 4" xfId="30728"/>
    <cellStyle name="Обычный 6 2 2 2 3 3" xfId="30729"/>
    <cellStyle name="Обычный 6 2 2 2 3 3 2" xfId="30730"/>
    <cellStyle name="Обычный 6 2 2 2 3 4" xfId="30731"/>
    <cellStyle name="Обычный 6 2 2 2 3 4 2" xfId="30732"/>
    <cellStyle name="Обычный 6 2 2 2 3 5" xfId="30733"/>
    <cellStyle name="Обычный 6 2 2 2 3 5 2" xfId="30734"/>
    <cellStyle name="Обычный 6 2 2 2 3 6" xfId="30735"/>
    <cellStyle name="Обычный 6 2 2 2 4" xfId="30736"/>
    <cellStyle name="Обычный 6 2 2 2 4 2" xfId="30737"/>
    <cellStyle name="Обычный 6 2 2 2 4 2 2" xfId="30738"/>
    <cellStyle name="Обычный 6 2 2 2 4 2 2 2" xfId="30739"/>
    <cellStyle name="Обычный 6 2 2 2 4 2 3" xfId="30740"/>
    <cellStyle name="Обычный 6 2 2 2 4 2 3 2" xfId="30741"/>
    <cellStyle name="Обычный 6 2 2 2 4 2 4" xfId="30742"/>
    <cellStyle name="Обычный 6 2 2 2 4 3" xfId="30743"/>
    <cellStyle name="Обычный 6 2 2 2 4 3 2" xfId="30744"/>
    <cellStyle name="Обычный 6 2 2 2 4 4" xfId="30745"/>
    <cellStyle name="Обычный 6 2 2 2 4 4 2" xfId="30746"/>
    <cellStyle name="Обычный 6 2 2 2 4 5" xfId="30747"/>
    <cellStyle name="Обычный 6 2 2 2 4 5 2" xfId="30748"/>
    <cellStyle name="Обычный 6 2 2 2 4 6" xfId="30749"/>
    <cellStyle name="Обычный 6 2 2 2 5" xfId="30750"/>
    <cellStyle name="Обычный 6 2 2 2 5 2" xfId="30751"/>
    <cellStyle name="Обычный 6 2 2 2 5 2 2" xfId="30752"/>
    <cellStyle name="Обычный 6 2 2 2 5 2 2 2" xfId="30753"/>
    <cellStyle name="Обычный 6 2 2 2 5 2 3" xfId="30754"/>
    <cellStyle name="Обычный 6 2 2 2 5 2 3 2" xfId="30755"/>
    <cellStyle name="Обычный 6 2 2 2 5 2 4" xfId="30756"/>
    <cellStyle name="Обычный 6 2 2 2 5 3" xfId="30757"/>
    <cellStyle name="Обычный 6 2 2 2 5 3 2" xfId="30758"/>
    <cellStyle name="Обычный 6 2 2 2 5 4" xfId="30759"/>
    <cellStyle name="Обычный 6 2 2 2 5 4 2" xfId="30760"/>
    <cellStyle name="Обычный 6 2 2 2 5 5" xfId="30761"/>
    <cellStyle name="Обычный 6 2 2 2 5 5 2" xfId="30762"/>
    <cellStyle name="Обычный 6 2 2 2 5 6" xfId="30763"/>
    <cellStyle name="Обычный 6 2 2 2 6" xfId="30764"/>
    <cellStyle name="Обычный 6 2 2 2 6 2" xfId="30765"/>
    <cellStyle name="Обычный 6 2 2 2 6 2 2" xfId="30766"/>
    <cellStyle name="Обычный 6 2 2 2 6 3" xfId="30767"/>
    <cellStyle name="Обычный 6 2 2 2 6 3 2" xfId="30768"/>
    <cellStyle name="Обычный 6 2 2 2 6 4" xfId="30769"/>
    <cellStyle name="Обычный 6 2 2 2 7" xfId="30770"/>
    <cellStyle name="Обычный 6 2 2 2 7 2" xfId="30771"/>
    <cellStyle name="Обычный 6 2 2 2 8" xfId="30772"/>
    <cellStyle name="Обычный 6 2 2 2 8 2" xfId="30773"/>
    <cellStyle name="Обычный 6 2 2 2 9" xfId="30774"/>
    <cellStyle name="Обычный 6 2 2 2 9 2" xfId="30775"/>
    <cellStyle name="Обычный 6 2 2 3" xfId="30776"/>
    <cellStyle name="Обычный 6 2 2 3 2" xfId="30777"/>
    <cellStyle name="Обычный 6 2 2 3 2 2" xfId="30778"/>
    <cellStyle name="Обычный 6 2 2 3 2 2 2" xfId="30779"/>
    <cellStyle name="Обычный 6 2 2 3 2 2 2 2" xfId="30780"/>
    <cellStyle name="Обычный 6 2 2 3 2 2 3" xfId="30781"/>
    <cellStyle name="Обычный 6 2 2 3 2 2 3 2" xfId="30782"/>
    <cellStyle name="Обычный 6 2 2 3 2 2 4" xfId="30783"/>
    <cellStyle name="Обычный 6 2 2 3 2 3" xfId="30784"/>
    <cellStyle name="Обычный 6 2 2 3 2 3 2" xfId="30785"/>
    <cellStyle name="Обычный 6 2 2 3 2 4" xfId="30786"/>
    <cellStyle name="Обычный 6 2 2 3 2 4 2" xfId="30787"/>
    <cellStyle name="Обычный 6 2 2 3 2 5" xfId="30788"/>
    <cellStyle name="Обычный 6 2 2 3 2 5 2" xfId="30789"/>
    <cellStyle name="Обычный 6 2 2 3 2 6" xfId="30790"/>
    <cellStyle name="Обычный 6 2 2 3 3" xfId="30791"/>
    <cellStyle name="Обычный 6 2 2 3 3 2" xfId="30792"/>
    <cellStyle name="Обычный 6 2 2 3 3 2 2" xfId="30793"/>
    <cellStyle name="Обычный 6 2 2 3 3 2 2 2" xfId="30794"/>
    <cellStyle name="Обычный 6 2 2 3 3 2 3" xfId="30795"/>
    <cellStyle name="Обычный 6 2 2 3 3 2 3 2" xfId="30796"/>
    <cellStyle name="Обычный 6 2 2 3 3 2 4" xfId="30797"/>
    <cellStyle name="Обычный 6 2 2 3 3 3" xfId="30798"/>
    <cellStyle name="Обычный 6 2 2 3 3 3 2" xfId="30799"/>
    <cellStyle name="Обычный 6 2 2 3 3 4" xfId="30800"/>
    <cellStyle name="Обычный 6 2 2 3 3 4 2" xfId="30801"/>
    <cellStyle name="Обычный 6 2 2 3 3 5" xfId="30802"/>
    <cellStyle name="Обычный 6 2 2 3 3 5 2" xfId="30803"/>
    <cellStyle name="Обычный 6 2 2 3 3 6" xfId="30804"/>
    <cellStyle name="Обычный 6 2 2 3 4" xfId="30805"/>
    <cellStyle name="Обычный 6 2 2 3 4 2" xfId="30806"/>
    <cellStyle name="Обычный 6 2 2 3 4 2 2" xfId="30807"/>
    <cellStyle name="Обычный 6 2 2 3 4 2 2 2" xfId="30808"/>
    <cellStyle name="Обычный 6 2 2 3 4 2 3" xfId="30809"/>
    <cellStyle name="Обычный 6 2 2 3 4 2 3 2" xfId="30810"/>
    <cellStyle name="Обычный 6 2 2 3 4 2 4" xfId="30811"/>
    <cellStyle name="Обычный 6 2 2 3 4 3" xfId="30812"/>
    <cellStyle name="Обычный 6 2 2 3 4 3 2" xfId="30813"/>
    <cellStyle name="Обычный 6 2 2 3 4 4" xfId="30814"/>
    <cellStyle name="Обычный 6 2 2 3 4 4 2" xfId="30815"/>
    <cellStyle name="Обычный 6 2 2 3 4 5" xfId="30816"/>
    <cellStyle name="Обычный 6 2 2 3 4 5 2" xfId="30817"/>
    <cellStyle name="Обычный 6 2 2 3 4 6" xfId="30818"/>
    <cellStyle name="Обычный 6 2 2 3 5" xfId="30819"/>
    <cellStyle name="Обычный 6 2 2 3 5 2" xfId="30820"/>
    <cellStyle name="Обычный 6 2 2 3 5 2 2" xfId="30821"/>
    <cellStyle name="Обычный 6 2 2 3 5 3" xfId="30822"/>
    <cellStyle name="Обычный 6 2 2 3 5 3 2" xfId="30823"/>
    <cellStyle name="Обычный 6 2 2 3 5 4" xfId="30824"/>
    <cellStyle name="Обычный 6 2 2 3 6" xfId="30825"/>
    <cellStyle name="Обычный 6 2 2 3 6 2" xfId="30826"/>
    <cellStyle name="Обычный 6 2 2 3 7" xfId="30827"/>
    <cellStyle name="Обычный 6 2 2 3 7 2" xfId="30828"/>
    <cellStyle name="Обычный 6 2 2 3 8" xfId="30829"/>
    <cellStyle name="Обычный 6 2 2 3 8 2" xfId="30830"/>
    <cellStyle name="Обычный 6 2 2 3 9" xfId="30831"/>
    <cellStyle name="Обычный 6 2 2 4" xfId="30832"/>
    <cellStyle name="Обычный 6 2 2 4 2" xfId="30833"/>
    <cellStyle name="Обычный 6 2 2 4 2 2" xfId="30834"/>
    <cellStyle name="Обычный 6 2 2 4 2 2 2" xfId="30835"/>
    <cellStyle name="Обычный 6 2 2 4 2 3" xfId="30836"/>
    <cellStyle name="Обычный 6 2 2 4 2 3 2" xfId="30837"/>
    <cellStyle name="Обычный 6 2 2 4 2 4" xfId="30838"/>
    <cellStyle name="Обычный 6 2 2 4 3" xfId="30839"/>
    <cellStyle name="Обычный 6 2 2 4 3 2" xfId="30840"/>
    <cellStyle name="Обычный 6 2 2 4 4" xfId="30841"/>
    <cellStyle name="Обычный 6 2 2 4 4 2" xfId="30842"/>
    <cellStyle name="Обычный 6 2 2 4 5" xfId="30843"/>
    <cellStyle name="Обычный 6 2 2 4 5 2" xfId="30844"/>
    <cellStyle name="Обычный 6 2 2 4 6" xfId="30845"/>
    <cellStyle name="Обычный 6 2 2 5" xfId="30846"/>
    <cellStyle name="Обычный 6 2 2 5 2" xfId="30847"/>
    <cellStyle name="Обычный 6 2 2 5 2 2" xfId="30848"/>
    <cellStyle name="Обычный 6 2 2 5 2 2 2" xfId="30849"/>
    <cellStyle name="Обычный 6 2 2 5 2 3" xfId="30850"/>
    <cellStyle name="Обычный 6 2 2 5 2 3 2" xfId="30851"/>
    <cellStyle name="Обычный 6 2 2 5 2 4" xfId="30852"/>
    <cellStyle name="Обычный 6 2 2 5 3" xfId="30853"/>
    <cellStyle name="Обычный 6 2 2 5 3 2" xfId="30854"/>
    <cellStyle name="Обычный 6 2 2 5 4" xfId="30855"/>
    <cellStyle name="Обычный 6 2 2 5 4 2" xfId="30856"/>
    <cellStyle name="Обычный 6 2 2 5 5" xfId="30857"/>
    <cellStyle name="Обычный 6 2 2 5 5 2" xfId="30858"/>
    <cellStyle name="Обычный 6 2 2 5 6" xfId="30859"/>
    <cellStyle name="Обычный 6 2 2 6" xfId="30860"/>
    <cellStyle name="Обычный 6 2 2 6 2" xfId="30861"/>
    <cellStyle name="Обычный 6 2 2 6 2 2" xfId="30862"/>
    <cellStyle name="Обычный 6 2 2 6 2 2 2" xfId="30863"/>
    <cellStyle name="Обычный 6 2 2 6 2 3" xfId="30864"/>
    <cellStyle name="Обычный 6 2 2 6 2 3 2" xfId="30865"/>
    <cellStyle name="Обычный 6 2 2 6 2 4" xfId="30866"/>
    <cellStyle name="Обычный 6 2 2 6 3" xfId="30867"/>
    <cellStyle name="Обычный 6 2 2 6 3 2" xfId="30868"/>
    <cellStyle name="Обычный 6 2 2 6 4" xfId="30869"/>
    <cellStyle name="Обычный 6 2 2 6 4 2" xfId="30870"/>
    <cellStyle name="Обычный 6 2 2 6 5" xfId="30871"/>
    <cellStyle name="Обычный 6 2 2 6 5 2" xfId="30872"/>
    <cellStyle name="Обычный 6 2 2 6 6" xfId="30873"/>
    <cellStyle name="Обычный 6 2 2 7" xfId="30874"/>
    <cellStyle name="Обычный 6 2 2 7 2" xfId="30875"/>
    <cellStyle name="Обычный 6 2 2 7 2 2" xfId="30876"/>
    <cellStyle name="Обычный 6 2 2 7 2 2 2" xfId="30877"/>
    <cellStyle name="Обычный 6 2 2 7 2 3" xfId="30878"/>
    <cellStyle name="Обычный 6 2 2 7 2 3 2" xfId="30879"/>
    <cellStyle name="Обычный 6 2 2 7 2 4" xfId="30880"/>
    <cellStyle name="Обычный 6 2 2 7 3" xfId="30881"/>
    <cellStyle name="Обычный 6 2 2 7 3 2" xfId="30882"/>
    <cellStyle name="Обычный 6 2 2 7 4" xfId="30883"/>
    <cellStyle name="Обычный 6 2 2 7 4 2" xfId="30884"/>
    <cellStyle name="Обычный 6 2 2 7 5" xfId="30885"/>
    <cellStyle name="Обычный 6 2 2 7 5 2" xfId="30886"/>
    <cellStyle name="Обычный 6 2 2 7 6" xfId="30887"/>
    <cellStyle name="Обычный 6 2 2 8" xfId="30888"/>
    <cellStyle name="Обычный 6 2 2 8 2" xfId="30889"/>
    <cellStyle name="Обычный 6 2 2 8 2 2" xfId="30890"/>
    <cellStyle name="Обычный 6 2 2 8 3" xfId="30891"/>
    <cellStyle name="Обычный 6 2 2 8 3 2" xfId="30892"/>
    <cellStyle name="Обычный 6 2 2 8 4" xfId="30893"/>
    <cellStyle name="Обычный 6 2 2 9" xfId="30894"/>
    <cellStyle name="Обычный 6 2 2 9 2" xfId="30895"/>
    <cellStyle name="Обычный 6 2 2 9 2 2" xfId="30896"/>
    <cellStyle name="Обычный 6 2 2 9 3" xfId="30897"/>
    <cellStyle name="Обычный 6 2 3" xfId="30898"/>
    <cellStyle name="Обычный 6 2 3 10" xfId="30899"/>
    <cellStyle name="Обычный 6 2 3 2" xfId="30900"/>
    <cellStyle name="Обычный 6 2 3 2 2" xfId="30901"/>
    <cellStyle name="Обычный 6 2 3 2 2 2" xfId="30902"/>
    <cellStyle name="Обычный 6 2 3 2 2 2 2" xfId="30903"/>
    <cellStyle name="Обычный 6 2 3 2 2 3" xfId="30904"/>
    <cellStyle name="Обычный 6 2 3 2 2 3 2" xfId="30905"/>
    <cellStyle name="Обычный 6 2 3 2 2 4" xfId="30906"/>
    <cellStyle name="Обычный 6 2 3 2 3" xfId="30907"/>
    <cellStyle name="Обычный 6 2 3 2 3 2" xfId="30908"/>
    <cellStyle name="Обычный 6 2 3 2 4" xfId="30909"/>
    <cellStyle name="Обычный 6 2 3 2 4 2" xfId="30910"/>
    <cellStyle name="Обычный 6 2 3 2 5" xfId="30911"/>
    <cellStyle name="Обычный 6 2 3 2 5 2" xfId="30912"/>
    <cellStyle name="Обычный 6 2 3 2 6" xfId="30913"/>
    <cellStyle name="Обычный 6 2 3 3" xfId="30914"/>
    <cellStyle name="Обычный 6 2 3 3 2" xfId="30915"/>
    <cellStyle name="Обычный 6 2 3 3 2 2" xfId="30916"/>
    <cellStyle name="Обычный 6 2 3 3 2 2 2" xfId="30917"/>
    <cellStyle name="Обычный 6 2 3 3 2 3" xfId="30918"/>
    <cellStyle name="Обычный 6 2 3 3 2 3 2" xfId="30919"/>
    <cellStyle name="Обычный 6 2 3 3 2 4" xfId="30920"/>
    <cellStyle name="Обычный 6 2 3 3 3" xfId="30921"/>
    <cellStyle name="Обычный 6 2 3 3 3 2" xfId="30922"/>
    <cellStyle name="Обычный 6 2 3 3 4" xfId="30923"/>
    <cellStyle name="Обычный 6 2 3 3 4 2" xfId="30924"/>
    <cellStyle name="Обычный 6 2 3 3 5" xfId="30925"/>
    <cellStyle name="Обычный 6 2 3 3 5 2" xfId="30926"/>
    <cellStyle name="Обычный 6 2 3 3 6" xfId="30927"/>
    <cellStyle name="Обычный 6 2 3 4" xfId="30928"/>
    <cellStyle name="Обычный 6 2 3 4 2" xfId="30929"/>
    <cellStyle name="Обычный 6 2 3 4 2 2" xfId="30930"/>
    <cellStyle name="Обычный 6 2 3 4 2 2 2" xfId="30931"/>
    <cellStyle name="Обычный 6 2 3 4 2 3" xfId="30932"/>
    <cellStyle name="Обычный 6 2 3 4 2 3 2" xfId="30933"/>
    <cellStyle name="Обычный 6 2 3 4 2 4" xfId="30934"/>
    <cellStyle name="Обычный 6 2 3 4 3" xfId="30935"/>
    <cellStyle name="Обычный 6 2 3 4 3 2" xfId="30936"/>
    <cellStyle name="Обычный 6 2 3 4 4" xfId="30937"/>
    <cellStyle name="Обычный 6 2 3 4 4 2" xfId="30938"/>
    <cellStyle name="Обычный 6 2 3 4 5" xfId="30939"/>
    <cellStyle name="Обычный 6 2 3 4 5 2" xfId="30940"/>
    <cellStyle name="Обычный 6 2 3 4 6" xfId="30941"/>
    <cellStyle name="Обычный 6 2 3 5" xfId="30942"/>
    <cellStyle name="Обычный 6 2 3 5 2" xfId="30943"/>
    <cellStyle name="Обычный 6 2 3 5 2 2" xfId="30944"/>
    <cellStyle name="Обычный 6 2 3 5 2 2 2" xfId="30945"/>
    <cellStyle name="Обычный 6 2 3 5 2 3" xfId="30946"/>
    <cellStyle name="Обычный 6 2 3 5 2 3 2" xfId="30947"/>
    <cellStyle name="Обычный 6 2 3 5 2 4" xfId="30948"/>
    <cellStyle name="Обычный 6 2 3 5 3" xfId="30949"/>
    <cellStyle name="Обычный 6 2 3 5 3 2" xfId="30950"/>
    <cellStyle name="Обычный 6 2 3 5 4" xfId="30951"/>
    <cellStyle name="Обычный 6 2 3 5 4 2" xfId="30952"/>
    <cellStyle name="Обычный 6 2 3 5 5" xfId="30953"/>
    <cellStyle name="Обычный 6 2 3 5 5 2" xfId="30954"/>
    <cellStyle name="Обычный 6 2 3 5 6" xfId="30955"/>
    <cellStyle name="Обычный 6 2 3 6" xfId="30956"/>
    <cellStyle name="Обычный 6 2 3 6 2" xfId="30957"/>
    <cellStyle name="Обычный 6 2 3 6 2 2" xfId="30958"/>
    <cellStyle name="Обычный 6 2 3 6 3" xfId="30959"/>
    <cellStyle name="Обычный 6 2 3 6 3 2" xfId="30960"/>
    <cellStyle name="Обычный 6 2 3 6 4" xfId="30961"/>
    <cellStyle name="Обычный 6 2 3 7" xfId="30962"/>
    <cellStyle name="Обычный 6 2 3 7 2" xfId="30963"/>
    <cellStyle name="Обычный 6 2 3 8" xfId="30964"/>
    <cellStyle name="Обычный 6 2 3 8 2" xfId="30965"/>
    <cellStyle name="Обычный 6 2 3 9" xfId="30966"/>
    <cellStyle name="Обычный 6 2 3 9 2" xfId="30967"/>
    <cellStyle name="Обычный 6 2 4" xfId="30968"/>
    <cellStyle name="Обычный 6 2 4 2" xfId="30969"/>
    <cellStyle name="Обычный 6 2 4 2 2" xfId="30970"/>
    <cellStyle name="Обычный 6 2 4 2 2 2" xfId="30971"/>
    <cellStyle name="Обычный 6 2 4 2 2 2 2" xfId="30972"/>
    <cellStyle name="Обычный 6 2 4 2 2 3" xfId="30973"/>
    <cellStyle name="Обычный 6 2 4 2 2 3 2" xfId="30974"/>
    <cellStyle name="Обычный 6 2 4 2 2 4" xfId="30975"/>
    <cellStyle name="Обычный 6 2 4 2 3" xfId="30976"/>
    <cellStyle name="Обычный 6 2 4 2 3 2" xfId="30977"/>
    <cellStyle name="Обычный 6 2 4 2 4" xfId="30978"/>
    <cellStyle name="Обычный 6 2 4 2 4 2" xfId="30979"/>
    <cellStyle name="Обычный 6 2 4 2 5" xfId="30980"/>
    <cellStyle name="Обычный 6 2 4 2 5 2" xfId="30981"/>
    <cellStyle name="Обычный 6 2 4 2 6" xfId="30982"/>
    <cellStyle name="Обычный 6 2 4 3" xfId="30983"/>
    <cellStyle name="Обычный 6 2 4 3 2" xfId="30984"/>
    <cellStyle name="Обычный 6 2 4 3 2 2" xfId="30985"/>
    <cellStyle name="Обычный 6 2 4 3 2 2 2" xfId="30986"/>
    <cellStyle name="Обычный 6 2 4 3 2 3" xfId="30987"/>
    <cellStyle name="Обычный 6 2 4 3 2 3 2" xfId="30988"/>
    <cellStyle name="Обычный 6 2 4 3 2 4" xfId="30989"/>
    <cellStyle name="Обычный 6 2 4 3 3" xfId="30990"/>
    <cellStyle name="Обычный 6 2 4 3 3 2" xfId="30991"/>
    <cellStyle name="Обычный 6 2 4 3 4" xfId="30992"/>
    <cellStyle name="Обычный 6 2 4 3 4 2" xfId="30993"/>
    <cellStyle name="Обычный 6 2 4 3 5" xfId="30994"/>
    <cellStyle name="Обычный 6 2 4 3 5 2" xfId="30995"/>
    <cellStyle name="Обычный 6 2 4 3 6" xfId="30996"/>
    <cellStyle name="Обычный 6 2 4 4" xfId="30997"/>
    <cellStyle name="Обычный 6 2 4 4 2" xfId="30998"/>
    <cellStyle name="Обычный 6 2 4 4 2 2" xfId="30999"/>
    <cellStyle name="Обычный 6 2 4 4 2 2 2" xfId="31000"/>
    <cellStyle name="Обычный 6 2 4 4 2 3" xfId="31001"/>
    <cellStyle name="Обычный 6 2 4 4 2 3 2" xfId="31002"/>
    <cellStyle name="Обычный 6 2 4 4 2 4" xfId="31003"/>
    <cellStyle name="Обычный 6 2 4 4 3" xfId="31004"/>
    <cellStyle name="Обычный 6 2 4 4 3 2" xfId="31005"/>
    <cellStyle name="Обычный 6 2 4 4 4" xfId="31006"/>
    <cellStyle name="Обычный 6 2 4 4 4 2" xfId="31007"/>
    <cellStyle name="Обычный 6 2 4 4 5" xfId="31008"/>
    <cellStyle name="Обычный 6 2 4 4 5 2" xfId="31009"/>
    <cellStyle name="Обычный 6 2 4 4 6" xfId="31010"/>
    <cellStyle name="Обычный 6 2 4 5" xfId="31011"/>
    <cellStyle name="Обычный 6 2 4 5 2" xfId="31012"/>
    <cellStyle name="Обычный 6 2 4 5 2 2" xfId="31013"/>
    <cellStyle name="Обычный 6 2 4 5 3" xfId="31014"/>
    <cellStyle name="Обычный 6 2 4 5 3 2" xfId="31015"/>
    <cellStyle name="Обычный 6 2 4 5 4" xfId="31016"/>
    <cellStyle name="Обычный 6 2 4 6" xfId="31017"/>
    <cellStyle name="Обычный 6 2 4 6 2" xfId="31018"/>
    <cellStyle name="Обычный 6 2 4 7" xfId="31019"/>
    <cellStyle name="Обычный 6 2 4 7 2" xfId="31020"/>
    <cellStyle name="Обычный 6 2 4 8" xfId="31021"/>
    <cellStyle name="Обычный 6 2 4 8 2" xfId="31022"/>
    <cellStyle name="Обычный 6 2 4 9" xfId="31023"/>
    <cellStyle name="Обычный 6 2 5" xfId="31024"/>
    <cellStyle name="Обычный 6 2 5 2" xfId="31025"/>
    <cellStyle name="Обычный 6 2 5 2 2" xfId="31026"/>
    <cellStyle name="Обычный 6 2 5 2 2 2" xfId="31027"/>
    <cellStyle name="Обычный 6 2 5 2 3" xfId="31028"/>
    <cellStyle name="Обычный 6 2 5 2 3 2" xfId="31029"/>
    <cellStyle name="Обычный 6 2 5 2 4" xfId="31030"/>
    <cellStyle name="Обычный 6 2 5 3" xfId="31031"/>
    <cellStyle name="Обычный 6 2 5 3 2" xfId="31032"/>
    <cellStyle name="Обычный 6 2 5 4" xfId="31033"/>
    <cellStyle name="Обычный 6 2 5 4 2" xfId="31034"/>
    <cellStyle name="Обычный 6 2 5 5" xfId="31035"/>
    <cellStyle name="Обычный 6 2 5 5 2" xfId="31036"/>
    <cellStyle name="Обычный 6 2 5 6" xfId="31037"/>
    <cellStyle name="Обычный 6 2 6" xfId="31038"/>
    <cellStyle name="Обычный 6 2 6 2" xfId="31039"/>
    <cellStyle name="Обычный 6 2 6 2 2" xfId="31040"/>
    <cellStyle name="Обычный 6 2 6 2 2 2" xfId="31041"/>
    <cellStyle name="Обычный 6 2 6 2 3" xfId="31042"/>
    <cellStyle name="Обычный 6 2 6 2 3 2" xfId="31043"/>
    <cellStyle name="Обычный 6 2 6 2 4" xfId="31044"/>
    <cellStyle name="Обычный 6 2 6 3" xfId="31045"/>
    <cellStyle name="Обычный 6 2 6 3 2" xfId="31046"/>
    <cellStyle name="Обычный 6 2 6 4" xfId="31047"/>
    <cellStyle name="Обычный 6 2 6 4 2" xfId="31048"/>
    <cellStyle name="Обычный 6 2 6 5" xfId="31049"/>
    <cellStyle name="Обычный 6 2 6 5 2" xfId="31050"/>
    <cellStyle name="Обычный 6 2 6 6" xfId="31051"/>
    <cellStyle name="Обычный 6 2 7" xfId="31052"/>
    <cellStyle name="Обычный 6 2 7 2" xfId="31053"/>
    <cellStyle name="Обычный 6 2 7 2 2" xfId="31054"/>
    <cellStyle name="Обычный 6 2 7 2 2 2" xfId="31055"/>
    <cellStyle name="Обычный 6 2 7 2 3" xfId="31056"/>
    <cellStyle name="Обычный 6 2 7 2 3 2" xfId="31057"/>
    <cellStyle name="Обычный 6 2 7 2 4" xfId="31058"/>
    <cellStyle name="Обычный 6 2 7 3" xfId="31059"/>
    <cellStyle name="Обычный 6 2 7 3 2" xfId="31060"/>
    <cellStyle name="Обычный 6 2 7 4" xfId="31061"/>
    <cellStyle name="Обычный 6 2 7 4 2" xfId="31062"/>
    <cellStyle name="Обычный 6 2 7 5" xfId="31063"/>
    <cellStyle name="Обычный 6 2 7 5 2" xfId="31064"/>
    <cellStyle name="Обычный 6 2 7 6" xfId="31065"/>
    <cellStyle name="Обычный 6 2 8" xfId="31066"/>
    <cellStyle name="Обычный 6 2 8 2" xfId="31067"/>
    <cellStyle name="Обычный 6 2 8 2 2" xfId="31068"/>
    <cellStyle name="Обычный 6 2 8 2 2 2" xfId="31069"/>
    <cellStyle name="Обычный 6 2 8 2 3" xfId="31070"/>
    <cellStyle name="Обычный 6 2 8 2 3 2" xfId="31071"/>
    <cellStyle name="Обычный 6 2 8 2 4" xfId="31072"/>
    <cellStyle name="Обычный 6 2 8 3" xfId="31073"/>
    <cellStyle name="Обычный 6 2 8 3 2" xfId="31074"/>
    <cellStyle name="Обычный 6 2 8 4" xfId="31075"/>
    <cellStyle name="Обычный 6 2 8 4 2" xfId="31076"/>
    <cellStyle name="Обычный 6 2 8 5" xfId="31077"/>
    <cellStyle name="Обычный 6 2 8 5 2" xfId="31078"/>
    <cellStyle name="Обычный 6 2 8 6" xfId="31079"/>
    <cellStyle name="Обычный 6 2 9" xfId="31080"/>
    <cellStyle name="Обычный 6 2 9 2" xfId="31081"/>
    <cellStyle name="Обычный 6 2 9 2 2" xfId="31082"/>
    <cellStyle name="Обычный 6 2 9 3" xfId="31083"/>
    <cellStyle name="Обычный 6 2 9 3 2" xfId="31084"/>
    <cellStyle name="Обычный 6 2 9 4" xfId="31085"/>
    <cellStyle name="Обычный 6 20" xfId="31086"/>
    <cellStyle name="Обычный 6 20 2" xfId="31087"/>
    <cellStyle name="Обычный 6 20 2 2" xfId="31088"/>
    <cellStyle name="Обычный 6 20 2 2 2" xfId="31089"/>
    <cellStyle name="Обычный 6 20 2 3" xfId="31090"/>
    <cellStyle name="Обычный 6 20 2 3 2" xfId="31091"/>
    <cellStyle name="Обычный 6 20 2 4" xfId="31092"/>
    <cellStyle name="Обычный 6 20 3" xfId="31093"/>
    <cellStyle name="Обычный 6 20 3 2" xfId="31094"/>
    <cellStyle name="Обычный 6 20 4" xfId="31095"/>
    <cellStyle name="Обычный 6 20 4 2" xfId="31096"/>
    <cellStyle name="Обычный 6 20 5" xfId="31097"/>
    <cellStyle name="Обычный 6 20 5 2" xfId="31098"/>
    <cellStyle name="Обычный 6 20 6" xfId="31099"/>
    <cellStyle name="Обычный 6 21" xfId="31100"/>
    <cellStyle name="Обычный 6 21 2" xfId="31101"/>
    <cellStyle name="Обычный 6 21 2 2" xfId="31102"/>
    <cellStyle name="Обычный 6 21 2 2 2" xfId="31103"/>
    <cellStyle name="Обычный 6 21 2 3" xfId="31104"/>
    <cellStyle name="Обычный 6 21 2 3 2" xfId="31105"/>
    <cellStyle name="Обычный 6 21 2 4" xfId="31106"/>
    <cellStyle name="Обычный 6 21 3" xfId="31107"/>
    <cellStyle name="Обычный 6 21 3 2" xfId="31108"/>
    <cellStyle name="Обычный 6 21 4" xfId="31109"/>
    <cellStyle name="Обычный 6 21 4 2" xfId="31110"/>
    <cellStyle name="Обычный 6 21 5" xfId="31111"/>
    <cellStyle name="Обычный 6 21 5 2" xfId="31112"/>
    <cellStyle name="Обычный 6 21 6" xfId="31113"/>
    <cellStyle name="Обычный 6 22" xfId="31114"/>
    <cellStyle name="Обычный 6 22 2" xfId="31115"/>
    <cellStyle name="Обычный 6 22 2 2" xfId="31116"/>
    <cellStyle name="Обычный 6 22 3" xfId="31117"/>
    <cellStyle name="Обычный 6 22 3 2" xfId="31118"/>
    <cellStyle name="Обычный 6 22 4" xfId="31119"/>
    <cellStyle name="Обычный 6 23" xfId="31120"/>
    <cellStyle name="Обычный 6 23 2" xfId="31121"/>
    <cellStyle name="Обычный 6 23 2 2" xfId="31122"/>
    <cellStyle name="Обычный 6 23 3" xfId="31123"/>
    <cellStyle name="Обычный 6 24" xfId="31124"/>
    <cellStyle name="Обычный 6 24 2" xfId="31125"/>
    <cellStyle name="Обычный 6 25" xfId="31126"/>
    <cellStyle name="Обычный 6 25 2" xfId="31127"/>
    <cellStyle name="Обычный 6 26" xfId="31128"/>
    <cellStyle name="Обычный 6 27" xfId="31129"/>
    <cellStyle name="Обычный 6 28" xfId="29126"/>
    <cellStyle name="Обычный 6 3" xfId="31130"/>
    <cellStyle name="Обычный 6 3 10" xfId="31131"/>
    <cellStyle name="Обычный 6 3 10 2" xfId="31132"/>
    <cellStyle name="Обычный 6 3 10 2 2" xfId="31133"/>
    <cellStyle name="Обычный 6 3 10 3" xfId="31134"/>
    <cellStyle name="Обычный 6 3 11" xfId="31135"/>
    <cellStyle name="Обычный 6 3 11 2" xfId="31136"/>
    <cellStyle name="Обычный 6 3 12" xfId="31137"/>
    <cellStyle name="Обычный 6 3 12 2" xfId="31138"/>
    <cellStyle name="Обычный 6 3 13" xfId="31139"/>
    <cellStyle name="Обычный 6 3 14" xfId="31140"/>
    <cellStyle name="Обычный 6 3 2" xfId="31141"/>
    <cellStyle name="Обычный 6 3 2 10" xfId="31142"/>
    <cellStyle name="Обычный 6 3 2 10 2" xfId="31143"/>
    <cellStyle name="Обычный 6 3 2 11" xfId="31144"/>
    <cellStyle name="Обычный 6 3 2 11 2" xfId="31145"/>
    <cellStyle name="Обычный 6 3 2 12" xfId="31146"/>
    <cellStyle name="Обычный 6 3 2 13" xfId="31147"/>
    <cellStyle name="Обычный 6 3 2 2" xfId="31148"/>
    <cellStyle name="Обычный 6 3 2 2 10" xfId="31149"/>
    <cellStyle name="Обычный 6 3 2 2 2" xfId="31150"/>
    <cellStyle name="Обычный 6 3 2 2 2 2" xfId="31151"/>
    <cellStyle name="Обычный 6 3 2 2 2 2 2" xfId="31152"/>
    <cellStyle name="Обычный 6 3 2 2 2 2 2 2" xfId="31153"/>
    <cellStyle name="Обычный 6 3 2 2 2 2 3" xfId="31154"/>
    <cellStyle name="Обычный 6 3 2 2 2 2 3 2" xfId="31155"/>
    <cellStyle name="Обычный 6 3 2 2 2 2 4" xfId="31156"/>
    <cellStyle name="Обычный 6 3 2 2 2 3" xfId="31157"/>
    <cellStyle name="Обычный 6 3 2 2 2 3 2" xfId="31158"/>
    <cellStyle name="Обычный 6 3 2 2 2 4" xfId="31159"/>
    <cellStyle name="Обычный 6 3 2 2 2 4 2" xfId="31160"/>
    <cellStyle name="Обычный 6 3 2 2 2 5" xfId="31161"/>
    <cellStyle name="Обычный 6 3 2 2 2 5 2" xfId="31162"/>
    <cellStyle name="Обычный 6 3 2 2 2 6" xfId="31163"/>
    <cellStyle name="Обычный 6 3 2 2 3" xfId="31164"/>
    <cellStyle name="Обычный 6 3 2 2 3 2" xfId="31165"/>
    <cellStyle name="Обычный 6 3 2 2 3 2 2" xfId="31166"/>
    <cellStyle name="Обычный 6 3 2 2 3 2 2 2" xfId="31167"/>
    <cellStyle name="Обычный 6 3 2 2 3 2 3" xfId="31168"/>
    <cellStyle name="Обычный 6 3 2 2 3 2 3 2" xfId="31169"/>
    <cellStyle name="Обычный 6 3 2 2 3 2 4" xfId="31170"/>
    <cellStyle name="Обычный 6 3 2 2 3 3" xfId="31171"/>
    <cellStyle name="Обычный 6 3 2 2 3 3 2" xfId="31172"/>
    <cellStyle name="Обычный 6 3 2 2 3 4" xfId="31173"/>
    <cellStyle name="Обычный 6 3 2 2 3 4 2" xfId="31174"/>
    <cellStyle name="Обычный 6 3 2 2 3 5" xfId="31175"/>
    <cellStyle name="Обычный 6 3 2 2 3 5 2" xfId="31176"/>
    <cellStyle name="Обычный 6 3 2 2 3 6" xfId="31177"/>
    <cellStyle name="Обычный 6 3 2 2 4" xfId="31178"/>
    <cellStyle name="Обычный 6 3 2 2 4 2" xfId="31179"/>
    <cellStyle name="Обычный 6 3 2 2 4 2 2" xfId="31180"/>
    <cellStyle name="Обычный 6 3 2 2 4 2 2 2" xfId="31181"/>
    <cellStyle name="Обычный 6 3 2 2 4 2 3" xfId="31182"/>
    <cellStyle name="Обычный 6 3 2 2 4 2 3 2" xfId="31183"/>
    <cellStyle name="Обычный 6 3 2 2 4 2 4" xfId="31184"/>
    <cellStyle name="Обычный 6 3 2 2 4 3" xfId="31185"/>
    <cellStyle name="Обычный 6 3 2 2 4 3 2" xfId="31186"/>
    <cellStyle name="Обычный 6 3 2 2 4 4" xfId="31187"/>
    <cellStyle name="Обычный 6 3 2 2 4 4 2" xfId="31188"/>
    <cellStyle name="Обычный 6 3 2 2 4 5" xfId="31189"/>
    <cellStyle name="Обычный 6 3 2 2 4 5 2" xfId="31190"/>
    <cellStyle name="Обычный 6 3 2 2 4 6" xfId="31191"/>
    <cellStyle name="Обычный 6 3 2 2 5" xfId="31192"/>
    <cellStyle name="Обычный 6 3 2 2 5 2" xfId="31193"/>
    <cellStyle name="Обычный 6 3 2 2 5 2 2" xfId="31194"/>
    <cellStyle name="Обычный 6 3 2 2 5 2 2 2" xfId="31195"/>
    <cellStyle name="Обычный 6 3 2 2 5 2 3" xfId="31196"/>
    <cellStyle name="Обычный 6 3 2 2 5 2 3 2" xfId="31197"/>
    <cellStyle name="Обычный 6 3 2 2 5 2 4" xfId="31198"/>
    <cellStyle name="Обычный 6 3 2 2 5 3" xfId="31199"/>
    <cellStyle name="Обычный 6 3 2 2 5 3 2" xfId="31200"/>
    <cellStyle name="Обычный 6 3 2 2 5 4" xfId="31201"/>
    <cellStyle name="Обычный 6 3 2 2 5 4 2" xfId="31202"/>
    <cellStyle name="Обычный 6 3 2 2 5 5" xfId="31203"/>
    <cellStyle name="Обычный 6 3 2 2 5 5 2" xfId="31204"/>
    <cellStyle name="Обычный 6 3 2 2 5 6" xfId="31205"/>
    <cellStyle name="Обычный 6 3 2 2 6" xfId="31206"/>
    <cellStyle name="Обычный 6 3 2 2 6 2" xfId="31207"/>
    <cellStyle name="Обычный 6 3 2 2 6 2 2" xfId="31208"/>
    <cellStyle name="Обычный 6 3 2 2 6 3" xfId="31209"/>
    <cellStyle name="Обычный 6 3 2 2 6 3 2" xfId="31210"/>
    <cellStyle name="Обычный 6 3 2 2 6 4" xfId="31211"/>
    <cellStyle name="Обычный 6 3 2 2 7" xfId="31212"/>
    <cellStyle name="Обычный 6 3 2 2 7 2" xfId="31213"/>
    <cellStyle name="Обычный 6 3 2 2 8" xfId="31214"/>
    <cellStyle name="Обычный 6 3 2 2 8 2" xfId="31215"/>
    <cellStyle name="Обычный 6 3 2 2 9" xfId="31216"/>
    <cellStyle name="Обычный 6 3 2 2 9 2" xfId="31217"/>
    <cellStyle name="Обычный 6 3 2 3" xfId="31218"/>
    <cellStyle name="Обычный 6 3 2 3 2" xfId="31219"/>
    <cellStyle name="Обычный 6 3 2 3 2 2" xfId="31220"/>
    <cellStyle name="Обычный 6 3 2 3 2 2 2" xfId="31221"/>
    <cellStyle name="Обычный 6 3 2 3 2 2 2 2" xfId="31222"/>
    <cellStyle name="Обычный 6 3 2 3 2 2 3" xfId="31223"/>
    <cellStyle name="Обычный 6 3 2 3 2 2 3 2" xfId="31224"/>
    <cellStyle name="Обычный 6 3 2 3 2 2 4" xfId="31225"/>
    <cellStyle name="Обычный 6 3 2 3 2 3" xfId="31226"/>
    <cellStyle name="Обычный 6 3 2 3 2 3 2" xfId="31227"/>
    <cellStyle name="Обычный 6 3 2 3 2 4" xfId="31228"/>
    <cellStyle name="Обычный 6 3 2 3 2 4 2" xfId="31229"/>
    <cellStyle name="Обычный 6 3 2 3 2 5" xfId="31230"/>
    <cellStyle name="Обычный 6 3 2 3 2 5 2" xfId="31231"/>
    <cellStyle name="Обычный 6 3 2 3 2 6" xfId="31232"/>
    <cellStyle name="Обычный 6 3 2 3 3" xfId="31233"/>
    <cellStyle name="Обычный 6 3 2 3 3 2" xfId="31234"/>
    <cellStyle name="Обычный 6 3 2 3 3 2 2" xfId="31235"/>
    <cellStyle name="Обычный 6 3 2 3 3 2 2 2" xfId="31236"/>
    <cellStyle name="Обычный 6 3 2 3 3 2 3" xfId="31237"/>
    <cellStyle name="Обычный 6 3 2 3 3 2 3 2" xfId="31238"/>
    <cellStyle name="Обычный 6 3 2 3 3 2 4" xfId="31239"/>
    <cellStyle name="Обычный 6 3 2 3 3 3" xfId="31240"/>
    <cellStyle name="Обычный 6 3 2 3 3 3 2" xfId="31241"/>
    <cellStyle name="Обычный 6 3 2 3 3 4" xfId="31242"/>
    <cellStyle name="Обычный 6 3 2 3 3 4 2" xfId="31243"/>
    <cellStyle name="Обычный 6 3 2 3 3 5" xfId="31244"/>
    <cellStyle name="Обычный 6 3 2 3 3 5 2" xfId="31245"/>
    <cellStyle name="Обычный 6 3 2 3 3 6" xfId="31246"/>
    <cellStyle name="Обычный 6 3 2 3 4" xfId="31247"/>
    <cellStyle name="Обычный 6 3 2 3 4 2" xfId="31248"/>
    <cellStyle name="Обычный 6 3 2 3 4 2 2" xfId="31249"/>
    <cellStyle name="Обычный 6 3 2 3 4 2 2 2" xfId="31250"/>
    <cellStyle name="Обычный 6 3 2 3 4 2 3" xfId="31251"/>
    <cellStyle name="Обычный 6 3 2 3 4 2 3 2" xfId="31252"/>
    <cellStyle name="Обычный 6 3 2 3 4 2 4" xfId="31253"/>
    <cellStyle name="Обычный 6 3 2 3 4 3" xfId="31254"/>
    <cellStyle name="Обычный 6 3 2 3 4 3 2" xfId="31255"/>
    <cellStyle name="Обычный 6 3 2 3 4 4" xfId="31256"/>
    <cellStyle name="Обычный 6 3 2 3 4 4 2" xfId="31257"/>
    <cellStyle name="Обычный 6 3 2 3 4 5" xfId="31258"/>
    <cellStyle name="Обычный 6 3 2 3 4 5 2" xfId="31259"/>
    <cellStyle name="Обычный 6 3 2 3 4 6" xfId="31260"/>
    <cellStyle name="Обычный 6 3 2 3 5" xfId="31261"/>
    <cellStyle name="Обычный 6 3 2 3 5 2" xfId="31262"/>
    <cellStyle name="Обычный 6 3 2 3 5 2 2" xfId="31263"/>
    <cellStyle name="Обычный 6 3 2 3 5 3" xfId="31264"/>
    <cellStyle name="Обычный 6 3 2 3 5 3 2" xfId="31265"/>
    <cellStyle name="Обычный 6 3 2 3 5 4" xfId="31266"/>
    <cellStyle name="Обычный 6 3 2 3 6" xfId="31267"/>
    <cellStyle name="Обычный 6 3 2 3 6 2" xfId="31268"/>
    <cellStyle name="Обычный 6 3 2 3 7" xfId="31269"/>
    <cellStyle name="Обычный 6 3 2 3 7 2" xfId="31270"/>
    <cellStyle name="Обычный 6 3 2 3 8" xfId="31271"/>
    <cellStyle name="Обычный 6 3 2 3 8 2" xfId="31272"/>
    <cellStyle name="Обычный 6 3 2 3 9" xfId="31273"/>
    <cellStyle name="Обычный 6 3 2 4" xfId="31274"/>
    <cellStyle name="Обычный 6 3 2 4 2" xfId="31275"/>
    <cellStyle name="Обычный 6 3 2 4 2 2" xfId="31276"/>
    <cellStyle name="Обычный 6 3 2 4 2 2 2" xfId="31277"/>
    <cellStyle name="Обычный 6 3 2 4 2 3" xfId="31278"/>
    <cellStyle name="Обычный 6 3 2 4 2 3 2" xfId="31279"/>
    <cellStyle name="Обычный 6 3 2 4 2 4" xfId="31280"/>
    <cellStyle name="Обычный 6 3 2 4 3" xfId="31281"/>
    <cellStyle name="Обычный 6 3 2 4 3 2" xfId="31282"/>
    <cellStyle name="Обычный 6 3 2 4 4" xfId="31283"/>
    <cellStyle name="Обычный 6 3 2 4 4 2" xfId="31284"/>
    <cellStyle name="Обычный 6 3 2 4 5" xfId="31285"/>
    <cellStyle name="Обычный 6 3 2 4 5 2" xfId="31286"/>
    <cellStyle name="Обычный 6 3 2 4 6" xfId="31287"/>
    <cellStyle name="Обычный 6 3 2 5" xfId="31288"/>
    <cellStyle name="Обычный 6 3 2 5 2" xfId="31289"/>
    <cellStyle name="Обычный 6 3 2 5 2 2" xfId="31290"/>
    <cellStyle name="Обычный 6 3 2 5 2 2 2" xfId="31291"/>
    <cellStyle name="Обычный 6 3 2 5 2 3" xfId="31292"/>
    <cellStyle name="Обычный 6 3 2 5 2 3 2" xfId="31293"/>
    <cellStyle name="Обычный 6 3 2 5 2 4" xfId="31294"/>
    <cellStyle name="Обычный 6 3 2 5 3" xfId="31295"/>
    <cellStyle name="Обычный 6 3 2 5 3 2" xfId="31296"/>
    <cellStyle name="Обычный 6 3 2 5 4" xfId="31297"/>
    <cellStyle name="Обычный 6 3 2 5 4 2" xfId="31298"/>
    <cellStyle name="Обычный 6 3 2 5 5" xfId="31299"/>
    <cellStyle name="Обычный 6 3 2 5 5 2" xfId="31300"/>
    <cellStyle name="Обычный 6 3 2 5 6" xfId="31301"/>
    <cellStyle name="Обычный 6 3 2 6" xfId="31302"/>
    <cellStyle name="Обычный 6 3 2 6 2" xfId="31303"/>
    <cellStyle name="Обычный 6 3 2 6 2 2" xfId="31304"/>
    <cellStyle name="Обычный 6 3 2 6 2 2 2" xfId="31305"/>
    <cellStyle name="Обычный 6 3 2 6 2 3" xfId="31306"/>
    <cellStyle name="Обычный 6 3 2 6 2 3 2" xfId="31307"/>
    <cellStyle name="Обычный 6 3 2 6 2 4" xfId="31308"/>
    <cellStyle name="Обычный 6 3 2 6 3" xfId="31309"/>
    <cellStyle name="Обычный 6 3 2 6 3 2" xfId="31310"/>
    <cellStyle name="Обычный 6 3 2 6 4" xfId="31311"/>
    <cellStyle name="Обычный 6 3 2 6 4 2" xfId="31312"/>
    <cellStyle name="Обычный 6 3 2 6 5" xfId="31313"/>
    <cellStyle name="Обычный 6 3 2 6 5 2" xfId="31314"/>
    <cellStyle name="Обычный 6 3 2 6 6" xfId="31315"/>
    <cellStyle name="Обычный 6 3 2 7" xfId="31316"/>
    <cellStyle name="Обычный 6 3 2 7 2" xfId="31317"/>
    <cellStyle name="Обычный 6 3 2 7 2 2" xfId="31318"/>
    <cellStyle name="Обычный 6 3 2 7 2 2 2" xfId="31319"/>
    <cellStyle name="Обычный 6 3 2 7 2 3" xfId="31320"/>
    <cellStyle name="Обычный 6 3 2 7 2 3 2" xfId="31321"/>
    <cellStyle name="Обычный 6 3 2 7 2 4" xfId="31322"/>
    <cellStyle name="Обычный 6 3 2 7 3" xfId="31323"/>
    <cellStyle name="Обычный 6 3 2 7 3 2" xfId="31324"/>
    <cellStyle name="Обычный 6 3 2 7 4" xfId="31325"/>
    <cellStyle name="Обычный 6 3 2 7 4 2" xfId="31326"/>
    <cellStyle name="Обычный 6 3 2 7 5" xfId="31327"/>
    <cellStyle name="Обычный 6 3 2 7 5 2" xfId="31328"/>
    <cellStyle name="Обычный 6 3 2 7 6" xfId="31329"/>
    <cellStyle name="Обычный 6 3 2 8" xfId="31330"/>
    <cellStyle name="Обычный 6 3 2 8 2" xfId="31331"/>
    <cellStyle name="Обычный 6 3 2 8 2 2" xfId="31332"/>
    <cellStyle name="Обычный 6 3 2 8 3" xfId="31333"/>
    <cellStyle name="Обычный 6 3 2 8 3 2" xfId="31334"/>
    <cellStyle name="Обычный 6 3 2 8 4" xfId="31335"/>
    <cellStyle name="Обычный 6 3 2 9" xfId="31336"/>
    <cellStyle name="Обычный 6 3 2 9 2" xfId="31337"/>
    <cellStyle name="Обычный 6 3 2 9 2 2" xfId="31338"/>
    <cellStyle name="Обычный 6 3 2 9 3" xfId="31339"/>
    <cellStyle name="Обычный 6 3 3" xfId="31340"/>
    <cellStyle name="Обычный 6 3 3 10" xfId="31341"/>
    <cellStyle name="Обычный 6 3 3 2" xfId="31342"/>
    <cellStyle name="Обычный 6 3 3 2 2" xfId="31343"/>
    <cellStyle name="Обычный 6 3 3 2 2 2" xfId="31344"/>
    <cellStyle name="Обычный 6 3 3 2 2 2 2" xfId="31345"/>
    <cellStyle name="Обычный 6 3 3 2 2 3" xfId="31346"/>
    <cellStyle name="Обычный 6 3 3 2 2 3 2" xfId="31347"/>
    <cellStyle name="Обычный 6 3 3 2 2 4" xfId="31348"/>
    <cellStyle name="Обычный 6 3 3 2 3" xfId="31349"/>
    <cellStyle name="Обычный 6 3 3 2 3 2" xfId="31350"/>
    <cellStyle name="Обычный 6 3 3 2 4" xfId="31351"/>
    <cellStyle name="Обычный 6 3 3 2 4 2" xfId="31352"/>
    <cellStyle name="Обычный 6 3 3 2 5" xfId="31353"/>
    <cellStyle name="Обычный 6 3 3 2 5 2" xfId="31354"/>
    <cellStyle name="Обычный 6 3 3 2 6" xfId="31355"/>
    <cellStyle name="Обычный 6 3 3 3" xfId="31356"/>
    <cellStyle name="Обычный 6 3 3 3 2" xfId="31357"/>
    <cellStyle name="Обычный 6 3 3 3 2 2" xfId="31358"/>
    <cellStyle name="Обычный 6 3 3 3 2 2 2" xfId="31359"/>
    <cellStyle name="Обычный 6 3 3 3 2 3" xfId="31360"/>
    <cellStyle name="Обычный 6 3 3 3 2 3 2" xfId="31361"/>
    <cellStyle name="Обычный 6 3 3 3 2 4" xfId="31362"/>
    <cellStyle name="Обычный 6 3 3 3 3" xfId="31363"/>
    <cellStyle name="Обычный 6 3 3 3 3 2" xfId="31364"/>
    <cellStyle name="Обычный 6 3 3 3 4" xfId="31365"/>
    <cellStyle name="Обычный 6 3 3 3 4 2" xfId="31366"/>
    <cellStyle name="Обычный 6 3 3 3 5" xfId="31367"/>
    <cellStyle name="Обычный 6 3 3 3 5 2" xfId="31368"/>
    <cellStyle name="Обычный 6 3 3 3 6" xfId="31369"/>
    <cellStyle name="Обычный 6 3 3 4" xfId="31370"/>
    <cellStyle name="Обычный 6 3 3 4 2" xfId="31371"/>
    <cellStyle name="Обычный 6 3 3 4 2 2" xfId="31372"/>
    <cellStyle name="Обычный 6 3 3 4 2 2 2" xfId="31373"/>
    <cellStyle name="Обычный 6 3 3 4 2 3" xfId="31374"/>
    <cellStyle name="Обычный 6 3 3 4 2 3 2" xfId="31375"/>
    <cellStyle name="Обычный 6 3 3 4 2 4" xfId="31376"/>
    <cellStyle name="Обычный 6 3 3 4 3" xfId="31377"/>
    <cellStyle name="Обычный 6 3 3 4 3 2" xfId="31378"/>
    <cellStyle name="Обычный 6 3 3 4 4" xfId="31379"/>
    <cellStyle name="Обычный 6 3 3 4 4 2" xfId="31380"/>
    <cellStyle name="Обычный 6 3 3 4 5" xfId="31381"/>
    <cellStyle name="Обычный 6 3 3 4 5 2" xfId="31382"/>
    <cellStyle name="Обычный 6 3 3 4 6" xfId="31383"/>
    <cellStyle name="Обычный 6 3 3 5" xfId="31384"/>
    <cellStyle name="Обычный 6 3 3 5 2" xfId="31385"/>
    <cellStyle name="Обычный 6 3 3 5 2 2" xfId="31386"/>
    <cellStyle name="Обычный 6 3 3 5 2 2 2" xfId="31387"/>
    <cellStyle name="Обычный 6 3 3 5 2 3" xfId="31388"/>
    <cellStyle name="Обычный 6 3 3 5 2 3 2" xfId="31389"/>
    <cellStyle name="Обычный 6 3 3 5 2 4" xfId="31390"/>
    <cellStyle name="Обычный 6 3 3 5 3" xfId="31391"/>
    <cellStyle name="Обычный 6 3 3 5 3 2" xfId="31392"/>
    <cellStyle name="Обычный 6 3 3 5 4" xfId="31393"/>
    <cellStyle name="Обычный 6 3 3 5 4 2" xfId="31394"/>
    <cellStyle name="Обычный 6 3 3 5 5" xfId="31395"/>
    <cellStyle name="Обычный 6 3 3 5 5 2" xfId="31396"/>
    <cellStyle name="Обычный 6 3 3 5 6" xfId="31397"/>
    <cellStyle name="Обычный 6 3 3 6" xfId="31398"/>
    <cellStyle name="Обычный 6 3 3 6 2" xfId="31399"/>
    <cellStyle name="Обычный 6 3 3 6 2 2" xfId="31400"/>
    <cellStyle name="Обычный 6 3 3 6 3" xfId="31401"/>
    <cellStyle name="Обычный 6 3 3 6 3 2" xfId="31402"/>
    <cellStyle name="Обычный 6 3 3 6 4" xfId="31403"/>
    <cellStyle name="Обычный 6 3 3 7" xfId="31404"/>
    <cellStyle name="Обычный 6 3 3 7 2" xfId="31405"/>
    <cellStyle name="Обычный 6 3 3 8" xfId="31406"/>
    <cellStyle name="Обычный 6 3 3 8 2" xfId="31407"/>
    <cellStyle name="Обычный 6 3 3 9" xfId="31408"/>
    <cellStyle name="Обычный 6 3 3 9 2" xfId="31409"/>
    <cellStyle name="Обычный 6 3 4" xfId="31410"/>
    <cellStyle name="Обычный 6 3 4 2" xfId="31411"/>
    <cellStyle name="Обычный 6 3 4 2 2" xfId="31412"/>
    <cellStyle name="Обычный 6 3 4 2 2 2" xfId="31413"/>
    <cellStyle name="Обычный 6 3 4 2 2 2 2" xfId="31414"/>
    <cellStyle name="Обычный 6 3 4 2 2 3" xfId="31415"/>
    <cellStyle name="Обычный 6 3 4 2 2 3 2" xfId="31416"/>
    <cellStyle name="Обычный 6 3 4 2 2 4" xfId="31417"/>
    <cellStyle name="Обычный 6 3 4 2 3" xfId="31418"/>
    <cellStyle name="Обычный 6 3 4 2 3 2" xfId="31419"/>
    <cellStyle name="Обычный 6 3 4 2 4" xfId="31420"/>
    <cellStyle name="Обычный 6 3 4 2 4 2" xfId="31421"/>
    <cellStyle name="Обычный 6 3 4 2 5" xfId="31422"/>
    <cellStyle name="Обычный 6 3 4 2 5 2" xfId="31423"/>
    <cellStyle name="Обычный 6 3 4 2 6" xfId="31424"/>
    <cellStyle name="Обычный 6 3 4 3" xfId="31425"/>
    <cellStyle name="Обычный 6 3 4 3 2" xfId="31426"/>
    <cellStyle name="Обычный 6 3 4 3 2 2" xfId="31427"/>
    <cellStyle name="Обычный 6 3 4 3 2 2 2" xfId="31428"/>
    <cellStyle name="Обычный 6 3 4 3 2 3" xfId="31429"/>
    <cellStyle name="Обычный 6 3 4 3 2 3 2" xfId="31430"/>
    <cellStyle name="Обычный 6 3 4 3 2 4" xfId="31431"/>
    <cellStyle name="Обычный 6 3 4 3 3" xfId="31432"/>
    <cellStyle name="Обычный 6 3 4 3 3 2" xfId="31433"/>
    <cellStyle name="Обычный 6 3 4 3 4" xfId="31434"/>
    <cellStyle name="Обычный 6 3 4 3 4 2" xfId="31435"/>
    <cellStyle name="Обычный 6 3 4 3 5" xfId="31436"/>
    <cellStyle name="Обычный 6 3 4 3 5 2" xfId="31437"/>
    <cellStyle name="Обычный 6 3 4 3 6" xfId="31438"/>
    <cellStyle name="Обычный 6 3 4 4" xfId="31439"/>
    <cellStyle name="Обычный 6 3 4 4 2" xfId="31440"/>
    <cellStyle name="Обычный 6 3 4 4 2 2" xfId="31441"/>
    <cellStyle name="Обычный 6 3 4 4 2 2 2" xfId="31442"/>
    <cellStyle name="Обычный 6 3 4 4 2 3" xfId="31443"/>
    <cellStyle name="Обычный 6 3 4 4 2 3 2" xfId="31444"/>
    <cellStyle name="Обычный 6 3 4 4 2 4" xfId="31445"/>
    <cellStyle name="Обычный 6 3 4 4 3" xfId="31446"/>
    <cellStyle name="Обычный 6 3 4 4 3 2" xfId="31447"/>
    <cellStyle name="Обычный 6 3 4 4 4" xfId="31448"/>
    <cellStyle name="Обычный 6 3 4 4 4 2" xfId="31449"/>
    <cellStyle name="Обычный 6 3 4 4 5" xfId="31450"/>
    <cellStyle name="Обычный 6 3 4 4 5 2" xfId="31451"/>
    <cellStyle name="Обычный 6 3 4 4 6" xfId="31452"/>
    <cellStyle name="Обычный 6 3 4 5" xfId="31453"/>
    <cellStyle name="Обычный 6 3 4 5 2" xfId="31454"/>
    <cellStyle name="Обычный 6 3 4 5 2 2" xfId="31455"/>
    <cellStyle name="Обычный 6 3 4 5 3" xfId="31456"/>
    <cellStyle name="Обычный 6 3 4 5 3 2" xfId="31457"/>
    <cellStyle name="Обычный 6 3 4 5 4" xfId="31458"/>
    <cellStyle name="Обычный 6 3 4 6" xfId="31459"/>
    <cellStyle name="Обычный 6 3 4 6 2" xfId="31460"/>
    <cellStyle name="Обычный 6 3 4 7" xfId="31461"/>
    <cellStyle name="Обычный 6 3 4 7 2" xfId="31462"/>
    <cellStyle name="Обычный 6 3 4 8" xfId="31463"/>
    <cellStyle name="Обычный 6 3 4 8 2" xfId="31464"/>
    <cellStyle name="Обычный 6 3 4 9" xfId="31465"/>
    <cellStyle name="Обычный 6 3 5" xfId="31466"/>
    <cellStyle name="Обычный 6 3 5 2" xfId="31467"/>
    <cellStyle name="Обычный 6 3 5 2 2" xfId="31468"/>
    <cellStyle name="Обычный 6 3 5 2 2 2" xfId="31469"/>
    <cellStyle name="Обычный 6 3 5 2 3" xfId="31470"/>
    <cellStyle name="Обычный 6 3 5 2 3 2" xfId="31471"/>
    <cellStyle name="Обычный 6 3 5 2 4" xfId="31472"/>
    <cellStyle name="Обычный 6 3 5 3" xfId="31473"/>
    <cellStyle name="Обычный 6 3 5 3 2" xfId="31474"/>
    <cellStyle name="Обычный 6 3 5 4" xfId="31475"/>
    <cellStyle name="Обычный 6 3 5 4 2" xfId="31476"/>
    <cellStyle name="Обычный 6 3 5 5" xfId="31477"/>
    <cellStyle name="Обычный 6 3 5 5 2" xfId="31478"/>
    <cellStyle name="Обычный 6 3 5 6" xfId="31479"/>
    <cellStyle name="Обычный 6 3 6" xfId="31480"/>
    <cellStyle name="Обычный 6 3 6 2" xfId="31481"/>
    <cellStyle name="Обычный 6 3 6 2 2" xfId="31482"/>
    <cellStyle name="Обычный 6 3 6 2 2 2" xfId="31483"/>
    <cellStyle name="Обычный 6 3 6 2 3" xfId="31484"/>
    <cellStyle name="Обычный 6 3 6 2 3 2" xfId="31485"/>
    <cellStyle name="Обычный 6 3 6 2 4" xfId="31486"/>
    <cellStyle name="Обычный 6 3 6 3" xfId="31487"/>
    <cellStyle name="Обычный 6 3 6 3 2" xfId="31488"/>
    <cellStyle name="Обычный 6 3 6 4" xfId="31489"/>
    <cellStyle name="Обычный 6 3 6 4 2" xfId="31490"/>
    <cellStyle name="Обычный 6 3 6 5" xfId="31491"/>
    <cellStyle name="Обычный 6 3 6 5 2" xfId="31492"/>
    <cellStyle name="Обычный 6 3 6 6" xfId="31493"/>
    <cellStyle name="Обычный 6 3 7" xfId="31494"/>
    <cellStyle name="Обычный 6 3 7 2" xfId="31495"/>
    <cellStyle name="Обычный 6 3 7 2 2" xfId="31496"/>
    <cellStyle name="Обычный 6 3 7 2 2 2" xfId="31497"/>
    <cellStyle name="Обычный 6 3 7 2 3" xfId="31498"/>
    <cellStyle name="Обычный 6 3 7 2 3 2" xfId="31499"/>
    <cellStyle name="Обычный 6 3 7 2 4" xfId="31500"/>
    <cellStyle name="Обычный 6 3 7 3" xfId="31501"/>
    <cellStyle name="Обычный 6 3 7 3 2" xfId="31502"/>
    <cellStyle name="Обычный 6 3 7 4" xfId="31503"/>
    <cellStyle name="Обычный 6 3 7 4 2" xfId="31504"/>
    <cellStyle name="Обычный 6 3 7 5" xfId="31505"/>
    <cellStyle name="Обычный 6 3 7 5 2" xfId="31506"/>
    <cellStyle name="Обычный 6 3 7 6" xfId="31507"/>
    <cellStyle name="Обычный 6 3 8" xfId="31508"/>
    <cellStyle name="Обычный 6 3 8 2" xfId="31509"/>
    <cellStyle name="Обычный 6 3 8 2 2" xfId="31510"/>
    <cellStyle name="Обычный 6 3 8 2 2 2" xfId="31511"/>
    <cellStyle name="Обычный 6 3 8 2 3" xfId="31512"/>
    <cellStyle name="Обычный 6 3 8 2 3 2" xfId="31513"/>
    <cellStyle name="Обычный 6 3 8 2 4" xfId="31514"/>
    <cellStyle name="Обычный 6 3 8 3" xfId="31515"/>
    <cellStyle name="Обычный 6 3 8 3 2" xfId="31516"/>
    <cellStyle name="Обычный 6 3 8 4" xfId="31517"/>
    <cellStyle name="Обычный 6 3 8 4 2" xfId="31518"/>
    <cellStyle name="Обычный 6 3 8 5" xfId="31519"/>
    <cellStyle name="Обычный 6 3 8 5 2" xfId="31520"/>
    <cellStyle name="Обычный 6 3 8 6" xfId="31521"/>
    <cellStyle name="Обычный 6 3 9" xfId="31522"/>
    <cellStyle name="Обычный 6 3 9 2" xfId="31523"/>
    <cellStyle name="Обычный 6 3 9 2 2" xfId="31524"/>
    <cellStyle name="Обычный 6 3 9 3" xfId="31525"/>
    <cellStyle name="Обычный 6 3 9 3 2" xfId="31526"/>
    <cellStyle name="Обычный 6 3 9 4" xfId="31527"/>
    <cellStyle name="Обычный 6 4" xfId="31528"/>
    <cellStyle name="Обычный 6 4 10" xfId="31529"/>
    <cellStyle name="Обычный 6 4 10 2" xfId="31530"/>
    <cellStyle name="Обычный 6 4 10 2 2" xfId="31531"/>
    <cellStyle name="Обычный 6 4 10 3" xfId="31532"/>
    <cellStyle name="Обычный 6 4 11" xfId="31533"/>
    <cellStyle name="Обычный 6 4 11 2" xfId="31534"/>
    <cellStyle name="Обычный 6 4 12" xfId="31535"/>
    <cellStyle name="Обычный 6 4 12 2" xfId="31536"/>
    <cellStyle name="Обычный 6 4 13" xfId="31537"/>
    <cellStyle name="Обычный 6 4 14" xfId="31538"/>
    <cellStyle name="Обычный 6 4 2" xfId="31539"/>
    <cellStyle name="Обычный 6 4 2 10" xfId="31540"/>
    <cellStyle name="Обычный 6 4 2 10 2" xfId="31541"/>
    <cellStyle name="Обычный 6 4 2 11" xfId="31542"/>
    <cellStyle name="Обычный 6 4 2 11 2" xfId="31543"/>
    <cellStyle name="Обычный 6 4 2 12" xfId="31544"/>
    <cellStyle name="Обычный 6 4 2 13" xfId="31545"/>
    <cellStyle name="Обычный 6 4 2 2" xfId="31546"/>
    <cellStyle name="Обычный 6 4 2 2 10" xfId="31547"/>
    <cellStyle name="Обычный 6 4 2 2 2" xfId="31548"/>
    <cellStyle name="Обычный 6 4 2 2 2 2" xfId="31549"/>
    <cellStyle name="Обычный 6 4 2 2 2 2 2" xfId="31550"/>
    <cellStyle name="Обычный 6 4 2 2 2 2 2 2" xfId="31551"/>
    <cellStyle name="Обычный 6 4 2 2 2 2 3" xfId="31552"/>
    <cellStyle name="Обычный 6 4 2 2 2 2 3 2" xfId="31553"/>
    <cellStyle name="Обычный 6 4 2 2 2 2 4" xfId="31554"/>
    <cellStyle name="Обычный 6 4 2 2 2 3" xfId="31555"/>
    <cellStyle name="Обычный 6 4 2 2 2 3 2" xfId="31556"/>
    <cellStyle name="Обычный 6 4 2 2 2 4" xfId="31557"/>
    <cellStyle name="Обычный 6 4 2 2 2 4 2" xfId="31558"/>
    <cellStyle name="Обычный 6 4 2 2 2 5" xfId="31559"/>
    <cellStyle name="Обычный 6 4 2 2 2 5 2" xfId="31560"/>
    <cellStyle name="Обычный 6 4 2 2 2 6" xfId="31561"/>
    <cellStyle name="Обычный 6 4 2 2 3" xfId="31562"/>
    <cellStyle name="Обычный 6 4 2 2 3 2" xfId="31563"/>
    <cellStyle name="Обычный 6 4 2 2 3 2 2" xfId="31564"/>
    <cellStyle name="Обычный 6 4 2 2 3 2 2 2" xfId="31565"/>
    <cellStyle name="Обычный 6 4 2 2 3 2 3" xfId="31566"/>
    <cellStyle name="Обычный 6 4 2 2 3 2 3 2" xfId="31567"/>
    <cellStyle name="Обычный 6 4 2 2 3 2 4" xfId="31568"/>
    <cellStyle name="Обычный 6 4 2 2 3 3" xfId="31569"/>
    <cellStyle name="Обычный 6 4 2 2 3 3 2" xfId="31570"/>
    <cellStyle name="Обычный 6 4 2 2 3 4" xfId="31571"/>
    <cellStyle name="Обычный 6 4 2 2 3 4 2" xfId="31572"/>
    <cellStyle name="Обычный 6 4 2 2 3 5" xfId="31573"/>
    <cellStyle name="Обычный 6 4 2 2 3 5 2" xfId="31574"/>
    <cellStyle name="Обычный 6 4 2 2 3 6" xfId="31575"/>
    <cellStyle name="Обычный 6 4 2 2 4" xfId="31576"/>
    <cellStyle name="Обычный 6 4 2 2 4 2" xfId="31577"/>
    <cellStyle name="Обычный 6 4 2 2 4 2 2" xfId="31578"/>
    <cellStyle name="Обычный 6 4 2 2 4 2 2 2" xfId="31579"/>
    <cellStyle name="Обычный 6 4 2 2 4 2 3" xfId="31580"/>
    <cellStyle name="Обычный 6 4 2 2 4 2 3 2" xfId="31581"/>
    <cellStyle name="Обычный 6 4 2 2 4 2 4" xfId="31582"/>
    <cellStyle name="Обычный 6 4 2 2 4 3" xfId="31583"/>
    <cellStyle name="Обычный 6 4 2 2 4 3 2" xfId="31584"/>
    <cellStyle name="Обычный 6 4 2 2 4 4" xfId="31585"/>
    <cellStyle name="Обычный 6 4 2 2 4 4 2" xfId="31586"/>
    <cellStyle name="Обычный 6 4 2 2 4 5" xfId="31587"/>
    <cellStyle name="Обычный 6 4 2 2 4 5 2" xfId="31588"/>
    <cellStyle name="Обычный 6 4 2 2 4 6" xfId="31589"/>
    <cellStyle name="Обычный 6 4 2 2 5" xfId="31590"/>
    <cellStyle name="Обычный 6 4 2 2 5 2" xfId="31591"/>
    <cellStyle name="Обычный 6 4 2 2 5 2 2" xfId="31592"/>
    <cellStyle name="Обычный 6 4 2 2 5 2 2 2" xfId="31593"/>
    <cellStyle name="Обычный 6 4 2 2 5 2 3" xfId="31594"/>
    <cellStyle name="Обычный 6 4 2 2 5 2 3 2" xfId="31595"/>
    <cellStyle name="Обычный 6 4 2 2 5 2 4" xfId="31596"/>
    <cellStyle name="Обычный 6 4 2 2 5 3" xfId="31597"/>
    <cellStyle name="Обычный 6 4 2 2 5 3 2" xfId="31598"/>
    <cellStyle name="Обычный 6 4 2 2 5 4" xfId="31599"/>
    <cellStyle name="Обычный 6 4 2 2 5 4 2" xfId="31600"/>
    <cellStyle name="Обычный 6 4 2 2 5 5" xfId="31601"/>
    <cellStyle name="Обычный 6 4 2 2 5 5 2" xfId="31602"/>
    <cellStyle name="Обычный 6 4 2 2 5 6" xfId="31603"/>
    <cellStyle name="Обычный 6 4 2 2 6" xfId="31604"/>
    <cellStyle name="Обычный 6 4 2 2 6 2" xfId="31605"/>
    <cellStyle name="Обычный 6 4 2 2 6 2 2" xfId="31606"/>
    <cellStyle name="Обычный 6 4 2 2 6 3" xfId="31607"/>
    <cellStyle name="Обычный 6 4 2 2 6 3 2" xfId="31608"/>
    <cellStyle name="Обычный 6 4 2 2 6 4" xfId="31609"/>
    <cellStyle name="Обычный 6 4 2 2 7" xfId="31610"/>
    <cellStyle name="Обычный 6 4 2 2 7 2" xfId="31611"/>
    <cellStyle name="Обычный 6 4 2 2 8" xfId="31612"/>
    <cellStyle name="Обычный 6 4 2 2 8 2" xfId="31613"/>
    <cellStyle name="Обычный 6 4 2 2 9" xfId="31614"/>
    <cellStyle name="Обычный 6 4 2 2 9 2" xfId="31615"/>
    <cellStyle name="Обычный 6 4 2 3" xfId="31616"/>
    <cellStyle name="Обычный 6 4 2 3 2" xfId="31617"/>
    <cellStyle name="Обычный 6 4 2 3 2 2" xfId="31618"/>
    <cellStyle name="Обычный 6 4 2 3 2 2 2" xfId="31619"/>
    <cellStyle name="Обычный 6 4 2 3 2 2 2 2" xfId="31620"/>
    <cellStyle name="Обычный 6 4 2 3 2 2 3" xfId="31621"/>
    <cellStyle name="Обычный 6 4 2 3 2 2 3 2" xfId="31622"/>
    <cellStyle name="Обычный 6 4 2 3 2 2 4" xfId="31623"/>
    <cellStyle name="Обычный 6 4 2 3 2 3" xfId="31624"/>
    <cellStyle name="Обычный 6 4 2 3 2 3 2" xfId="31625"/>
    <cellStyle name="Обычный 6 4 2 3 2 4" xfId="31626"/>
    <cellStyle name="Обычный 6 4 2 3 2 4 2" xfId="31627"/>
    <cellStyle name="Обычный 6 4 2 3 2 5" xfId="31628"/>
    <cellStyle name="Обычный 6 4 2 3 2 5 2" xfId="31629"/>
    <cellStyle name="Обычный 6 4 2 3 2 6" xfId="31630"/>
    <cellStyle name="Обычный 6 4 2 3 3" xfId="31631"/>
    <cellStyle name="Обычный 6 4 2 3 3 2" xfId="31632"/>
    <cellStyle name="Обычный 6 4 2 3 3 2 2" xfId="31633"/>
    <cellStyle name="Обычный 6 4 2 3 3 2 2 2" xfId="31634"/>
    <cellStyle name="Обычный 6 4 2 3 3 2 3" xfId="31635"/>
    <cellStyle name="Обычный 6 4 2 3 3 2 3 2" xfId="31636"/>
    <cellStyle name="Обычный 6 4 2 3 3 2 4" xfId="31637"/>
    <cellStyle name="Обычный 6 4 2 3 3 3" xfId="31638"/>
    <cellStyle name="Обычный 6 4 2 3 3 3 2" xfId="31639"/>
    <cellStyle name="Обычный 6 4 2 3 3 4" xfId="31640"/>
    <cellStyle name="Обычный 6 4 2 3 3 4 2" xfId="31641"/>
    <cellStyle name="Обычный 6 4 2 3 3 5" xfId="31642"/>
    <cellStyle name="Обычный 6 4 2 3 3 5 2" xfId="31643"/>
    <cellStyle name="Обычный 6 4 2 3 3 6" xfId="31644"/>
    <cellStyle name="Обычный 6 4 2 3 4" xfId="31645"/>
    <cellStyle name="Обычный 6 4 2 3 4 2" xfId="31646"/>
    <cellStyle name="Обычный 6 4 2 3 4 2 2" xfId="31647"/>
    <cellStyle name="Обычный 6 4 2 3 4 2 2 2" xfId="31648"/>
    <cellStyle name="Обычный 6 4 2 3 4 2 3" xfId="31649"/>
    <cellStyle name="Обычный 6 4 2 3 4 2 3 2" xfId="31650"/>
    <cellStyle name="Обычный 6 4 2 3 4 2 4" xfId="31651"/>
    <cellStyle name="Обычный 6 4 2 3 4 3" xfId="31652"/>
    <cellStyle name="Обычный 6 4 2 3 4 3 2" xfId="31653"/>
    <cellStyle name="Обычный 6 4 2 3 4 4" xfId="31654"/>
    <cellStyle name="Обычный 6 4 2 3 4 4 2" xfId="31655"/>
    <cellStyle name="Обычный 6 4 2 3 4 5" xfId="31656"/>
    <cellStyle name="Обычный 6 4 2 3 4 5 2" xfId="31657"/>
    <cellStyle name="Обычный 6 4 2 3 4 6" xfId="31658"/>
    <cellStyle name="Обычный 6 4 2 3 5" xfId="31659"/>
    <cellStyle name="Обычный 6 4 2 3 5 2" xfId="31660"/>
    <cellStyle name="Обычный 6 4 2 3 5 2 2" xfId="31661"/>
    <cellStyle name="Обычный 6 4 2 3 5 3" xfId="31662"/>
    <cellStyle name="Обычный 6 4 2 3 5 3 2" xfId="31663"/>
    <cellStyle name="Обычный 6 4 2 3 5 4" xfId="31664"/>
    <cellStyle name="Обычный 6 4 2 3 6" xfId="31665"/>
    <cellStyle name="Обычный 6 4 2 3 6 2" xfId="31666"/>
    <cellStyle name="Обычный 6 4 2 3 7" xfId="31667"/>
    <cellStyle name="Обычный 6 4 2 3 7 2" xfId="31668"/>
    <cellStyle name="Обычный 6 4 2 3 8" xfId="31669"/>
    <cellStyle name="Обычный 6 4 2 3 8 2" xfId="31670"/>
    <cellStyle name="Обычный 6 4 2 3 9" xfId="31671"/>
    <cellStyle name="Обычный 6 4 2 4" xfId="31672"/>
    <cellStyle name="Обычный 6 4 2 4 2" xfId="31673"/>
    <cellStyle name="Обычный 6 4 2 4 2 2" xfId="31674"/>
    <cellStyle name="Обычный 6 4 2 4 2 2 2" xfId="31675"/>
    <cellStyle name="Обычный 6 4 2 4 2 3" xfId="31676"/>
    <cellStyle name="Обычный 6 4 2 4 2 3 2" xfId="31677"/>
    <cellStyle name="Обычный 6 4 2 4 2 4" xfId="31678"/>
    <cellStyle name="Обычный 6 4 2 4 3" xfId="31679"/>
    <cellStyle name="Обычный 6 4 2 4 3 2" xfId="31680"/>
    <cellStyle name="Обычный 6 4 2 4 4" xfId="31681"/>
    <cellStyle name="Обычный 6 4 2 4 4 2" xfId="31682"/>
    <cellStyle name="Обычный 6 4 2 4 5" xfId="31683"/>
    <cellStyle name="Обычный 6 4 2 4 5 2" xfId="31684"/>
    <cellStyle name="Обычный 6 4 2 4 6" xfId="31685"/>
    <cellStyle name="Обычный 6 4 2 5" xfId="31686"/>
    <cellStyle name="Обычный 6 4 2 5 2" xfId="31687"/>
    <cellStyle name="Обычный 6 4 2 5 2 2" xfId="31688"/>
    <cellStyle name="Обычный 6 4 2 5 2 2 2" xfId="31689"/>
    <cellStyle name="Обычный 6 4 2 5 2 3" xfId="31690"/>
    <cellStyle name="Обычный 6 4 2 5 2 3 2" xfId="31691"/>
    <cellStyle name="Обычный 6 4 2 5 2 4" xfId="31692"/>
    <cellStyle name="Обычный 6 4 2 5 3" xfId="31693"/>
    <cellStyle name="Обычный 6 4 2 5 3 2" xfId="31694"/>
    <cellStyle name="Обычный 6 4 2 5 4" xfId="31695"/>
    <cellStyle name="Обычный 6 4 2 5 4 2" xfId="31696"/>
    <cellStyle name="Обычный 6 4 2 5 5" xfId="31697"/>
    <cellStyle name="Обычный 6 4 2 5 5 2" xfId="31698"/>
    <cellStyle name="Обычный 6 4 2 5 6" xfId="31699"/>
    <cellStyle name="Обычный 6 4 2 6" xfId="31700"/>
    <cellStyle name="Обычный 6 4 2 6 2" xfId="31701"/>
    <cellStyle name="Обычный 6 4 2 6 2 2" xfId="31702"/>
    <cellStyle name="Обычный 6 4 2 6 2 2 2" xfId="31703"/>
    <cellStyle name="Обычный 6 4 2 6 2 3" xfId="31704"/>
    <cellStyle name="Обычный 6 4 2 6 2 3 2" xfId="31705"/>
    <cellStyle name="Обычный 6 4 2 6 2 4" xfId="31706"/>
    <cellStyle name="Обычный 6 4 2 6 3" xfId="31707"/>
    <cellStyle name="Обычный 6 4 2 6 3 2" xfId="31708"/>
    <cellStyle name="Обычный 6 4 2 6 4" xfId="31709"/>
    <cellStyle name="Обычный 6 4 2 6 4 2" xfId="31710"/>
    <cellStyle name="Обычный 6 4 2 6 5" xfId="31711"/>
    <cellStyle name="Обычный 6 4 2 6 5 2" xfId="31712"/>
    <cellStyle name="Обычный 6 4 2 6 6" xfId="31713"/>
    <cellStyle name="Обычный 6 4 2 7" xfId="31714"/>
    <cellStyle name="Обычный 6 4 2 7 2" xfId="31715"/>
    <cellStyle name="Обычный 6 4 2 7 2 2" xfId="31716"/>
    <cellStyle name="Обычный 6 4 2 7 2 2 2" xfId="31717"/>
    <cellStyle name="Обычный 6 4 2 7 2 3" xfId="31718"/>
    <cellStyle name="Обычный 6 4 2 7 2 3 2" xfId="31719"/>
    <cellStyle name="Обычный 6 4 2 7 2 4" xfId="31720"/>
    <cellStyle name="Обычный 6 4 2 7 3" xfId="31721"/>
    <cellStyle name="Обычный 6 4 2 7 3 2" xfId="31722"/>
    <cellStyle name="Обычный 6 4 2 7 4" xfId="31723"/>
    <cellStyle name="Обычный 6 4 2 7 4 2" xfId="31724"/>
    <cellStyle name="Обычный 6 4 2 7 5" xfId="31725"/>
    <cellStyle name="Обычный 6 4 2 7 5 2" xfId="31726"/>
    <cellStyle name="Обычный 6 4 2 7 6" xfId="31727"/>
    <cellStyle name="Обычный 6 4 2 8" xfId="31728"/>
    <cellStyle name="Обычный 6 4 2 8 2" xfId="31729"/>
    <cellStyle name="Обычный 6 4 2 8 2 2" xfId="31730"/>
    <cellStyle name="Обычный 6 4 2 8 3" xfId="31731"/>
    <cellStyle name="Обычный 6 4 2 8 3 2" xfId="31732"/>
    <cellStyle name="Обычный 6 4 2 8 4" xfId="31733"/>
    <cellStyle name="Обычный 6 4 2 9" xfId="31734"/>
    <cellStyle name="Обычный 6 4 2 9 2" xfId="31735"/>
    <cellStyle name="Обычный 6 4 2 9 2 2" xfId="31736"/>
    <cellStyle name="Обычный 6 4 2 9 3" xfId="31737"/>
    <cellStyle name="Обычный 6 4 3" xfId="31738"/>
    <cellStyle name="Обычный 6 4 3 10" xfId="31739"/>
    <cellStyle name="Обычный 6 4 3 2" xfId="31740"/>
    <cellStyle name="Обычный 6 4 3 2 2" xfId="31741"/>
    <cellStyle name="Обычный 6 4 3 2 2 2" xfId="31742"/>
    <cellStyle name="Обычный 6 4 3 2 2 2 2" xfId="31743"/>
    <cellStyle name="Обычный 6 4 3 2 2 3" xfId="31744"/>
    <cellStyle name="Обычный 6 4 3 2 2 3 2" xfId="31745"/>
    <cellStyle name="Обычный 6 4 3 2 2 4" xfId="31746"/>
    <cellStyle name="Обычный 6 4 3 2 3" xfId="31747"/>
    <cellStyle name="Обычный 6 4 3 2 3 2" xfId="31748"/>
    <cellStyle name="Обычный 6 4 3 2 4" xfId="31749"/>
    <cellStyle name="Обычный 6 4 3 2 4 2" xfId="31750"/>
    <cellStyle name="Обычный 6 4 3 2 5" xfId="31751"/>
    <cellStyle name="Обычный 6 4 3 2 5 2" xfId="31752"/>
    <cellStyle name="Обычный 6 4 3 2 6" xfId="31753"/>
    <cellStyle name="Обычный 6 4 3 3" xfId="31754"/>
    <cellStyle name="Обычный 6 4 3 3 2" xfId="31755"/>
    <cellStyle name="Обычный 6 4 3 3 2 2" xfId="31756"/>
    <cellStyle name="Обычный 6 4 3 3 2 2 2" xfId="31757"/>
    <cellStyle name="Обычный 6 4 3 3 2 3" xfId="31758"/>
    <cellStyle name="Обычный 6 4 3 3 2 3 2" xfId="31759"/>
    <cellStyle name="Обычный 6 4 3 3 2 4" xfId="31760"/>
    <cellStyle name="Обычный 6 4 3 3 3" xfId="31761"/>
    <cellStyle name="Обычный 6 4 3 3 3 2" xfId="31762"/>
    <cellStyle name="Обычный 6 4 3 3 4" xfId="31763"/>
    <cellStyle name="Обычный 6 4 3 3 4 2" xfId="31764"/>
    <cellStyle name="Обычный 6 4 3 3 5" xfId="31765"/>
    <cellStyle name="Обычный 6 4 3 3 5 2" xfId="31766"/>
    <cellStyle name="Обычный 6 4 3 3 6" xfId="31767"/>
    <cellStyle name="Обычный 6 4 3 4" xfId="31768"/>
    <cellStyle name="Обычный 6 4 3 4 2" xfId="31769"/>
    <cellStyle name="Обычный 6 4 3 4 2 2" xfId="31770"/>
    <cellStyle name="Обычный 6 4 3 4 2 2 2" xfId="31771"/>
    <cellStyle name="Обычный 6 4 3 4 2 3" xfId="31772"/>
    <cellStyle name="Обычный 6 4 3 4 2 3 2" xfId="31773"/>
    <cellStyle name="Обычный 6 4 3 4 2 4" xfId="31774"/>
    <cellStyle name="Обычный 6 4 3 4 3" xfId="31775"/>
    <cellStyle name="Обычный 6 4 3 4 3 2" xfId="31776"/>
    <cellStyle name="Обычный 6 4 3 4 4" xfId="31777"/>
    <cellStyle name="Обычный 6 4 3 4 4 2" xfId="31778"/>
    <cellStyle name="Обычный 6 4 3 4 5" xfId="31779"/>
    <cellStyle name="Обычный 6 4 3 4 5 2" xfId="31780"/>
    <cellStyle name="Обычный 6 4 3 4 6" xfId="31781"/>
    <cellStyle name="Обычный 6 4 3 5" xfId="31782"/>
    <cellStyle name="Обычный 6 4 3 5 2" xfId="31783"/>
    <cellStyle name="Обычный 6 4 3 5 2 2" xfId="31784"/>
    <cellStyle name="Обычный 6 4 3 5 2 2 2" xfId="31785"/>
    <cellStyle name="Обычный 6 4 3 5 2 3" xfId="31786"/>
    <cellStyle name="Обычный 6 4 3 5 2 3 2" xfId="31787"/>
    <cellStyle name="Обычный 6 4 3 5 2 4" xfId="31788"/>
    <cellStyle name="Обычный 6 4 3 5 3" xfId="31789"/>
    <cellStyle name="Обычный 6 4 3 5 3 2" xfId="31790"/>
    <cellStyle name="Обычный 6 4 3 5 4" xfId="31791"/>
    <cellStyle name="Обычный 6 4 3 5 4 2" xfId="31792"/>
    <cellStyle name="Обычный 6 4 3 5 5" xfId="31793"/>
    <cellStyle name="Обычный 6 4 3 5 5 2" xfId="31794"/>
    <cellStyle name="Обычный 6 4 3 5 6" xfId="31795"/>
    <cellStyle name="Обычный 6 4 3 6" xfId="31796"/>
    <cellStyle name="Обычный 6 4 3 6 2" xfId="31797"/>
    <cellStyle name="Обычный 6 4 3 6 2 2" xfId="31798"/>
    <cellStyle name="Обычный 6 4 3 6 3" xfId="31799"/>
    <cellStyle name="Обычный 6 4 3 6 3 2" xfId="31800"/>
    <cellStyle name="Обычный 6 4 3 6 4" xfId="31801"/>
    <cellStyle name="Обычный 6 4 3 7" xfId="31802"/>
    <cellStyle name="Обычный 6 4 3 7 2" xfId="31803"/>
    <cellStyle name="Обычный 6 4 3 8" xfId="31804"/>
    <cellStyle name="Обычный 6 4 3 8 2" xfId="31805"/>
    <cellStyle name="Обычный 6 4 3 9" xfId="31806"/>
    <cellStyle name="Обычный 6 4 3 9 2" xfId="31807"/>
    <cellStyle name="Обычный 6 4 4" xfId="31808"/>
    <cellStyle name="Обычный 6 4 4 2" xfId="31809"/>
    <cellStyle name="Обычный 6 4 4 2 2" xfId="31810"/>
    <cellStyle name="Обычный 6 4 4 2 2 2" xfId="31811"/>
    <cellStyle name="Обычный 6 4 4 2 2 2 2" xfId="31812"/>
    <cellStyle name="Обычный 6 4 4 2 2 3" xfId="31813"/>
    <cellStyle name="Обычный 6 4 4 2 2 3 2" xfId="31814"/>
    <cellStyle name="Обычный 6 4 4 2 2 4" xfId="31815"/>
    <cellStyle name="Обычный 6 4 4 2 3" xfId="31816"/>
    <cellStyle name="Обычный 6 4 4 2 3 2" xfId="31817"/>
    <cellStyle name="Обычный 6 4 4 2 4" xfId="31818"/>
    <cellStyle name="Обычный 6 4 4 2 4 2" xfId="31819"/>
    <cellStyle name="Обычный 6 4 4 2 5" xfId="31820"/>
    <cellStyle name="Обычный 6 4 4 2 5 2" xfId="31821"/>
    <cellStyle name="Обычный 6 4 4 2 6" xfId="31822"/>
    <cellStyle name="Обычный 6 4 4 3" xfId="31823"/>
    <cellStyle name="Обычный 6 4 4 3 2" xfId="31824"/>
    <cellStyle name="Обычный 6 4 4 3 2 2" xfId="31825"/>
    <cellStyle name="Обычный 6 4 4 3 2 2 2" xfId="31826"/>
    <cellStyle name="Обычный 6 4 4 3 2 3" xfId="31827"/>
    <cellStyle name="Обычный 6 4 4 3 2 3 2" xfId="31828"/>
    <cellStyle name="Обычный 6 4 4 3 2 4" xfId="31829"/>
    <cellStyle name="Обычный 6 4 4 3 3" xfId="31830"/>
    <cellStyle name="Обычный 6 4 4 3 3 2" xfId="31831"/>
    <cellStyle name="Обычный 6 4 4 3 4" xfId="31832"/>
    <cellStyle name="Обычный 6 4 4 3 4 2" xfId="31833"/>
    <cellStyle name="Обычный 6 4 4 3 5" xfId="31834"/>
    <cellStyle name="Обычный 6 4 4 3 5 2" xfId="31835"/>
    <cellStyle name="Обычный 6 4 4 3 6" xfId="31836"/>
    <cellStyle name="Обычный 6 4 4 4" xfId="31837"/>
    <cellStyle name="Обычный 6 4 4 4 2" xfId="31838"/>
    <cellStyle name="Обычный 6 4 4 4 2 2" xfId="31839"/>
    <cellStyle name="Обычный 6 4 4 4 2 2 2" xfId="31840"/>
    <cellStyle name="Обычный 6 4 4 4 2 3" xfId="31841"/>
    <cellStyle name="Обычный 6 4 4 4 2 3 2" xfId="31842"/>
    <cellStyle name="Обычный 6 4 4 4 2 4" xfId="31843"/>
    <cellStyle name="Обычный 6 4 4 4 3" xfId="31844"/>
    <cellStyle name="Обычный 6 4 4 4 3 2" xfId="31845"/>
    <cellStyle name="Обычный 6 4 4 4 4" xfId="31846"/>
    <cellStyle name="Обычный 6 4 4 4 4 2" xfId="31847"/>
    <cellStyle name="Обычный 6 4 4 4 5" xfId="31848"/>
    <cellStyle name="Обычный 6 4 4 4 5 2" xfId="31849"/>
    <cellStyle name="Обычный 6 4 4 4 6" xfId="31850"/>
    <cellStyle name="Обычный 6 4 4 5" xfId="31851"/>
    <cellStyle name="Обычный 6 4 4 5 2" xfId="31852"/>
    <cellStyle name="Обычный 6 4 4 5 2 2" xfId="31853"/>
    <cellStyle name="Обычный 6 4 4 5 3" xfId="31854"/>
    <cellStyle name="Обычный 6 4 4 5 3 2" xfId="31855"/>
    <cellStyle name="Обычный 6 4 4 5 4" xfId="31856"/>
    <cellStyle name="Обычный 6 4 4 6" xfId="31857"/>
    <cellStyle name="Обычный 6 4 4 6 2" xfId="31858"/>
    <cellStyle name="Обычный 6 4 4 7" xfId="31859"/>
    <cellStyle name="Обычный 6 4 4 7 2" xfId="31860"/>
    <cellStyle name="Обычный 6 4 4 8" xfId="31861"/>
    <cellStyle name="Обычный 6 4 4 8 2" xfId="31862"/>
    <cellStyle name="Обычный 6 4 4 9" xfId="31863"/>
    <cellStyle name="Обычный 6 4 5" xfId="31864"/>
    <cellStyle name="Обычный 6 4 5 2" xfId="31865"/>
    <cellStyle name="Обычный 6 4 5 2 2" xfId="31866"/>
    <cellStyle name="Обычный 6 4 5 2 2 2" xfId="31867"/>
    <cellStyle name="Обычный 6 4 5 2 3" xfId="31868"/>
    <cellStyle name="Обычный 6 4 5 2 3 2" xfId="31869"/>
    <cellStyle name="Обычный 6 4 5 2 4" xfId="31870"/>
    <cellStyle name="Обычный 6 4 5 3" xfId="31871"/>
    <cellStyle name="Обычный 6 4 5 3 2" xfId="31872"/>
    <cellStyle name="Обычный 6 4 5 4" xfId="31873"/>
    <cellStyle name="Обычный 6 4 5 4 2" xfId="31874"/>
    <cellStyle name="Обычный 6 4 5 5" xfId="31875"/>
    <cellStyle name="Обычный 6 4 5 5 2" xfId="31876"/>
    <cellStyle name="Обычный 6 4 5 6" xfId="31877"/>
    <cellStyle name="Обычный 6 4 6" xfId="31878"/>
    <cellStyle name="Обычный 6 4 6 2" xfId="31879"/>
    <cellStyle name="Обычный 6 4 6 2 2" xfId="31880"/>
    <cellStyle name="Обычный 6 4 6 2 2 2" xfId="31881"/>
    <cellStyle name="Обычный 6 4 6 2 3" xfId="31882"/>
    <cellStyle name="Обычный 6 4 6 2 3 2" xfId="31883"/>
    <cellStyle name="Обычный 6 4 6 2 4" xfId="31884"/>
    <cellStyle name="Обычный 6 4 6 3" xfId="31885"/>
    <cellStyle name="Обычный 6 4 6 3 2" xfId="31886"/>
    <cellStyle name="Обычный 6 4 6 4" xfId="31887"/>
    <cellStyle name="Обычный 6 4 6 4 2" xfId="31888"/>
    <cellStyle name="Обычный 6 4 6 5" xfId="31889"/>
    <cellStyle name="Обычный 6 4 6 5 2" xfId="31890"/>
    <cellStyle name="Обычный 6 4 6 6" xfId="31891"/>
    <cellStyle name="Обычный 6 4 7" xfId="31892"/>
    <cellStyle name="Обычный 6 4 7 2" xfId="31893"/>
    <cellStyle name="Обычный 6 4 7 2 2" xfId="31894"/>
    <cellStyle name="Обычный 6 4 7 2 2 2" xfId="31895"/>
    <cellStyle name="Обычный 6 4 7 2 3" xfId="31896"/>
    <cellStyle name="Обычный 6 4 7 2 3 2" xfId="31897"/>
    <cellStyle name="Обычный 6 4 7 2 4" xfId="31898"/>
    <cellStyle name="Обычный 6 4 7 3" xfId="31899"/>
    <cellStyle name="Обычный 6 4 7 3 2" xfId="31900"/>
    <cellStyle name="Обычный 6 4 7 4" xfId="31901"/>
    <cellStyle name="Обычный 6 4 7 4 2" xfId="31902"/>
    <cellStyle name="Обычный 6 4 7 5" xfId="31903"/>
    <cellStyle name="Обычный 6 4 7 5 2" xfId="31904"/>
    <cellStyle name="Обычный 6 4 7 6" xfId="31905"/>
    <cellStyle name="Обычный 6 4 8" xfId="31906"/>
    <cellStyle name="Обычный 6 4 8 2" xfId="31907"/>
    <cellStyle name="Обычный 6 4 8 2 2" xfId="31908"/>
    <cellStyle name="Обычный 6 4 8 2 2 2" xfId="31909"/>
    <cellStyle name="Обычный 6 4 8 2 3" xfId="31910"/>
    <cellStyle name="Обычный 6 4 8 2 3 2" xfId="31911"/>
    <cellStyle name="Обычный 6 4 8 2 4" xfId="31912"/>
    <cellStyle name="Обычный 6 4 8 3" xfId="31913"/>
    <cellStyle name="Обычный 6 4 8 3 2" xfId="31914"/>
    <cellStyle name="Обычный 6 4 8 4" xfId="31915"/>
    <cellStyle name="Обычный 6 4 8 4 2" xfId="31916"/>
    <cellStyle name="Обычный 6 4 8 5" xfId="31917"/>
    <cellStyle name="Обычный 6 4 8 5 2" xfId="31918"/>
    <cellStyle name="Обычный 6 4 8 6" xfId="31919"/>
    <cellStyle name="Обычный 6 4 9" xfId="31920"/>
    <cellStyle name="Обычный 6 4 9 2" xfId="31921"/>
    <cellStyle name="Обычный 6 4 9 2 2" xfId="31922"/>
    <cellStyle name="Обычный 6 4 9 3" xfId="31923"/>
    <cellStyle name="Обычный 6 4 9 3 2" xfId="31924"/>
    <cellStyle name="Обычный 6 4 9 4" xfId="31925"/>
    <cellStyle name="Обычный 6 5" xfId="31926"/>
    <cellStyle name="Обычный 6 5 10" xfId="31927"/>
    <cellStyle name="Обычный 6 5 10 2" xfId="31928"/>
    <cellStyle name="Обычный 6 5 10 2 2" xfId="31929"/>
    <cellStyle name="Обычный 6 5 10 3" xfId="31930"/>
    <cellStyle name="Обычный 6 5 11" xfId="31931"/>
    <cellStyle name="Обычный 6 5 11 2" xfId="31932"/>
    <cellStyle name="Обычный 6 5 12" xfId="31933"/>
    <cellStyle name="Обычный 6 5 12 2" xfId="31934"/>
    <cellStyle name="Обычный 6 5 13" xfId="31935"/>
    <cellStyle name="Обычный 6 5 14" xfId="31936"/>
    <cellStyle name="Обычный 6 5 2" xfId="31937"/>
    <cellStyle name="Обычный 6 5 2 10" xfId="31938"/>
    <cellStyle name="Обычный 6 5 2 10 2" xfId="31939"/>
    <cellStyle name="Обычный 6 5 2 11" xfId="31940"/>
    <cellStyle name="Обычный 6 5 2 11 2" xfId="31941"/>
    <cellStyle name="Обычный 6 5 2 12" xfId="31942"/>
    <cellStyle name="Обычный 6 5 2 13" xfId="31943"/>
    <cellStyle name="Обычный 6 5 2 2" xfId="31944"/>
    <cellStyle name="Обычный 6 5 2 2 10" xfId="31945"/>
    <cellStyle name="Обычный 6 5 2 2 2" xfId="31946"/>
    <cellStyle name="Обычный 6 5 2 2 2 2" xfId="31947"/>
    <cellStyle name="Обычный 6 5 2 2 2 2 2" xfId="31948"/>
    <cellStyle name="Обычный 6 5 2 2 2 2 2 2" xfId="31949"/>
    <cellStyle name="Обычный 6 5 2 2 2 2 3" xfId="31950"/>
    <cellStyle name="Обычный 6 5 2 2 2 2 3 2" xfId="31951"/>
    <cellStyle name="Обычный 6 5 2 2 2 2 4" xfId="31952"/>
    <cellStyle name="Обычный 6 5 2 2 2 3" xfId="31953"/>
    <cellStyle name="Обычный 6 5 2 2 2 3 2" xfId="31954"/>
    <cellStyle name="Обычный 6 5 2 2 2 4" xfId="31955"/>
    <cellStyle name="Обычный 6 5 2 2 2 4 2" xfId="31956"/>
    <cellStyle name="Обычный 6 5 2 2 2 5" xfId="31957"/>
    <cellStyle name="Обычный 6 5 2 2 2 5 2" xfId="31958"/>
    <cellStyle name="Обычный 6 5 2 2 2 6" xfId="31959"/>
    <cellStyle name="Обычный 6 5 2 2 3" xfId="31960"/>
    <cellStyle name="Обычный 6 5 2 2 3 2" xfId="31961"/>
    <cellStyle name="Обычный 6 5 2 2 3 2 2" xfId="31962"/>
    <cellStyle name="Обычный 6 5 2 2 3 2 2 2" xfId="31963"/>
    <cellStyle name="Обычный 6 5 2 2 3 2 3" xfId="31964"/>
    <cellStyle name="Обычный 6 5 2 2 3 2 3 2" xfId="31965"/>
    <cellStyle name="Обычный 6 5 2 2 3 2 4" xfId="31966"/>
    <cellStyle name="Обычный 6 5 2 2 3 3" xfId="31967"/>
    <cellStyle name="Обычный 6 5 2 2 3 3 2" xfId="31968"/>
    <cellStyle name="Обычный 6 5 2 2 3 4" xfId="31969"/>
    <cellStyle name="Обычный 6 5 2 2 3 4 2" xfId="31970"/>
    <cellStyle name="Обычный 6 5 2 2 3 5" xfId="31971"/>
    <cellStyle name="Обычный 6 5 2 2 3 5 2" xfId="31972"/>
    <cellStyle name="Обычный 6 5 2 2 3 6" xfId="31973"/>
    <cellStyle name="Обычный 6 5 2 2 4" xfId="31974"/>
    <cellStyle name="Обычный 6 5 2 2 4 2" xfId="31975"/>
    <cellStyle name="Обычный 6 5 2 2 4 2 2" xfId="31976"/>
    <cellStyle name="Обычный 6 5 2 2 4 2 2 2" xfId="31977"/>
    <cellStyle name="Обычный 6 5 2 2 4 2 3" xfId="31978"/>
    <cellStyle name="Обычный 6 5 2 2 4 2 3 2" xfId="31979"/>
    <cellStyle name="Обычный 6 5 2 2 4 2 4" xfId="31980"/>
    <cellStyle name="Обычный 6 5 2 2 4 3" xfId="31981"/>
    <cellStyle name="Обычный 6 5 2 2 4 3 2" xfId="31982"/>
    <cellStyle name="Обычный 6 5 2 2 4 4" xfId="31983"/>
    <cellStyle name="Обычный 6 5 2 2 4 4 2" xfId="31984"/>
    <cellStyle name="Обычный 6 5 2 2 4 5" xfId="31985"/>
    <cellStyle name="Обычный 6 5 2 2 4 5 2" xfId="31986"/>
    <cellStyle name="Обычный 6 5 2 2 4 6" xfId="31987"/>
    <cellStyle name="Обычный 6 5 2 2 5" xfId="31988"/>
    <cellStyle name="Обычный 6 5 2 2 5 2" xfId="31989"/>
    <cellStyle name="Обычный 6 5 2 2 5 2 2" xfId="31990"/>
    <cellStyle name="Обычный 6 5 2 2 5 2 2 2" xfId="31991"/>
    <cellStyle name="Обычный 6 5 2 2 5 2 3" xfId="31992"/>
    <cellStyle name="Обычный 6 5 2 2 5 2 3 2" xfId="31993"/>
    <cellStyle name="Обычный 6 5 2 2 5 2 4" xfId="31994"/>
    <cellStyle name="Обычный 6 5 2 2 5 3" xfId="31995"/>
    <cellStyle name="Обычный 6 5 2 2 5 3 2" xfId="31996"/>
    <cellStyle name="Обычный 6 5 2 2 5 4" xfId="31997"/>
    <cellStyle name="Обычный 6 5 2 2 5 4 2" xfId="31998"/>
    <cellStyle name="Обычный 6 5 2 2 5 5" xfId="31999"/>
    <cellStyle name="Обычный 6 5 2 2 5 5 2" xfId="32000"/>
    <cellStyle name="Обычный 6 5 2 2 5 6" xfId="32001"/>
    <cellStyle name="Обычный 6 5 2 2 6" xfId="32002"/>
    <cellStyle name="Обычный 6 5 2 2 6 2" xfId="32003"/>
    <cellStyle name="Обычный 6 5 2 2 6 2 2" xfId="32004"/>
    <cellStyle name="Обычный 6 5 2 2 6 3" xfId="32005"/>
    <cellStyle name="Обычный 6 5 2 2 6 3 2" xfId="32006"/>
    <cellStyle name="Обычный 6 5 2 2 6 4" xfId="32007"/>
    <cellStyle name="Обычный 6 5 2 2 7" xfId="32008"/>
    <cellStyle name="Обычный 6 5 2 2 7 2" xfId="32009"/>
    <cellStyle name="Обычный 6 5 2 2 8" xfId="32010"/>
    <cellStyle name="Обычный 6 5 2 2 8 2" xfId="32011"/>
    <cellStyle name="Обычный 6 5 2 2 9" xfId="32012"/>
    <cellStyle name="Обычный 6 5 2 2 9 2" xfId="32013"/>
    <cellStyle name="Обычный 6 5 2 3" xfId="32014"/>
    <cellStyle name="Обычный 6 5 2 3 2" xfId="32015"/>
    <cellStyle name="Обычный 6 5 2 3 2 2" xfId="32016"/>
    <cellStyle name="Обычный 6 5 2 3 2 2 2" xfId="32017"/>
    <cellStyle name="Обычный 6 5 2 3 2 2 2 2" xfId="32018"/>
    <cellStyle name="Обычный 6 5 2 3 2 2 3" xfId="32019"/>
    <cellStyle name="Обычный 6 5 2 3 2 2 3 2" xfId="32020"/>
    <cellStyle name="Обычный 6 5 2 3 2 2 4" xfId="32021"/>
    <cellStyle name="Обычный 6 5 2 3 2 3" xfId="32022"/>
    <cellStyle name="Обычный 6 5 2 3 2 3 2" xfId="32023"/>
    <cellStyle name="Обычный 6 5 2 3 2 4" xfId="32024"/>
    <cellStyle name="Обычный 6 5 2 3 2 4 2" xfId="32025"/>
    <cellStyle name="Обычный 6 5 2 3 2 5" xfId="32026"/>
    <cellStyle name="Обычный 6 5 2 3 2 5 2" xfId="32027"/>
    <cellStyle name="Обычный 6 5 2 3 2 6" xfId="32028"/>
    <cellStyle name="Обычный 6 5 2 3 3" xfId="32029"/>
    <cellStyle name="Обычный 6 5 2 3 3 2" xfId="32030"/>
    <cellStyle name="Обычный 6 5 2 3 3 2 2" xfId="32031"/>
    <cellStyle name="Обычный 6 5 2 3 3 2 2 2" xfId="32032"/>
    <cellStyle name="Обычный 6 5 2 3 3 2 3" xfId="32033"/>
    <cellStyle name="Обычный 6 5 2 3 3 2 3 2" xfId="32034"/>
    <cellStyle name="Обычный 6 5 2 3 3 2 4" xfId="32035"/>
    <cellStyle name="Обычный 6 5 2 3 3 3" xfId="32036"/>
    <cellStyle name="Обычный 6 5 2 3 3 3 2" xfId="32037"/>
    <cellStyle name="Обычный 6 5 2 3 3 4" xfId="32038"/>
    <cellStyle name="Обычный 6 5 2 3 3 4 2" xfId="32039"/>
    <cellStyle name="Обычный 6 5 2 3 3 5" xfId="32040"/>
    <cellStyle name="Обычный 6 5 2 3 3 5 2" xfId="32041"/>
    <cellStyle name="Обычный 6 5 2 3 3 6" xfId="32042"/>
    <cellStyle name="Обычный 6 5 2 3 4" xfId="32043"/>
    <cellStyle name="Обычный 6 5 2 3 4 2" xfId="32044"/>
    <cellStyle name="Обычный 6 5 2 3 4 2 2" xfId="32045"/>
    <cellStyle name="Обычный 6 5 2 3 4 2 2 2" xfId="32046"/>
    <cellStyle name="Обычный 6 5 2 3 4 2 3" xfId="32047"/>
    <cellStyle name="Обычный 6 5 2 3 4 2 3 2" xfId="32048"/>
    <cellStyle name="Обычный 6 5 2 3 4 2 4" xfId="32049"/>
    <cellStyle name="Обычный 6 5 2 3 4 3" xfId="32050"/>
    <cellStyle name="Обычный 6 5 2 3 4 3 2" xfId="32051"/>
    <cellStyle name="Обычный 6 5 2 3 4 4" xfId="32052"/>
    <cellStyle name="Обычный 6 5 2 3 4 4 2" xfId="32053"/>
    <cellStyle name="Обычный 6 5 2 3 4 5" xfId="32054"/>
    <cellStyle name="Обычный 6 5 2 3 4 5 2" xfId="32055"/>
    <cellStyle name="Обычный 6 5 2 3 4 6" xfId="32056"/>
    <cellStyle name="Обычный 6 5 2 3 5" xfId="32057"/>
    <cellStyle name="Обычный 6 5 2 3 5 2" xfId="32058"/>
    <cellStyle name="Обычный 6 5 2 3 5 2 2" xfId="32059"/>
    <cellStyle name="Обычный 6 5 2 3 5 3" xfId="32060"/>
    <cellStyle name="Обычный 6 5 2 3 5 3 2" xfId="32061"/>
    <cellStyle name="Обычный 6 5 2 3 5 4" xfId="32062"/>
    <cellStyle name="Обычный 6 5 2 3 6" xfId="32063"/>
    <cellStyle name="Обычный 6 5 2 3 6 2" xfId="32064"/>
    <cellStyle name="Обычный 6 5 2 3 7" xfId="32065"/>
    <cellStyle name="Обычный 6 5 2 3 7 2" xfId="32066"/>
    <cellStyle name="Обычный 6 5 2 3 8" xfId="32067"/>
    <cellStyle name="Обычный 6 5 2 3 8 2" xfId="32068"/>
    <cellStyle name="Обычный 6 5 2 3 9" xfId="32069"/>
    <cellStyle name="Обычный 6 5 2 4" xfId="32070"/>
    <cellStyle name="Обычный 6 5 2 4 2" xfId="32071"/>
    <cellStyle name="Обычный 6 5 2 4 2 2" xfId="32072"/>
    <cellStyle name="Обычный 6 5 2 4 2 2 2" xfId="32073"/>
    <cellStyle name="Обычный 6 5 2 4 2 3" xfId="32074"/>
    <cellStyle name="Обычный 6 5 2 4 2 3 2" xfId="32075"/>
    <cellStyle name="Обычный 6 5 2 4 2 4" xfId="32076"/>
    <cellStyle name="Обычный 6 5 2 4 3" xfId="32077"/>
    <cellStyle name="Обычный 6 5 2 4 3 2" xfId="32078"/>
    <cellStyle name="Обычный 6 5 2 4 4" xfId="32079"/>
    <cellStyle name="Обычный 6 5 2 4 4 2" xfId="32080"/>
    <cellStyle name="Обычный 6 5 2 4 5" xfId="32081"/>
    <cellStyle name="Обычный 6 5 2 4 5 2" xfId="32082"/>
    <cellStyle name="Обычный 6 5 2 4 6" xfId="32083"/>
    <cellStyle name="Обычный 6 5 2 5" xfId="32084"/>
    <cellStyle name="Обычный 6 5 2 5 2" xfId="32085"/>
    <cellStyle name="Обычный 6 5 2 5 2 2" xfId="32086"/>
    <cellStyle name="Обычный 6 5 2 5 2 2 2" xfId="32087"/>
    <cellStyle name="Обычный 6 5 2 5 2 3" xfId="32088"/>
    <cellStyle name="Обычный 6 5 2 5 2 3 2" xfId="32089"/>
    <cellStyle name="Обычный 6 5 2 5 2 4" xfId="32090"/>
    <cellStyle name="Обычный 6 5 2 5 3" xfId="32091"/>
    <cellStyle name="Обычный 6 5 2 5 3 2" xfId="32092"/>
    <cellStyle name="Обычный 6 5 2 5 4" xfId="32093"/>
    <cellStyle name="Обычный 6 5 2 5 4 2" xfId="32094"/>
    <cellStyle name="Обычный 6 5 2 5 5" xfId="32095"/>
    <cellStyle name="Обычный 6 5 2 5 5 2" xfId="32096"/>
    <cellStyle name="Обычный 6 5 2 5 6" xfId="32097"/>
    <cellStyle name="Обычный 6 5 2 6" xfId="32098"/>
    <cellStyle name="Обычный 6 5 2 6 2" xfId="32099"/>
    <cellStyle name="Обычный 6 5 2 6 2 2" xfId="32100"/>
    <cellStyle name="Обычный 6 5 2 6 2 2 2" xfId="32101"/>
    <cellStyle name="Обычный 6 5 2 6 2 3" xfId="32102"/>
    <cellStyle name="Обычный 6 5 2 6 2 3 2" xfId="32103"/>
    <cellStyle name="Обычный 6 5 2 6 2 4" xfId="32104"/>
    <cellStyle name="Обычный 6 5 2 6 3" xfId="32105"/>
    <cellStyle name="Обычный 6 5 2 6 3 2" xfId="32106"/>
    <cellStyle name="Обычный 6 5 2 6 4" xfId="32107"/>
    <cellStyle name="Обычный 6 5 2 6 4 2" xfId="32108"/>
    <cellStyle name="Обычный 6 5 2 6 5" xfId="32109"/>
    <cellStyle name="Обычный 6 5 2 6 5 2" xfId="32110"/>
    <cellStyle name="Обычный 6 5 2 6 6" xfId="32111"/>
    <cellStyle name="Обычный 6 5 2 7" xfId="32112"/>
    <cellStyle name="Обычный 6 5 2 7 2" xfId="32113"/>
    <cellStyle name="Обычный 6 5 2 7 2 2" xfId="32114"/>
    <cellStyle name="Обычный 6 5 2 7 2 2 2" xfId="32115"/>
    <cellStyle name="Обычный 6 5 2 7 2 3" xfId="32116"/>
    <cellStyle name="Обычный 6 5 2 7 2 3 2" xfId="32117"/>
    <cellStyle name="Обычный 6 5 2 7 2 4" xfId="32118"/>
    <cellStyle name="Обычный 6 5 2 7 3" xfId="32119"/>
    <cellStyle name="Обычный 6 5 2 7 3 2" xfId="32120"/>
    <cellStyle name="Обычный 6 5 2 7 4" xfId="32121"/>
    <cellStyle name="Обычный 6 5 2 7 4 2" xfId="32122"/>
    <cellStyle name="Обычный 6 5 2 7 5" xfId="32123"/>
    <cellStyle name="Обычный 6 5 2 7 5 2" xfId="32124"/>
    <cellStyle name="Обычный 6 5 2 7 6" xfId="32125"/>
    <cellStyle name="Обычный 6 5 2 8" xfId="32126"/>
    <cellStyle name="Обычный 6 5 2 8 2" xfId="32127"/>
    <cellStyle name="Обычный 6 5 2 8 2 2" xfId="32128"/>
    <cellStyle name="Обычный 6 5 2 8 3" xfId="32129"/>
    <cellStyle name="Обычный 6 5 2 8 3 2" xfId="32130"/>
    <cellStyle name="Обычный 6 5 2 8 4" xfId="32131"/>
    <cellStyle name="Обычный 6 5 2 9" xfId="32132"/>
    <cellStyle name="Обычный 6 5 2 9 2" xfId="32133"/>
    <cellStyle name="Обычный 6 5 2 9 2 2" xfId="32134"/>
    <cellStyle name="Обычный 6 5 2 9 3" xfId="32135"/>
    <cellStyle name="Обычный 6 5 3" xfId="32136"/>
    <cellStyle name="Обычный 6 5 3 10" xfId="32137"/>
    <cellStyle name="Обычный 6 5 3 2" xfId="32138"/>
    <cellStyle name="Обычный 6 5 3 2 2" xfId="32139"/>
    <cellStyle name="Обычный 6 5 3 2 2 2" xfId="32140"/>
    <cellStyle name="Обычный 6 5 3 2 2 2 2" xfId="32141"/>
    <cellStyle name="Обычный 6 5 3 2 2 3" xfId="32142"/>
    <cellStyle name="Обычный 6 5 3 2 2 3 2" xfId="32143"/>
    <cellStyle name="Обычный 6 5 3 2 2 4" xfId="32144"/>
    <cellStyle name="Обычный 6 5 3 2 3" xfId="32145"/>
    <cellStyle name="Обычный 6 5 3 2 3 2" xfId="32146"/>
    <cellStyle name="Обычный 6 5 3 2 4" xfId="32147"/>
    <cellStyle name="Обычный 6 5 3 2 4 2" xfId="32148"/>
    <cellStyle name="Обычный 6 5 3 2 5" xfId="32149"/>
    <cellStyle name="Обычный 6 5 3 2 5 2" xfId="32150"/>
    <cellStyle name="Обычный 6 5 3 2 6" xfId="32151"/>
    <cellStyle name="Обычный 6 5 3 3" xfId="32152"/>
    <cellStyle name="Обычный 6 5 3 3 2" xfId="32153"/>
    <cellStyle name="Обычный 6 5 3 3 2 2" xfId="32154"/>
    <cellStyle name="Обычный 6 5 3 3 2 2 2" xfId="32155"/>
    <cellStyle name="Обычный 6 5 3 3 2 3" xfId="32156"/>
    <cellStyle name="Обычный 6 5 3 3 2 3 2" xfId="32157"/>
    <cellStyle name="Обычный 6 5 3 3 2 4" xfId="32158"/>
    <cellStyle name="Обычный 6 5 3 3 3" xfId="32159"/>
    <cellStyle name="Обычный 6 5 3 3 3 2" xfId="32160"/>
    <cellStyle name="Обычный 6 5 3 3 4" xfId="32161"/>
    <cellStyle name="Обычный 6 5 3 3 4 2" xfId="32162"/>
    <cellStyle name="Обычный 6 5 3 3 5" xfId="32163"/>
    <cellStyle name="Обычный 6 5 3 3 5 2" xfId="32164"/>
    <cellStyle name="Обычный 6 5 3 3 6" xfId="32165"/>
    <cellStyle name="Обычный 6 5 3 4" xfId="32166"/>
    <cellStyle name="Обычный 6 5 3 4 2" xfId="32167"/>
    <cellStyle name="Обычный 6 5 3 4 2 2" xfId="32168"/>
    <cellStyle name="Обычный 6 5 3 4 2 2 2" xfId="32169"/>
    <cellStyle name="Обычный 6 5 3 4 2 3" xfId="32170"/>
    <cellStyle name="Обычный 6 5 3 4 2 3 2" xfId="32171"/>
    <cellStyle name="Обычный 6 5 3 4 2 4" xfId="32172"/>
    <cellStyle name="Обычный 6 5 3 4 3" xfId="32173"/>
    <cellStyle name="Обычный 6 5 3 4 3 2" xfId="32174"/>
    <cellStyle name="Обычный 6 5 3 4 4" xfId="32175"/>
    <cellStyle name="Обычный 6 5 3 4 4 2" xfId="32176"/>
    <cellStyle name="Обычный 6 5 3 4 5" xfId="32177"/>
    <cellStyle name="Обычный 6 5 3 4 5 2" xfId="32178"/>
    <cellStyle name="Обычный 6 5 3 4 6" xfId="32179"/>
    <cellStyle name="Обычный 6 5 3 5" xfId="32180"/>
    <cellStyle name="Обычный 6 5 3 5 2" xfId="32181"/>
    <cellStyle name="Обычный 6 5 3 5 2 2" xfId="32182"/>
    <cellStyle name="Обычный 6 5 3 5 2 2 2" xfId="32183"/>
    <cellStyle name="Обычный 6 5 3 5 2 3" xfId="32184"/>
    <cellStyle name="Обычный 6 5 3 5 2 3 2" xfId="32185"/>
    <cellStyle name="Обычный 6 5 3 5 2 4" xfId="32186"/>
    <cellStyle name="Обычный 6 5 3 5 3" xfId="32187"/>
    <cellStyle name="Обычный 6 5 3 5 3 2" xfId="32188"/>
    <cellStyle name="Обычный 6 5 3 5 4" xfId="32189"/>
    <cellStyle name="Обычный 6 5 3 5 4 2" xfId="32190"/>
    <cellStyle name="Обычный 6 5 3 5 5" xfId="32191"/>
    <cellStyle name="Обычный 6 5 3 5 5 2" xfId="32192"/>
    <cellStyle name="Обычный 6 5 3 5 6" xfId="32193"/>
    <cellStyle name="Обычный 6 5 3 6" xfId="32194"/>
    <cellStyle name="Обычный 6 5 3 6 2" xfId="32195"/>
    <cellStyle name="Обычный 6 5 3 6 2 2" xfId="32196"/>
    <cellStyle name="Обычный 6 5 3 6 3" xfId="32197"/>
    <cellStyle name="Обычный 6 5 3 6 3 2" xfId="32198"/>
    <cellStyle name="Обычный 6 5 3 6 4" xfId="32199"/>
    <cellStyle name="Обычный 6 5 3 7" xfId="32200"/>
    <cellStyle name="Обычный 6 5 3 7 2" xfId="32201"/>
    <cellStyle name="Обычный 6 5 3 8" xfId="32202"/>
    <cellStyle name="Обычный 6 5 3 8 2" xfId="32203"/>
    <cellStyle name="Обычный 6 5 3 9" xfId="32204"/>
    <cellStyle name="Обычный 6 5 3 9 2" xfId="32205"/>
    <cellStyle name="Обычный 6 5 4" xfId="32206"/>
    <cellStyle name="Обычный 6 5 4 2" xfId="32207"/>
    <cellStyle name="Обычный 6 5 4 2 2" xfId="32208"/>
    <cellStyle name="Обычный 6 5 4 2 2 2" xfId="32209"/>
    <cellStyle name="Обычный 6 5 4 2 2 2 2" xfId="32210"/>
    <cellStyle name="Обычный 6 5 4 2 2 3" xfId="32211"/>
    <cellStyle name="Обычный 6 5 4 2 2 3 2" xfId="32212"/>
    <cellStyle name="Обычный 6 5 4 2 2 4" xfId="32213"/>
    <cellStyle name="Обычный 6 5 4 2 3" xfId="32214"/>
    <cellStyle name="Обычный 6 5 4 2 3 2" xfId="32215"/>
    <cellStyle name="Обычный 6 5 4 2 4" xfId="32216"/>
    <cellStyle name="Обычный 6 5 4 2 4 2" xfId="32217"/>
    <cellStyle name="Обычный 6 5 4 2 5" xfId="32218"/>
    <cellStyle name="Обычный 6 5 4 2 5 2" xfId="32219"/>
    <cellStyle name="Обычный 6 5 4 2 6" xfId="32220"/>
    <cellStyle name="Обычный 6 5 4 3" xfId="32221"/>
    <cellStyle name="Обычный 6 5 4 3 2" xfId="32222"/>
    <cellStyle name="Обычный 6 5 4 3 2 2" xfId="32223"/>
    <cellStyle name="Обычный 6 5 4 3 2 2 2" xfId="32224"/>
    <cellStyle name="Обычный 6 5 4 3 2 3" xfId="32225"/>
    <cellStyle name="Обычный 6 5 4 3 2 3 2" xfId="32226"/>
    <cellStyle name="Обычный 6 5 4 3 2 4" xfId="32227"/>
    <cellStyle name="Обычный 6 5 4 3 3" xfId="32228"/>
    <cellStyle name="Обычный 6 5 4 3 3 2" xfId="32229"/>
    <cellStyle name="Обычный 6 5 4 3 4" xfId="32230"/>
    <cellStyle name="Обычный 6 5 4 3 4 2" xfId="32231"/>
    <cellStyle name="Обычный 6 5 4 3 5" xfId="32232"/>
    <cellStyle name="Обычный 6 5 4 3 5 2" xfId="32233"/>
    <cellStyle name="Обычный 6 5 4 3 6" xfId="32234"/>
    <cellStyle name="Обычный 6 5 4 4" xfId="32235"/>
    <cellStyle name="Обычный 6 5 4 4 2" xfId="32236"/>
    <cellStyle name="Обычный 6 5 4 4 2 2" xfId="32237"/>
    <cellStyle name="Обычный 6 5 4 4 2 2 2" xfId="32238"/>
    <cellStyle name="Обычный 6 5 4 4 2 3" xfId="32239"/>
    <cellStyle name="Обычный 6 5 4 4 2 3 2" xfId="32240"/>
    <cellStyle name="Обычный 6 5 4 4 2 4" xfId="32241"/>
    <cellStyle name="Обычный 6 5 4 4 3" xfId="32242"/>
    <cellStyle name="Обычный 6 5 4 4 3 2" xfId="32243"/>
    <cellStyle name="Обычный 6 5 4 4 4" xfId="32244"/>
    <cellStyle name="Обычный 6 5 4 4 4 2" xfId="32245"/>
    <cellStyle name="Обычный 6 5 4 4 5" xfId="32246"/>
    <cellStyle name="Обычный 6 5 4 4 5 2" xfId="32247"/>
    <cellStyle name="Обычный 6 5 4 4 6" xfId="32248"/>
    <cellStyle name="Обычный 6 5 4 5" xfId="32249"/>
    <cellStyle name="Обычный 6 5 4 5 2" xfId="32250"/>
    <cellStyle name="Обычный 6 5 4 5 2 2" xfId="32251"/>
    <cellStyle name="Обычный 6 5 4 5 3" xfId="32252"/>
    <cellStyle name="Обычный 6 5 4 5 3 2" xfId="32253"/>
    <cellStyle name="Обычный 6 5 4 5 4" xfId="32254"/>
    <cellStyle name="Обычный 6 5 4 6" xfId="32255"/>
    <cellStyle name="Обычный 6 5 4 6 2" xfId="32256"/>
    <cellStyle name="Обычный 6 5 4 7" xfId="32257"/>
    <cellStyle name="Обычный 6 5 4 7 2" xfId="32258"/>
    <cellStyle name="Обычный 6 5 4 8" xfId="32259"/>
    <cellStyle name="Обычный 6 5 4 8 2" xfId="32260"/>
    <cellStyle name="Обычный 6 5 4 9" xfId="32261"/>
    <cellStyle name="Обычный 6 5 5" xfId="32262"/>
    <cellStyle name="Обычный 6 5 5 2" xfId="32263"/>
    <cellStyle name="Обычный 6 5 5 2 2" xfId="32264"/>
    <cellStyle name="Обычный 6 5 5 2 2 2" xfId="32265"/>
    <cellStyle name="Обычный 6 5 5 2 3" xfId="32266"/>
    <cellStyle name="Обычный 6 5 5 2 3 2" xfId="32267"/>
    <cellStyle name="Обычный 6 5 5 2 4" xfId="32268"/>
    <cellStyle name="Обычный 6 5 5 3" xfId="32269"/>
    <cellStyle name="Обычный 6 5 5 3 2" xfId="32270"/>
    <cellStyle name="Обычный 6 5 5 4" xfId="32271"/>
    <cellStyle name="Обычный 6 5 5 4 2" xfId="32272"/>
    <cellStyle name="Обычный 6 5 5 5" xfId="32273"/>
    <cellStyle name="Обычный 6 5 5 5 2" xfId="32274"/>
    <cellStyle name="Обычный 6 5 5 6" xfId="32275"/>
    <cellStyle name="Обычный 6 5 6" xfId="32276"/>
    <cellStyle name="Обычный 6 5 6 2" xfId="32277"/>
    <cellStyle name="Обычный 6 5 6 2 2" xfId="32278"/>
    <cellStyle name="Обычный 6 5 6 2 2 2" xfId="32279"/>
    <cellStyle name="Обычный 6 5 6 2 3" xfId="32280"/>
    <cellStyle name="Обычный 6 5 6 2 3 2" xfId="32281"/>
    <cellStyle name="Обычный 6 5 6 2 4" xfId="32282"/>
    <cellStyle name="Обычный 6 5 6 3" xfId="32283"/>
    <cellStyle name="Обычный 6 5 6 3 2" xfId="32284"/>
    <cellStyle name="Обычный 6 5 6 4" xfId="32285"/>
    <cellStyle name="Обычный 6 5 6 4 2" xfId="32286"/>
    <cellStyle name="Обычный 6 5 6 5" xfId="32287"/>
    <cellStyle name="Обычный 6 5 6 5 2" xfId="32288"/>
    <cellStyle name="Обычный 6 5 6 6" xfId="32289"/>
    <cellStyle name="Обычный 6 5 7" xfId="32290"/>
    <cellStyle name="Обычный 6 5 7 2" xfId="32291"/>
    <cellStyle name="Обычный 6 5 7 2 2" xfId="32292"/>
    <cellStyle name="Обычный 6 5 7 2 2 2" xfId="32293"/>
    <cellStyle name="Обычный 6 5 7 2 3" xfId="32294"/>
    <cellStyle name="Обычный 6 5 7 2 3 2" xfId="32295"/>
    <cellStyle name="Обычный 6 5 7 2 4" xfId="32296"/>
    <cellStyle name="Обычный 6 5 7 3" xfId="32297"/>
    <cellStyle name="Обычный 6 5 7 3 2" xfId="32298"/>
    <cellStyle name="Обычный 6 5 7 4" xfId="32299"/>
    <cellStyle name="Обычный 6 5 7 4 2" xfId="32300"/>
    <cellStyle name="Обычный 6 5 7 5" xfId="32301"/>
    <cellStyle name="Обычный 6 5 7 5 2" xfId="32302"/>
    <cellStyle name="Обычный 6 5 7 6" xfId="32303"/>
    <cellStyle name="Обычный 6 5 8" xfId="32304"/>
    <cellStyle name="Обычный 6 5 8 2" xfId="32305"/>
    <cellStyle name="Обычный 6 5 8 2 2" xfId="32306"/>
    <cellStyle name="Обычный 6 5 8 2 2 2" xfId="32307"/>
    <cellStyle name="Обычный 6 5 8 2 3" xfId="32308"/>
    <cellStyle name="Обычный 6 5 8 2 3 2" xfId="32309"/>
    <cellStyle name="Обычный 6 5 8 2 4" xfId="32310"/>
    <cellStyle name="Обычный 6 5 8 3" xfId="32311"/>
    <cellStyle name="Обычный 6 5 8 3 2" xfId="32312"/>
    <cellStyle name="Обычный 6 5 8 4" xfId="32313"/>
    <cellStyle name="Обычный 6 5 8 4 2" xfId="32314"/>
    <cellStyle name="Обычный 6 5 8 5" xfId="32315"/>
    <cellStyle name="Обычный 6 5 8 5 2" xfId="32316"/>
    <cellStyle name="Обычный 6 5 8 6" xfId="32317"/>
    <cellStyle name="Обычный 6 5 9" xfId="32318"/>
    <cellStyle name="Обычный 6 5 9 2" xfId="32319"/>
    <cellStyle name="Обычный 6 5 9 2 2" xfId="32320"/>
    <cellStyle name="Обычный 6 5 9 3" xfId="32321"/>
    <cellStyle name="Обычный 6 5 9 3 2" xfId="32322"/>
    <cellStyle name="Обычный 6 5 9 4" xfId="32323"/>
    <cellStyle name="Обычный 6 6" xfId="32324"/>
    <cellStyle name="Обычный 6 6 10" xfId="32325"/>
    <cellStyle name="Обычный 6 6 10 2" xfId="32326"/>
    <cellStyle name="Обычный 6 6 10 2 2" xfId="32327"/>
    <cellStyle name="Обычный 6 6 10 3" xfId="32328"/>
    <cellStyle name="Обычный 6 6 11" xfId="32329"/>
    <cellStyle name="Обычный 6 6 11 2" xfId="32330"/>
    <cellStyle name="Обычный 6 6 12" xfId="32331"/>
    <cellStyle name="Обычный 6 6 12 2" xfId="32332"/>
    <cellStyle name="Обычный 6 6 13" xfId="32333"/>
    <cellStyle name="Обычный 6 6 14" xfId="32334"/>
    <cellStyle name="Обычный 6 6 2" xfId="32335"/>
    <cellStyle name="Обычный 6 6 2 10" xfId="32336"/>
    <cellStyle name="Обычный 6 6 2 10 2" xfId="32337"/>
    <cellStyle name="Обычный 6 6 2 11" xfId="32338"/>
    <cellStyle name="Обычный 6 6 2 11 2" xfId="32339"/>
    <cellStyle name="Обычный 6 6 2 12" xfId="32340"/>
    <cellStyle name="Обычный 6 6 2 13" xfId="32341"/>
    <cellStyle name="Обычный 6 6 2 2" xfId="32342"/>
    <cellStyle name="Обычный 6 6 2 2 10" xfId="32343"/>
    <cellStyle name="Обычный 6 6 2 2 2" xfId="32344"/>
    <cellStyle name="Обычный 6 6 2 2 2 2" xfId="32345"/>
    <cellStyle name="Обычный 6 6 2 2 2 2 2" xfId="32346"/>
    <cellStyle name="Обычный 6 6 2 2 2 2 2 2" xfId="32347"/>
    <cellStyle name="Обычный 6 6 2 2 2 2 3" xfId="32348"/>
    <cellStyle name="Обычный 6 6 2 2 2 2 3 2" xfId="32349"/>
    <cellStyle name="Обычный 6 6 2 2 2 2 4" xfId="32350"/>
    <cellStyle name="Обычный 6 6 2 2 2 3" xfId="32351"/>
    <cellStyle name="Обычный 6 6 2 2 2 3 2" xfId="32352"/>
    <cellStyle name="Обычный 6 6 2 2 2 4" xfId="32353"/>
    <cellStyle name="Обычный 6 6 2 2 2 4 2" xfId="32354"/>
    <cellStyle name="Обычный 6 6 2 2 2 5" xfId="32355"/>
    <cellStyle name="Обычный 6 6 2 2 2 5 2" xfId="32356"/>
    <cellStyle name="Обычный 6 6 2 2 2 6" xfId="32357"/>
    <cellStyle name="Обычный 6 6 2 2 3" xfId="32358"/>
    <cellStyle name="Обычный 6 6 2 2 3 2" xfId="32359"/>
    <cellStyle name="Обычный 6 6 2 2 3 2 2" xfId="32360"/>
    <cellStyle name="Обычный 6 6 2 2 3 2 2 2" xfId="32361"/>
    <cellStyle name="Обычный 6 6 2 2 3 2 3" xfId="32362"/>
    <cellStyle name="Обычный 6 6 2 2 3 2 3 2" xfId="32363"/>
    <cellStyle name="Обычный 6 6 2 2 3 2 4" xfId="32364"/>
    <cellStyle name="Обычный 6 6 2 2 3 3" xfId="32365"/>
    <cellStyle name="Обычный 6 6 2 2 3 3 2" xfId="32366"/>
    <cellStyle name="Обычный 6 6 2 2 3 4" xfId="32367"/>
    <cellStyle name="Обычный 6 6 2 2 3 4 2" xfId="32368"/>
    <cellStyle name="Обычный 6 6 2 2 3 5" xfId="32369"/>
    <cellStyle name="Обычный 6 6 2 2 3 5 2" xfId="32370"/>
    <cellStyle name="Обычный 6 6 2 2 3 6" xfId="32371"/>
    <cellStyle name="Обычный 6 6 2 2 4" xfId="32372"/>
    <cellStyle name="Обычный 6 6 2 2 4 2" xfId="32373"/>
    <cellStyle name="Обычный 6 6 2 2 4 2 2" xfId="32374"/>
    <cellStyle name="Обычный 6 6 2 2 4 2 2 2" xfId="32375"/>
    <cellStyle name="Обычный 6 6 2 2 4 2 3" xfId="32376"/>
    <cellStyle name="Обычный 6 6 2 2 4 2 3 2" xfId="32377"/>
    <cellStyle name="Обычный 6 6 2 2 4 2 4" xfId="32378"/>
    <cellStyle name="Обычный 6 6 2 2 4 3" xfId="32379"/>
    <cellStyle name="Обычный 6 6 2 2 4 3 2" xfId="32380"/>
    <cellStyle name="Обычный 6 6 2 2 4 4" xfId="32381"/>
    <cellStyle name="Обычный 6 6 2 2 4 4 2" xfId="32382"/>
    <cellStyle name="Обычный 6 6 2 2 4 5" xfId="32383"/>
    <cellStyle name="Обычный 6 6 2 2 4 5 2" xfId="32384"/>
    <cellStyle name="Обычный 6 6 2 2 4 6" xfId="32385"/>
    <cellStyle name="Обычный 6 6 2 2 5" xfId="32386"/>
    <cellStyle name="Обычный 6 6 2 2 5 2" xfId="32387"/>
    <cellStyle name="Обычный 6 6 2 2 5 2 2" xfId="32388"/>
    <cellStyle name="Обычный 6 6 2 2 5 2 2 2" xfId="32389"/>
    <cellStyle name="Обычный 6 6 2 2 5 2 3" xfId="32390"/>
    <cellStyle name="Обычный 6 6 2 2 5 2 3 2" xfId="32391"/>
    <cellStyle name="Обычный 6 6 2 2 5 2 4" xfId="32392"/>
    <cellStyle name="Обычный 6 6 2 2 5 3" xfId="32393"/>
    <cellStyle name="Обычный 6 6 2 2 5 3 2" xfId="32394"/>
    <cellStyle name="Обычный 6 6 2 2 5 4" xfId="32395"/>
    <cellStyle name="Обычный 6 6 2 2 5 4 2" xfId="32396"/>
    <cellStyle name="Обычный 6 6 2 2 5 5" xfId="32397"/>
    <cellStyle name="Обычный 6 6 2 2 5 5 2" xfId="32398"/>
    <cellStyle name="Обычный 6 6 2 2 5 6" xfId="32399"/>
    <cellStyle name="Обычный 6 6 2 2 6" xfId="32400"/>
    <cellStyle name="Обычный 6 6 2 2 6 2" xfId="32401"/>
    <cellStyle name="Обычный 6 6 2 2 6 2 2" xfId="32402"/>
    <cellStyle name="Обычный 6 6 2 2 6 3" xfId="32403"/>
    <cellStyle name="Обычный 6 6 2 2 6 3 2" xfId="32404"/>
    <cellStyle name="Обычный 6 6 2 2 6 4" xfId="32405"/>
    <cellStyle name="Обычный 6 6 2 2 7" xfId="32406"/>
    <cellStyle name="Обычный 6 6 2 2 7 2" xfId="32407"/>
    <cellStyle name="Обычный 6 6 2 2 8" xfId="32408"/>
    <cellStyle name="Обычный 6 6 2 2 8 2" xfId="32409"/>
    <cellStyle name="Обычный 6 6 2 2 9" xfId="32410"/>
    <cellStyle name="Обычный 6 6 2 2 9 2" xfId="32411"/>
    <cellStyle name="Обычный 6 6 2 3" xfId="32412"/>
    <cellStyle name="Обычный 6 6 2 3 2" xfId="32413"/>
    <cellStyle name="Обычный 6 6 2 3 2 2" xfId="32414"/>
    <cellStyle name="Обычный 6 6 2 3 2 2 2" xfId="32415"/>
    <cellStyle name="Обычный 6 6 2 3 2 2 2 2" xfId="32416"/>
    <cellStyle name="Обычный 6 6 2 3 2 2 3" xfId="32417"/>
    <cellStyle name="Обычный 6 6 2 3 2 2 3 2" xfId="32418"/>
    <cellStyle name="Обычный 6 6 2 3 2 2 4" xfId="32419"/>
    <cellStyle name="Обычный 6 6 2 3 2 3" xfId="32420"/>
    <cellStyle name="Обычный 6 6 2 3 2 3 2" xfId="32421"/>
    <cellStyle name="Обычный 6 6 2 3 2 4" xfId="32422"/>
    <cellStyle name="Обычный 6 6 2 3 2 4 2" xfId="32423"/>
    <cellStyle name="Обычный 6 6 2 3 2 5" xfId="32424"/>
    <cellStyle name="Обычный 6 6 2 3 2 5 2" xfId="32425"/>
    <cellStyle name="Обычный 6 6 2 3 2 6" xfId="32426"/>
    <cellStyle name="Обычный 6 6 2 3 3" xfId="32427"/>
    <cellStyle name="Обычный 6 6 2 3 3 2" xfId="32428"/>
    <cellStyle name="Обычный 6 6 2 3 3 2 2" xfId="32429"/>
    <cellStyle name="Обычный 6 6 2 3 3 2 2 2" xfId="32430"/>
    <cellStyle name="Обычный 6 6 2 3 3 2 3" xfId="32431"/>
    <cellStyle name="Обычный 6 6 2 3 3 2 3 2" xfId="32432"/>
    <cellStyle name="Обычный 6 6 2 3 3 2 4" xfId="32433"/>
    <cellStyle name="Обычный 6 6 2 3 3 3" xfId="32434"/>
    <cellStyle name="Обычный 6 6 2 3 3 3 2" xfId="32435"/>
    <cellStyle name="Обычный 6 6 2 3 3 4" xfId="32436"/>
    <cellStyle name="Обычный 6 6 2 3 3 4 2" xfId="32437"/>
    <cellStyle name="Обычный 6 6 2 3 3 5" xfId="32438"/>
    <cellStyle name="Обычный 6 6 2 3 3 5 2" xfId="32439"/>
    <cellStyle name="Обычный 6 6 2 3 3 6" xfId="32440"/>
    <cellStyle name="Обычный 6 6 2 3 4" xfId="32441"/>
    <cellStyle name="Обычный 6 6 2 3 4 2" xfId="32442"/>
    <cellStyle name="Обычный 6 6 2 3 4 2 2" xfId="32443"/>
    <cellStyle name="Обычный 6 6 2 3 4 2 2 2" xfId="32444"/>
    <cellStyle name="Обычный 6 6 2 3 4 2 3" xfId="32445"/>
    <cellStyle name="Обычный 6 6 2 3 4 2 3 2" xfId="32446"/>
    <cellStyle name="Обычный 6 6 2 3 4 2 4" xfId="32447"/>
    <cellStyle name="Обычный 6 6 2 3 4 3" xfId="32448"/>
    <cellStyle name="Обычный 6 6 2 3 4 3 2" xfId="32449"/>
    <cellStyle name="Обычный 6 6 2 3 4 4" xfId="32450"/>
    <cellStyle name="Обычный 6 6 2 3 4 4 2" xfId="32451"/>
    <cellStyle name="Обычный 6 6 2 3 4 5" xfId="32452"/>
    <cellStyle name="Обычный 6 6 2 3 4 5 2" xfId="32453"/>
    <cellStyle name="Обычный 6 6 2 3 4 6" xfId="32454"/>
    <cellStyle name="Обычный 6 6 2 3 5" xfId="32455"/>
    <cellStyle name="Обычный 6 6 2 3 5 2" xfId="32456"/>
    <cellStyle name="Обычный 6 6 2 3 5 2 2" xfId="32457"/>
    <cellStyle name="Обычный 6 6 2 3 5 3" xfId="32458"/>
    <cellStyle name="Обычный 6 6 2 3 5 3 2" xfId="32459"/>
    <cellStyle name="Обычный 6 6 2 3 5 4" xfId="32460"/>
    <cellStyle name="Обычный 6 6 2 3 6" xfId="32461"/>
    <cellStyle name="Обычный 6 6 2 3 6 2" xfId="32462"/>
    <cellStyle name="Обычный 6 6 2 3 7" xfId="32463"/>
    <cellStyle name="Обычный 6 6 2 3 7 2" xfId="32464"/>
    <cellStyle name="Обычный 6 6 2 3 8" xfId="32465"/>
    <cellStyle name="Обычный 6 6 2 3 8 2" xfId="32466"/>
    <cellStyle name="Обычный 6 6 2 3 9" xfId="32467"/>
    <cellStyle name="Обычный 6 6 2 4" xfId="32468"/>
    <cellStyle name="Обычный 6 6 2 4 2" xfId="32469"/>
    <cellStyle name="Обычный 6 6 2 4 2 2" xfId="32470"/>
    <cellStyle name="Обычный 6 6 2 4 2 2 2" xfId="32471"/>
    <cellStyle name="Обычный 6 6 2 4 2 3" xfId="32472"/>
    <cellStyle name="Обычный 6 6 2 4 2 3 2" xfId="32473"/>
    <cellStyle name="Обычный 6 6 2 4 2 4" xfId="32474"/>
    <cellStyle name="Обычный 6 6 2 4 3" xfId="32475"/>
    <cellStyle name="Обычный 6 6 2 4 3 2" xfId="32476"/>
    <cellStyle name="Обычный 6 6 2 4 4" xfId="32477"/>
    <cellStyle name="Обычный 6 6 2 4 4 2" xfId="32478"/>
    <cellStyle name="Обычный 6 6 2 4 5" xfId="32479"/>
    <cellStyle name="Обычный 6 6 2 4 5 2" xfId="32480"/>
    <cellStyle name="Обычный 6 6 2 4 6" xfId="32481"/>
    <cellStyle name="Обычный 6 6 2 5" xfId="32482"/>
    <cellStyle name="Обычный 6 6 2 5 2" xfId="32483"/>
    <cellStyle name="Обычный 6 6 2 5 2 2" xfId="32484"/>
    <cellStyle name="Обычный 6 6 2 5 2 2 2" xfId="32485"/>
    <cellStyle name="Обычный 6 6 2 5 2 3" xfId="32486"/>
    <cellStyle name="Обычный 6 6 2 5 2 3 2" xfId="32487"/>
    <cellStyle name="Обычный 6 6 2 5 2 4" xfId="32488"/>
    <cellStyle name="Обычный 6 6 2 5 3" xfId="32489"/>
    <cellStyle name="Обычный 6 6 2 5 3 2" xfId="32490"/>
    <cellStyle name="Обычный 6 6 2 5 4" xfId="32491"/>
    <cellStyle name="Обычный 6 6 2 5 4 2" xfId="32492"/>
    <cellStyle name="Обычный 6 6 2 5 5" xfId="32493"/>
    <cellStyle name="Обычный 6 6 2 5 5 2" xfId="32494"/>
    <cellStyle name="Обычный 6 6 2 5 6" xfId="32495"/>
    <cellStyle name="Обычный 6 6 2 6" xfId="32496"/>
    <cellStyle name="Обычный 6 6 2 6 2" xfId="32497"/>
    <cellStyle name="Обычный 6 6 2 6 2 2" xfId="32498"/>
    <cellStyle name="Обычный 6 6 2 6 2 2 2" xfId="32499"/>
    <cellStyle name="Обычный 6 6 2 6 2 3" xfId="32500"/>
    <cellStyle name="Обычный 6 6 2 6 2 3 2" xfId="32501"/>
    <cellStyle name="Обычный 6 6 2 6 2 4" xfId="32502"/>
    <cellStyle name="Обычный 6 6 2 6 3" xfId="32503"/>
    <cellStyle name="Обычный 6 6 2 6 3 2" xfId="32504"/>
    <cellStyle name="Обычный 6 6 2 6 4" xfId="32505"/>
    <cellStyle name="Обычный 6 6 2 6 4 2" xfId="32506"/>
    <cellStyle name="Обычный 6 6 2 6 5" xfId="32507"/>
    <cellStyle name="Обычный 6 6 2 6 5 2" xfId="32508"/>
    <cellStyle name="Обычный 6 6 2 6 6" xfId="32509"/>
    <cellStyle name="Обычный 6 6 2 7" xfId="32510"/>
    <cellStyle name="Обычный 6 6 2 7 2" xfId="32511"/>
    <cellStyle name="Обычный 6 6 2 7 2 2" xfId="32512"/>
    <cellStyle name="Обычный 6 6 2 7 2 2 2" xfId="32513"/>
    <cellStyle name="Обычный 6 6 2 7 2 3" xfId="32514"/>
    <cellStyle name="Обычный 6 6 2 7 2 3 2" xfId="32515"/>
    <cellStyle name="Обычный 6 6 2 7 2 4" xfId="32516"/>
    <cellStyle name="Обычный 6 6 2 7 3" xfId="32517"/>
    <cellStyle name="Обычный 6 6 2 7 3 2" xfId="32518"/>
    <cellStyle name="Обычный 6 6 2 7 4" xfId="32519"/>
    <cellStyle name="Обычный 6 6 2 7 4 2" xfId="32520"/>
    <cellStyle name="Обычный 6 6 2 7 5" xfId="32521"/>
    <cellStyle name="Обычный 6 6 2 7 5 2" xfId="32522"/>
    <cellStyle name="Обычный 6 6 2 7 6" xfId="32523"/>
    <cellStyle name="Обычный 6 6 2 8" xfId="32524"/>
    <cellStyle name="Обычный 6 6 2 8 2" xfId="32525"/>
    <cellStyle name="Обычный 6 6 2 8 2 2" xfId="32526"/>
    <cellStyle name="Обычный 6 6 2 8 3" xfId="32527"/>
    <cellStyle name="Обычный 6 6 2 8 3 2" xfId="32528"/>
    <cellStyle name="Обычный 6 6 2 8 4" xfId="32529"/>
    <cellStyle name="Обычный 6 6 2 9" xfId="32530"/>
    <cellStyle name="Обычный 6 6 2 9 2" xfId="32531"/>
    <cellStyle name="Обычный 6 6 2 9 2 2" xfId="32532"/>
    <cellStyle name="Обычный 6 6 2 9 3" xfId="32533"/>
    <cellStyle name="Обычный 6 6 3" xfId="32534"/>
    <cellStyle name="Обычный 6 6 3 10" xfId="32535"/>
    <cellStyle name="Обычный 6 6 3 2" xfId="32536"/>
    <cellStyle name="Обычный 6 6 3 2 2" xfId="32537"/>
    <cellStyle name="Обычный 6 6 3 2 2 2" xfId="32538"/>
    <cellStyle name="Обычный 6 6 3 2 2 2 2" xfId="32539"/>
    <cellStyle name="Обычный 6 6 3 2 2 3" xfId="32540"/>
    <cellStyle name="Обычный 6 6 3 2 2 3 2" xfId="32541"/>
    <cellStyle name="Обычный 6 6 3 2 2 4" xfId="32542"/>
    <cellStyle name="Обычный 6 6 3 2 3" xfId="32543"/>
    <cellStyle name="Обычный 6 6 3 2 3 2" xfId="32544"/>
    <cellStyle name="Обычный 6 6 3 2 4" xfId="32545"/>
    <cellStyle name="Обычный 6 6 3 2 4 2" xfId="32546"/>
    <cellStyle name="Обычный 6 6 3 2 5" xfId="32547"/>
    <cellStyle name="Обычный 6 6 3 2 5 2" xfId="32548"/>
    <cellStyle name="Обычный 6 6 3 2 6" xfId="32549"/>
    <cellStyle name="Обычный 6 6 3 3" xfId="32550"/>
    <cellStyle name="Обычный 6 6 3 3 2" xfId="32551"/>
    <cellStyle name="Обычный 6 6 3 3 2 2" xfId="32552"/>
    <cellStyle name="Обычный 6 6 3 3 2 2 2" xfId="32553"/>
    <cellStyle name="Обычный 6 6 3 3 2 3" xfId="32554"/>
    <cellStyle name="Обычный 6 6 3 3 2 3 2" xfId="32555"/>
    <cellStyle name="Обычный 6 6 3 3 2 4" xfId="32556"/>
    <cellStyle name="Обычный 6 6 3 3 3" xfId="32557"/>
    <cellStyle name="Обычный 6 6 3 3 3 2" xfId="32558"/>
    <cellStyle name="Обычный 6 6 3 3 4" xfId="32559"/>
    <cellStyle name="Обычный 6 6 3 3 4 2" xfId="32560"/>
    <cellStyle name="Обычный 6 6 3 3 5" xfId="32561"/>
    <cellStyle name="Обычный 6 6 3 3 5 2" xfId="32562"/>
    <cellStyle name="Обычный 6 6 3 3 6" xfId="32563"/>
    <cellStyle name="Обычный 6 6 3 4" xfId="32564"/>
    <cellStyle name="Обычный 6 6 3 4 2" xfId="32565"/>
    <cellStyle name="Обычный 6 6 3 4 2 2" xfId="32566"/>
    <cellStyle name="Обычный 6 6 3 4 2 2 2" xfId="32567"/>
    <cellStyle name="Обычный 6 6 3 4 2 3" xfId="32568"/>
    <cellStyle name="Обычный 6 6 3 4 2 3 2" xfId="32569"/>
    <cellStyle name="Обычный 6 6 3 4 2 4" xfId="32570"/>
    <cellStyle name="Обычный 6 6 3 4 3" xfId="32571"/>
    <cellStyle name="Обычный 6 6 3 4 3 2" xfId="32572"/>
    <cellStyle name="Обычный 6 6 3 4 4" xfId="32573"/>
    <cellStyle name="Обычный 6 6 3 4 4 2" xfId="32574"/>
    <cellStyle name="Обычный 6 6 3 4 5" xfId="32575"/>
    <cellStyle name="Обычный 6 6 3 4 5 2" xfId="32576"/>
    <cellStyle name="Обычный 6 6 3 4 6" xfId="32577"/>
    <cellStyle name="Обычный 6 6 3 5" xfId="32578"/>
    <cellStyle name="Обычный 6 6 3 5 2" xfId="32579"/>
    <cellStyle name="Обычный 6 6 3 5 2 2" xfId="32580"/>
    <cellStyle name="Обычный 6 6 3 5 2 2 2" xfId="32581"/>
    <cellStyle name="Обычный 6 6 3 5 2 3" xfId="32582"/>
    <cellStyle name="Обычный 6 6 3 5 2 3 2" xfId="32583"/>
    <cellStyle name="Обычный 6 6 3 5 2 4" xfId="32584"/>
    <cellStyle name="Обычный 6 6 3 5 3" xfId="32585"/>
    <cellStyle name="Обычный 6 6 3 5 3 2" xfId="32586"/>
    <cellStyle name="Обычный 6 6 3 5 4" xfId="32587"/>
    <cellStyle name="Обычный 6 6 3 5 4 2" xfId="32588"/>
    <cellStyle name="Обычный 6 6 3 5 5" xfId="32589"/>
    <cellStyle name="Обычный 6 6 3 5 5 2" xfId="32590"/>
    <cellStyle name="Обычный 6 6 3 5 6" xfId="32591"/>
    <cellStyle name="Обычный 6 6 3 6" xfId="32592"/>
    <cellStyle name="Обычный 6 6 3 6 2" xfId="32593"/>
    <cellStyle name="Обычный 6 6 3 6 2 2" xfId="32594"/>
    <cellStyle name="Обычный 6 6 3 6 3" xfId="32595"/>
    <cellStyle name="Обычный 6 6 3 6 3 2" xfId="32596"/>
    <cellStyle name="Обычный 6 6 3 6 4" xfId="32597"/>
    <cellStyle name="Обычный 6 6 3 7" xfId="32598"/>
    <cellStyle name="Обычный 6 6 3 7 2" xfId="32599"/>
    <cellStyle name="Обычный 6 6 3 8" xfId="32600"/>
    <cellStyle name="Обычный 6 6 3 8 2" xfId="32601"/>
    <cellStyle name="Обычный 6 6 3 9" xfId="32602"/>
    <cellStyle name="Обычный 6 6 3 9 2" xfId="32603"/>
    <cellStyle name="Обычный 6 6 4" xfId="32604"/>
    <cellStyle name="Обычный 6 6 4 2" xfId="32605"/>
    <cellStyle name="Обычный 6 6 4 2 2" xfId="32606"/>
    <cellStyle name="Обычный 6 6 4 2 2 2" xfId="32607"/>
    <cellStyle name="Обычный 6 6 4 2 2 2 2" xfId="32608"/>
    <cellStyle name="Обычный 6 6 4 2 2 3" xfId="32609"/>
    <cellStyle name="Обычный 6 6 4 2 2 3 2" xfId="32610"/>
    <cellStyle name="Обычный 6 6 4 2 2 4" xfId="32611"/>
    <cellStyle name="Обычный 6 6 4 2 3" xfId="32612"/>
    <cellStyle name="Обычный 6 6 4 2 3 2" xfId="32613"/>
    <cellStyle name="Обычный 6 6 4 2 4" xfId="32614"/>
    <cellStyle name="Обычный 6 6 4 2 4 2" xfId="32615"/>
    <cellStyle name="Обычный 6 6 4 2 5" xfId="32616"/>
    <cellStyle name="Обычный 6 6 4 2 5 2" xfId="32617"/>
    <cellStyle name="Обычный 6 6 4 2 6" xfId="32618"/>
    <cellStyle name="Обычный 6 6 4 3" xfId="32619"/>
    <cellStyle name="Обычный 6 6 4 3 2" xfId="32620"/>
    <cellStyle name="Обычный 6 6 4 3 2 2" xfId="32621"/>
    <cellStyle name="Обычный 6 6 4 3 2 2 2" xfId="32622"/>
    <cellStyle name="Обычный 6 6 4 3 2 3" xfId="32623"/>
    <cellStyle name="Обычный 6 6 4 3 2 3 2" xfId="32624"/>
    <cellStyle name="Обычный 6 6 4 3 2 4" xfId="32625"/>
    <cellStyle name="Обычный 6 6 4 3 3" xfId="32626"/>
    <cellStyle name="Обычный 6 6 4 3 3 2" xfId="32627"/>
    <cellStyle name="Обычный 6 6 4 3 4" xfId="32628"/>
    <cellStyle name="Обычный 6 6 4 3 4 2" xfId="32629"/>
    <cellStyle name="Обычный 6 6 4 3 5" xfId="32630"/>
    <cellStyle name="Обычный 6 6 4 3 5 2" xfId="32631"/>
    <cellStyle name="Обычный 6 6 4 3 6" xfId="32632"/>
    <cellStyle name="Обычный 6 6 4 4" xfId="32633"/>
    <cellStyle name="Обычный 6 6 4 4 2" xfId="32634"/>
    <cellStyle name="Обычный 6 6 4 4 2 2" xfId="32635"/>
    <cellStyle name="Обычный 6 6 4 4 2 2 2" xfId="32636"/>
    <cellStyle name="Обычный 6 6 4 4 2 3" xfId="32637"/>
    <cellStyle name="Обычный 6 6 4 4 2 3 2" xfId="32638"/>
    <cellStyle name="Обычный 6 6 4 4 2 4" xfId="32639"/>
    <cellStyle name="Обычный 6 6 4 4 3" xfId="32640"/>
    <cellStyle name="Обычный 6 6 4 4 3 2" xfId="32641"/>
    <cellStyle name="Обычный 6 6 4 4 4" xfId="32642"/>
    <cellStyle name="Обычный 6 6 4 4 4 2" xfId="32643"/>
    <cellStyle name="Обычный 6 6 4 4 5" xfId="32644"/>
    <cellStyle name="Обычный 6 6 4 4 5 2" xfId="32645"/>
    <cellStyle name="Обычный 6 6 4 4 6" xfId="32646"/>
    <cellStyle name="Обычный 6 6 4 5" xfId="32647"/>
    <cellStyle name="Обычный 6 6 4 5 2" xfId="32648"/>
    <cellStyle name="Обычный 6 6 4 5 2 2" xfId="32649"/>
    <cellStyle name="Обычный 6 6 4 5 3" xfId="32650"/>
    <cellStyle name="Обычный 6 6 4 5 3 2" xfId="32651"/>
    <cellStyle name="Обычный 6 6 4 5 4" xfId="32652"/>
    <cellStyle name="Обычный 6 6 4 6" xfId="32653"/>
    <cellStyle name="Обычный 6 6 4 6 2" xfId="32654"/>
    <cellStyle name="Обычный 6 6 4 7" xfId="32655"/>
    <cellStyle name="Обычный 6 6 4 7 2" xfId="32656"/>
    <cellStyle name="Обычный 6 6 4 8" xfId="32657"/>
    <cellStyle name="Обычный 6 6 4 8 2" xfId="32658"/>
    <cellStyle name="Обычный 6 6 4 9" xfId="32659"/>
    <cellStyle name="Обычный 6 6 5" xfId="32660"/>
    <cellStyle name="Обычный 6 6 5 2" xfId="32661"/>
    <cellStyle name="Обычный 6 6 5 2 2" xfId="32662"/>
    <cellStyle name="Обычный 6 6 5 2 2 2" xfId="32663"/>
    <cellStyle name="Обычный 6 6 5 2 3" xfId="32664"/>
    <cellStyle name="Обычный 6 6 5 2 3 2" xfId="32665"/>
    <cellStyle name="Обычный 6 6 5 2 4" xfId="32666"/>
    <cellStyle name="Обычный 6 6 5 3" xfId="32667"/>
    <cellStyle name="Обычный 6 6 5 3 2" xfId="32668"/>
    <cellStyle name="Обычный 6 6 5 4" xfId="32669"/>
    <cellStyle name="Обычный 6 6 5 4 2" xfId="32670"/>
    <cellStyle name="Обычный 6 6 5 5" xfId="32671"/>
    <cellStyle name="Обычный 6 6 5 5 2" xfId="32672"/>
    <cellStyle name="Обычный 6 6 5 6" xfId="32673"/>
    <cellStyle name="Обычный 6 6 6" xfId="32674"/>
    <cellStyle name="Обычный 6 6 6 2" xfId="32675"/>
    <cellStyle name="Обычный 6 6 6 2 2" xfId="32676"/>
    <cellStyle name="Обычный 6 6 6 2 2 2" xfId="32677"/>
    <cellStyle name="Обычный 6 6 6 2 3" xfId="32678"/>
    <cellStyle name="Обычный 6 6 6 2 3 2" xfId="32679"/>
    <cellStyle name="Обычный 6 6 6 2 4" xfId="32680"/>
    <cellStyle name="Обычный 6 6 6 3" xfId="32681"/>
    <cellStyle name="Обычный 6 6 6 3 2" xfId="32682"/>
    <cellStyle name="Обычный 6 6 6 4" xfId="32683"/>
    <cellStyle name="Обычный 6 6 6 4 2" xfId="32684"/>
    <cellStyle name="Обычный 6 6 6 5" xfId="32685"/>
    <cellStyle name="Обычный 6 6 6 5 2" xfId="32686"/>
    <cellStyle name="Обычный 6 6 6 6" xfId="32687"/>
    <cellStyle name="Обычный 6 6 7" xfId="32688"/>
    <cellStyle name="Обычный 6 6 7 2" xfId="32689"/>
    <cellStyle name="Обычный 6 6 7 2 2" xfId="32690"/>
    <cellStyle name="Обычный 6 6 7 2 2 2" xfId="32691"/>
    <cellStyle name="Обычный 6 6 7 2 3" xfId="32692"/>
    <cellStyle name="Обычный 6 6 7 2 3 2" xfId="32693"/>
    <cellStyle name="Обычный 6 6 7 2 4" xfId="32694"/>
    <cellStyle name="Обычный 6 6 7 3" xfId="32695"/>
    <cellStyle name="Обычный 6 6 7 3 2" xfId="32696"/>
    <cellStyle name="Обычный 6 6 7 4" xfId="32697"/>
    <cellStyle name="Обычный 6 6 7 4 2" xfId="32698"/>
    <cellStyle name="Обычный 6 6 7 5" xfId="32699"/>
    <cellStyle name="Обычный 6 6 7 5 2" xfId="32700"/>
    <cellStyle name="Обычный 6 6 7 6" xfId="32701"/>
    <cellStyle name="Обычный 6 6 8" xfId="32702"/>
    <cellStyle name="Обычный 6 6 8 2" xfId="32703"/>
    <cellStyle name="Обычный 6 6 8 2 2" xfId="32704"/>
    <cellStyle name="Обычный 6 6 8 2 2 2" xfId="32705"/>
    <cellStyle name="Обычный 6 6 8 2 3" xfId="32706"/>
    <cellStyle name="Обычный 6 6 8 2 3 2" xfId="32707"/>
    <cellStyle name="Обычный 6 6 8 2 4" xfId="32708"/>
    <cellStyle name="Обычный 6 6 8 3" xfId="32709"/>
    <cellStyle name="Обычный 6 6 8 3 2" xfId="32710"/>
    <cellStyle name="Обычный 6 6 8 4" xfId="32711"/>
    <cellStyle name="Обычный 6 6 8 4 2" xfId="32712"/>
    <cellStyle name="Обычный 6 6 8 5" xfId="32713"/>
    <cellStyle name="Обычный 6 6 8 5 2" xfId="32714"/>
    <cellStyle name="Обычный 6 6 8 6" xfId="32715"/>
    <cellStyle name="Обычный 6 6 9" xfId="32716"/>
    <cellStyle name="Обычный 6 6 9 2" xfId="32717"/>
    <cellStyle name="Обычный 6 6 9 2 2" xfId="32718"/>
    <cellStyle name="Обычный 6 6 9 3" xfId="32719"/>
    <cellStyle name="Обычный 6 6 9 3 2" xfId="32720"/>
    <cellStyle name="Обычный 6 6 9 4" xfId="32721"/>
    <cellStyle name="Обычный 6 7" xfId="32722"/>
    <cellStyle name="Обычный 6 7 10" xfId="32723"/>
    <cellStyle name="Обычный 6 7 10 2" xfId="32724"/>
    <cellStyle name="Обычный 6 7 10 2 2" xfId="32725"/>
    <cellStyle name="Обычный 6 7 10 3" xfId="32726"/>
    <cellStyle name="Обычный 6 7 11" xfId="32727"/>
    <cellStyle name="Обычный 6 7 11 2" xfId="32728"/>
    <cellStyle name="Обычный 6 7 12" xfId="32729"/>
    <cellStyle name="Обычный 6 7 12 2" xfId="32730"/>
    <cellStyle name="Обычный 6 7 13" xfId="32731"/>
    <cellStyle name="Обычный 6 7 14" xfId="32732"/>
    <cellStyle name="Обычный 6 7 2" xfId="32733"/>
    <cellStyle name="Обычный 6 7 2 10" xfId="32734"/>
    <cellStyle name="Обычный 6 7 2 10 2" xfId="32735"/>
    <cellStyle name="Обычный 6 7 2 11" xfId="32736"/>
    <cellStyle name="Обычный 6 7 2 11 2" xfId="32737"/>
    <cellStyle name="Обычный 6 7 2 12" xfId="32738"/>
    <cellStyle name="Обычный 6 7 2 13" xfId="32739"/>
    <cellStyle name="Обычный 6 7 2 2" xfId="32740"/>
    <cellStyle name="Обычный 6 7 2 2 10" xfId="32741"/>
    <cellStyle name="Обычный 6 7 2 2 2" xfId="32742"/>
    <cellStyle name="Обычный 6 7 2 2 2 2" xfId="32743"/>
    <cellStyle name="Обычный 6 7 2 2 2 2 2" xfId="32744"/>
    <cellStyle name="Обычный 6 7 2 2 2 2 2 2" xfId="32745"/>
    <cellStyle name="Обычный 6 7 2 2 2 2 3" xfId="32746"/>
    <cellStyle name="Обычный 6 7 2 2 2 2 3 2" xfId="32747"/>
    <cellStyle name="Обычный 6 7 2 2 2 2 4" xfId="32748"/>
    <cellStyle name="Обычный 6 7 2 2 2 3" xfId="32749"/>
    <cellStyle name="Обычный 6 7 2 2 2 3 2" xfId="32750"/>
    <cellStyle name="Обычный 6 7 2 2 2 4" xfId="32751"/>
    <cellStyle name="Обычный 6 7 2 2 2 4 2" xfId="32752"/>
    <cellStyle name="Обычный 6 7 2 2 2 5" xfId="32753"/>
    <cellStyle name="Обычный 6 7 2 2 2 5 2" xfId="32754"/>
    <cellStyle name="Обычный 6 7 2 2 2 6" xfId="32755"/>
    <cellStyle name="Обычный 6 7 2 2 3" xfId="32756"/>
    <cellStyle name="Обычный 6 7 2 2 3 2" xfId="32757"/>
    <cellStyle name="Обычный 6 7 2 2 3 2 2" xfId="32758"/>
    <cellStyle name="Обычный 6 7 2 2 3 2 2 2" xfId="32759"/>
    <cellStyle name="Обычный 6 7 2 2 3 2 3" xfId="32760"/>
    <cellStyle name="Обычный 6 7 2 2 3 2 3 2" xfId="32761"/>
    <cellStyle name="Обычный 6 7 2 2 3 2 4" xfId="32762"/>
    <cellStyle name="Обычный 6 7 2 2 3 3" xfId="32763"/>
    <cellStyle name="Обычный 6 7 2 2 3 3 2" xfId="32764"/>
    <cellStyle name="Обычный 6 7 2 2 3 4" xfId="32765"/>
    <cellStyle name="Обычный 6 7 2 2 3 4 2" xfId="32766"/>
    <cellStyle name="Обычный 6 7 2 2 3 5" xfId="32767"/>
    <cellStyle name="Обычный 6 7 2 2 3 5 2" xfId="32768"/>
    <cellStyle name="Обычный 6 7 2 2 3 6" xfId="32769"/>
    <cellStyle name="Обычный 6 7 2 2 4" xfId="32770"/>
    <cellStyle name="Обычный 6 7 2 2 4 2" xfId="32771"/>
    <cellStyle name="Обычный 6 7 2 2 4 2 2" xfId="32772"/>
    <cellStyle name="Обычный 6 7 2 2 4 2 2 2" xfId="32773"/>
    <cellStyle name="Обычный 6 7 2 2 4 2 3" xfId="32774"/>
    <cellStyle name="Обычный 6 7 2 2 4 2 3 2" xfId="32775"/>
    <cellStyle name="Обычный 6 7 2 2 4 2 4" xfId="32776"/>
    <cellStyle name="Обычный 6 7 2 2 4 3" xfId="32777"/>
    <cellStyle name="Обычный 6 7 2 2 4 3 2" xfId="32778"/>
    <cellStyle name="Обычный 6 7 2 2 4 4" xfId="32779"/>
    <cellStyle name="Обычный 6 7 2 2 4 4 2" xfId="32780"/>
    <cellStyle name="Обычный 6 7 2 2 4 5" xfId="32781"/>
    <cellStyle name="Обычный 6 7 2 2 4 5 2" xfId="32782"/>
    <cellStyle name="Обычный 6 7 2 2 4 6" xfId="32783"/>
    <cellStyle name="Обычный 6 7 2 2 5" xfId="32784"/>
    <cellStyle name="Обычный 6 7 2 2 5 2" xfId="32785"/>
    <cellStyle name="Обычный 6 7 2 2 5 2 2" xfId="32786"/>
    <cellStyle name="Обычный 6 7 2 2 5 2 2 2" xfId="32787"/>
    <cellStyle name="Обычный 6 7 2 2 5 2 3" xfId="32788"/>
    <cellStyle name="Обычный 6 7 2 2 5 2 3 2" xfId="32789"/>
    <cellStyle name="Обычный 6 7 2 2 5 2 4" xfId="32790"/>
    <cellStyle name="Обычный 6 7 2 2 5 3" xfId="32791"/>
    <cellStyle name="Обычный 6 7 2 2 5 3 2" xfId="32792"/>
    <cellStyle name="Обычный 6 7 2 2 5 4" xfId="32793"/>
    <cellStyle name="Обычный 6 7 2 2 5 4 2" xfId="32794"/>
    <cellStyle name="Обычный 6 7 2 2 5 5" xfId="32795"/>
    <cellStyle name="Обычный 6 7 2 2 5 5 2" xfId="32796"/>
    <cellStyle name="Обычный 6 7 2 2 5 6" xfId="32797"/>
    <cellStyle name="Обычный 6 7 2 2 6" xfId="32798"/>
    <cellStyle name="Обычный 6 7 2 2 6 2" xfId="32799"/>
    <cellStyle name="Обычный 6 7 2 2 6 2 2" xfId="32800"/>
    <cellStyle name="Обычный 6 7 2 2 6 3" xfId="32801"/>
    <cellStyle name="Обычный 6 7 2 2 6 3 2" xfId="32802"/>
    <cellStyle name="Обычный 6 7 2 2 6 4" xfId="32803"/>
    <cellStyle name="Обычный 6 7 2 2 7" xfId="32804"/>
    <cellStyle name="Обычный 6 7 2 2 7 2" xfId="32805"/>
    <cellStyle name="Обычный 6 7 2 2 8" xfId="32806"/>
    <cellStyle name="Обычный 6 7 2 2 8 2" xfId="32807"/>
    <cellStyle name="Обычный 6 7 2 2 9" xfId="32808"/>
    <cellStyle name="Обычный 6 7 2 2 9 2" xfId="32809"/>
    <cellStyle name="Обычный 6 7 2 3" xfId="32810"/>
    <cellStyle name="Обычный 6 7 2 3 2" xfId="32811"/>
    <cellStyle name="Обычный 6 7 2 3 2 2" xfId="32812"/>
    <cellStyle name="Обычный 6 7 2 3 2 2 2" xfId="32813"/>
    <cellStyle name="Обычный 6 7 2 3 2 2 2 2" xfId="32814"/>
    <cellStyle name="Обычный 6 7 2 3 2 2 3" xfId="32815"/>
    <cellStyle name="Обычный 6 7 2 3 2 2 3 2" xfId="32816"/>
    <cellStyle name="Обычный 6 7 2 3 2 2 4" xfId="32817"/>
    <cellStyle name="Обычный 6 7 2 3 2 3" xfId="32818"/>
    <cellStyle name="Обычный 6 7 2 3 2 3 2" xfId="32819"/>
    <cellStyle name="Обычный 6 7 2 3 2 4" xfId="32820"/>
    <cellStyle name="Обычный 6 7 2 3 2 4 2" xfId="32821"/>
    <cellStyle name="Обычный 6 7 2 3 2 5" xfId="32822"/>
    <cellStyle name="Обычный 6 7 2 3 2 5 2" xfId="32823"/>
    <cellStyle name="Обычный 6 7 2 3 2 6" xfId="32824"/>
    <cellStyle name="Обычный 6 7 2 3 3" xfId="32825"/>
    <cellStyle name="Обычный 6 7 2 3 3 2" xfId="32826"/>
    <cellStyle name="Обычный 6 7 2 3 3 2 2" xfId="32827"/>
    <cellStyle name="Обычный 6 7 2 3 3 2 2 2" xfId="32828"/>
    <cellStyle name="Обычный 6 7 2 3 3 2 3" xfId="32829"/>
    <cellStyle name="Обычный 6 7 2 3 3 2 3 2" xfId="32830"/>
    <cellStyle name="Обычный 6 7 2 3 3 2 4" xfId="32831"/>
    <cellStyle name="Обычный 6 7 2 3 3 3" xfId="32832"/>
    <cellStyle name="Обычный 6 7 2 3 3 3 2" xfId="32833"/>
    <cellStyle name="Обычный 6 7 2 3 3 4" xfId="32834"/>
    <cellStyle name="Обычный 6 7 2 3 3 4 2" xfId="32835"/>
    <cellStyle name="Обычный 6 7 2 3 3 5" xfId="32836"/>
    <cellStyle name="Обычный 6 7 2 3 3 5 2" xfId="32837"/>
    <cellStyle name="Обычный 6 7 2 3 3 6" xfId="32838"/>
    <cellStyle name="Обычный 6 7 2 3 4" xfId="32839"/>
    <cellStyle name="Обычный 6 7 2 3 4 2" xfId="32840"/>
    <cellStyle name="Обычный 6 7 2 3 4 2 2" xfId="32841"/>
    <cellStyle name="Обычный 6 7 2 3 4 2 2 2" xfId="32842"/>
    <cellStyle name="Обычный 6 7 2 3 4 2 3" xfId="32843"/>
    <cellStyle name="Обычный 6 7 2 3 4 2 3 2" xfId="32844"/>
    <cellStyle name="Обычный 6 7 2 3 4 2 4" xfId="32845"/>
    <cellStyle name="Обычный 6 7 2 3 4 3" xfId="32846"/>
    <cellStyle name="Обычный 6 7 2 3 4 3 2" xfId="32847"/>
    <cellStyle name="Обычный 6 7 2 3 4 4" xfId="32848"/>
    <cellStyle name="Обычный 6 7 2 3 4 4 2" xfId="32849"/>
    <cellStyle name="Обычный 6 7 2 3 4 5" xfId="32850"/>
    <cellStyle name="Обычный 6 7 2 3 4 5 2" xfId="32851"/>
    <cellStyle name="Обычный 6 7 2 3 4 6" xfId="32852"/>
    <cellStyle name="Обычный 6 7 2 3 5" xfId="32853"/>
    <cellStyle name="Обычный 6 7 2 3 5 2" xfId="32854"/>
    <cellStyle name="Обычный 6 7 2 3 5 2 2" xfId="32855"/>
    <cellStyle name="Обычный 6 7 2 3 5 3" xfId="32856"/>
    <cellStyle name="Обычный 6 7 2 3 5 3 2" xfId="32857"/>
    <cellStyle name="Обычный 6 7 2 3 5 4" xfId="32858"/>
    <cellStyle name="Обычный 6 7 2 3 6" xfId="32859"/>
    <cellStyle name="Обычный 6 7 2 3 6 2" xfId="32860"/>
    <cellStyle name="Обычный 6 7 2 3 7" xfId="32861"/>
    <cellStyle name="Обычный 6 7 2 3 7 2" xfId="32862"/>
    <cellStyle name="Обычный 6 7 2 3 8" xfId="32863"/>
    <cellStyle name="Обычный 6 7 2 3 8 2" xfId="32864"/>
    <cellStyle name="Обычный 6 7 2 3 9" xfId="32865"/>
    <cellStyle name="Обычный 6 7 2 4" xfId="32866"/>
    <cellStyle name="Обычный 6 7 2 4 2" xfId="32867"/>
    <cellStyle name="Обычный 6 7 2 4 2 2" xfId="32868"/>
    <cellStyle name="Обычный 6 7 2 4 2 2 2" xfId="32869"/>
    <cellStyle name="Обычный 6 7 2 4 2 3" xfId="32870"/>
    <cellStyle name="Обычный 6 7 2 4 2 3 2" xfId="32871"/>
    <cellStyle name="Обычный 6 7 2 4 2 4" xfId="32872"/>
    <cellStyle name="Обычный 6 7 2 4 3" xfId="32873"/>
    <cellStyle name="Обычный 6 7 2 4 3 2" xfId="32874"/>
    <cellStyle name="Обычный 6 7 2 4 4" xfId="32875"/>
    <cellStyle name="Обычный 6 7 2 4 4 2" xfId="32876"/>
    <cellStyle name="Обычный 6 7 2 4 5" xfId="32877"/>
    <cellStyle name="Обычный 6 7 2 4 5 2" xfId="32878"/>
    <cellStyle name="Обычный 6 7 2 4 6" xfId="32879"/>
    <cellStyle name="Обычный 6 7 2 5" xfId="32880"/>
    <cellStyle name="Обычный 6 7 2 5 2" xfId="32881"/>
    <cellStyle name="Обычный 6 7 2 5 2 2" xfId="32882"/>
    <cellStyle name="Обычный 6 7 2 5 2 2 2" xfId="32883"/>
    <cellStyle name="Обычный 6 7 2 5 2 3" xfId="32884"/>
    <cellStyle name="Обычный 6 7 2 5 2 3 2" xfId="32885"/>
    <cellStyle name="Обычный 6 7 2 5 2 4" xfId="32886"/>
    <cellStyle name="Обычный 6 7 2 5 3" xfId="32887"/>
    <cellStyle name="Обычный 6 7 2 5 3 2" xfId="32888"/>
    <cellStyle name="Обычный 6 7 2 5 4" xfId="32889"/>
    <cellStyle name="Обычный 6 7 2 5 4 2" xfId="32890"/>
    <cellStyle name="Обычный 6 7 2 5 5" xfId="32891"/>
    <cellStyle name="Обычный 6 7 2 5 5 2" xfId="32892"/>
    <cellStyle name="Обычный 6 7 2 5 6" xfId="32893"/>
    <cellStyle name="Обычный 6 7 2 6" xfId="32894"/>
    <cellStyle name="Обычный 6 7 2 6 2" xfId="32895"/>
    <cellStyle name="Обычный 6 7 2 6 2 2" xfId="32896"/>
    <cellStyle name="Обычный 6 7 2 6 2 2 2" xfId="32897"/>
    <cellStyle name="Обычный 6 7 2 6 2 3" xfId="32898"/>
    <cellStyle name="Обычный 6 7 2 6 2 3 2" xfId="32899"/>
    <cellStyle name="Обычный 6 7 2 6 2 4" xfId="32900"/>
    <cellStyle name="Обычный 6 7 2 6 3" xfId="32901"/>
    <cellStyle name="Обычный 6 7 2 6 3 2" xfId="32902"/>
    <cellStyle name="Обычный 6 7 2 6 4" xfId="32903"/>
    <cellStyle name="Обычный 6 7 2 6 4 2" xfId="32904"/>
    <cellStyle name="Обычный 6 7 2 6 5" xfId="32905"/>
    <cellStyle name="Обычный 6 7 2 6 5 2" xfId="32906"/>
    <cellStyle name="Обычный 6 7 2 6 6" xfId="32907"/>
    <cellStyle name="Обычный 6 7 2 7" xfId="32908"/>
    <cellStyle name="Обычный 6 7 2 7 2" xfId="32909"/>
    <cellStyle name="Обычный 6 7 2 7 2 2" xfId="32910"/>
    <cellStyle name="Обычный 6 7 2 7 2 2 2" xfId="32911"/>
    <cellStyle name="Обычный 6 7 2 7 2 3" xfId="32912"/>
    <cellStyle name="Обычный 6 7 2 7 2 3 2" xfId="32913"/>
    <cellStyle name="Обычный 6 7 2 7 2 4" xfId="32914"/>
    <cellStyle name="Обычный 6 7 2 7 3" xfId="32915"/>
    <cellStyle name="Обычный 6 7 2 7 3 2" xfId="32916"/>
    <cellStyle name="Обычный 6 7 2 7 4" xfId="32917"/>
    <cellStyle name="Обычный 6 7 2 7 4 2" xfId="32918"/>
    <cellStyle name="Обычный 6 7 2 7 5" xfId="32919"/>
    <cellStyle name="Обычный 6 7 2 7 5 2" xfId="32920"/>
    <cellStyle name="Обычный 6 7 2 7 6" xfId="32921"/>
    <cellStyle name="Обычный 6 7 2 8" xfId="32922"/>
    <cellStyle name="Обычный 6 7 2 8 2" xfId="32923"/>
    <cellStyle name="Обычный 6 7 2 8 2 2" xfId="32924"/>
    <cellStyle name="Обычный 6 7 2 8 3" xfId="32925"/>
    <cellStyle name="Обычный 6 7 2 8 3 2" xfId="32926"/>
    <cellStyle name="Обычный 6 7 2 8 4" xfId="32927"/>
    <cellStyle name="Обычный 6 7 2 9" xfId="32928"/>
    <cellStyle name="Обычный 6 7 2 9 2" xfId="32929"/>
    <cellStyle name="Обычный 6 7 2 9 2 2" xfId="32930"/>
    <cellStyle name="Обычный 6 7 2 9 3" xfId="32931"/>
    <cellStyle name="Обычный 6 7 3" xfId="32932"/>
    <cellStyle name="Обычный 6 7 3 10" xfId="32933"/>
    <cellStyle name="Обычный 6 7 3 2" xfId="32934"/>
    <cellStyle name="Обычный 6 7 3 2 2" xfId="32935"/>
    <cellStyle name="Обычный 6 7 3 2 2 2" xfId="32936"/>
    <cellStyle name="Обычный 6 7 3 2 2 2 2" xfId="32937"/>
    <cellStyle name="Обычный 6 7 3 2 2 3" xfId="32938"/>
    <cellStyle name="Обычный 6 7 3 2 2 3 2" xfId="32939"/>
    <cellStyle name="Обычный 6 7 3 2 2 4" xfId="32940"/>
    <cellStyle name="Обычный 6 7 3 2 3" xfId="32941"/>
    <cellStyle name="Обычный 6 7 3 2 3 2" xfId="32942"/>
    <cellStyle name="Обычный 6 7 3 2 4" xfId="32943"/>
    <cellStyle name="Обычный 6 7 3 2 4 2" xfId="32944"/>
    <cellStyle name="Обычный 6 7 3 2 5" xfId="32945"/>
    <cellStyle name="Обычный 6 7 3 2 5 2" xfId="32946"/>
    <cellStyle name="Обычный 6 7 3 2 6" xfId="32947"/>
    <cellStyle name="Обычный 6 7 3 3" xfId="32948"/>
    <cellStyle name="Обычный 6 7 3 3 2" xfId="32949"/>
    <cellStyle name="Обычный 6 7 3 3 2 2" xfId="32950"/>
    <cellStyle name="Обычный 6 7 3 3 2 2 2" xfId="32951"/>
    <cellStyle name="Обычный 6 7 3 3 2 3" xfId="32952"/>
    <cellStyle name="Обычный 6 7 3 3 2 3 2" xfId="32953"/>
    <cellStyle name="Обычный 6 7 3 3 2 4" xfId="32954"/>
    <cellStyle name="Обычный 6 7 3 3 3" xfId="32955"/>
    <cellStyle name="Обычный 6 7 3 3 3 2" xfId="32956"/>
    <cellStyle name="Обычный 6 7 3 3 4" xfId="32957"/>
    <cellStyle name="Обычный 6 7 3 3 4 2" xfId="32958"/>
    <cellStyle name="Обычный 6 7 3 3 5" xfId="32959"/>
    <cellStyle name="Обычный 6 7 3 3 5 2" xfId="32960"/>
    <cellStyle name="Обычный 6 7 3 3 6" xfId="32961"/>
    <cellStyle name="Обычный 6 7 3 4" xfId="32962"/>
    <cellStyle name="Обычный 6 7 3 4 2" xfId="32963"/>
    <cellStyle name="Обычный 6 7 3 4 2 2" xfId="32964"/>
    <cellStyle name="Обычный 6 7 3 4 2 2 2" xfId="32965"/>
    <cellStyle name="Обычный 6 7 3 4 2 3" xfId="32966"/>
    <cellStyle name="Обычный 6 7 3 4 2 3 2" xfId="32967"/>
    <cellStyle name="Обычный 6 7 3 4 2 4" xfId="32968"/>
    <cellStyle name="Обычный 6 7 3 4 3" xfId="32969"/>
    <cellStyle name="Обычный 6 7 3 4 3 2" xfId="32970"/>
    <cellStyle name="Обычный 6 7 3 4 4" xfId="32971"/>
    <cellStyle name="Обычный 6 7 3 4 4 2" xfId="32972"/>
    <cellStyle name="Обычный 6 7 3 4 5" xfId="32973"/>
    <cellStyle name="Обычный 6 7 3 4 5 2" xfId="32974"/>
    <cellStyle name="Обычный 6 7 3 4 6" xfId="32975"/>
    <cellStyle name="Обычный 6 7 3 5" xfId="32976"/>
    <cellStyle name="Обычный 6 7 3 5 2" xfId="32977"/>
    <cellStyle name="Обычный 6 7 3 5 2 2" xfId="32978"/>
    <cellStyle name="Обычный 6 7 3 5 2 2 2" xfId="32979"/>
    <cellStyle name="Обычный 6 7 3 5 2 3" xfId="32980"/>
    <cellStyle name="Обычный 6 7 3 5 2 3 2" xfId="32981"/>
    <cellStyle name="Обычный 6 7 3 5 2 4" xfId="32982"/>
    <cellStyle name="Обычный 6 7 3 5 3" xfId="32983"/>
    <cellStyle name="Обычный 6 7 3 5 3 2" xfId="32984"/>
    <cellStyle name="Обычный 6 7 3 5 4" xfId="32985"/>
    <cellStyle name="Обычный 6 7 3 5 4 2" xfId="32986"/>
    <cellStyle name="Обычный 6 7 3 5 5" xfId="32987"/>
    <cellStyle name="Обычный 6 7 3 5 5 2" xfId="32988"/>
    <cellStyle name="Обычный 6 7 3 5 6" xfId="32989"/>
    <cellStyle name="Обычный 6 7 3 6" xfId="32990"/>
    <cellStyle name="Обычный 6 7 3 6 2" xfId="32991"/>
    <cellStyle name="Обычный 6 7 3 6 2 2" xfId="32992"/>
    <cellStyle name="Обычный 6 7 3 6 3" xfId="32993"/>
    <cellStyle name="Обычный 6 7 3 6 3 2" xfId="32994"/>
    <cellStyle name="Обычный 6 7 3 6 4" xfId="32995"/>
    <cellStyle name="Обычный 6 7 3 7" xfId="32996"/>
    <cellStyle name="Обычный 6 7 3 7 2" xfId="32997"/>
    <cellStyle name="Обычный 6 7 3 8" xfId="32998"/>
    <cellStyle name="Обычный 6 7 3 8 2" xfId="32999"/>
    <cellStyle name="Обычный 6 7 3 9" xfId="33000"/>
    <cellStyle name="Обычный 6 7 3 9 2" xfId="33001"/>
    <cellStyle name="Обычный 6 7 4" xfId="33002"/>
    <cellStyle name="Обычный 6 7 4 2" xfId="33003"/>
    <cellStyle name="Обычный 6 7 4 2 2" xfId="33004"/>
    <cellStyle name="Обычный 6 7 4 2 2 2" xfId="33005"/>
    <cellStyle name="Обычный 6 7 4 2 2 2 2" xfId="33006"/>
    <cellStyle name="Обычный 6 7 4 2 2 3" xfId="33007"/>
    <cellStyle name="Обычный 6 7 4 2 2 3 2" xfId="33008"/>
    <cellStyle name="Обычный 6 7 4 2 2 4" xfId="33009"/>
    <cellStyle name="Обычный 6 7 4 2 3" xfId="33010"/>
    <cellStyle name="Обычный 6 7 4 2 3 2" xfId="33011"/>
    <cellStyle name="Обычный 6 7 4 2 4" xfId="33012"/>
    <cellStyle name="Обычный 6 7 4 2 4 2" xfId="33013"/>
    <cellStyle name="Обычный 6 7 4 2 5" xfId="33014"/>
    <cellStyle name="Обычный 6 7 4 2 5 2" xfId="33015"/>
    <cellStyle name="Обычный 6 7 4 2 6" xfId="33016"/>
    <cellStyle name="Обычный 6 7 4 3" xfId="33017"/>
    <cellStyle name="Обычный 6 7 4 3 2" xfId="33018"/>
    <cellStyle name="Обычный 6 7 4 3 2 2" xfId="33019"/>
    <cellStyle name="Обычный 6 7 4 3 2 2 2" xfId="33020"/>
    <cellStyle name="Обычный 6 7 4 3 2 3" xfId="33021"/>
    <cellStyle name="Обычный 6 7 4 3 2 3 2" xfId="33022"/>
    <cellStyle name="Обычный 6 7 4 3 2 4" xfId="33023"/>
    <cellStyle name="Обычный 6 7 4 3 3" xfId="33024"/>
    <cellStyle name="Обычный 6 7 4 3 3 2" xfId="33025"/>
    <cellStyle name="Обычный 6 7 4 3 4" xfId="33026"/>
    <cellStyle name="Обычный 6 7 4 3 4 2" xfId="33027"/>
    <cellStyle name="Обычный 6 7 4 3 5" xfId="33028"/>
    <cellStyle name="Обычный 6 7 4 3 5 2" xfId="33029"/>
    <cellStyle name="Обычный 6 7 4 3 6" xfId="33030"/>
    <cellStyle name="Обычный 6 7 4 4" xfId="33031"/>
    <cellStyle name="Обычный 6 7 4 4 2" xfId="33032"/>
    <cellStyle name="Обычный 6 7 4 4 2 2" xfId="33033"/>
    <cellStyle name="Обычный 6 7 4 4 2 2 2" xfId="33034"/>
    <cellStyle name="Обычный 6 7 4 4 2 3" xfId="33035"/>
    <cellStyle name="Обычный 6 7 4 4 2 3 2" xfId="33036"/>
    <cellStyle name="Обычный 6 7 4 4 2 4" xfId="33037"/>
    <cellStyle name="Обычный 6 7 4 4 3" xfId="33038"/>
    <cellStyle name="Обычный 6 7 4 4 3 2" xfId="33039"/>
    <cellStyle name="Обычный 6 7 4 4 4" xfId="33040"/>
    <cellStyle name="Обычный 6 7 4 4 4 2" xfId="33041"/>
    <cellStyle name="Обычный 6 7 4 4 5" xfId="33042"/>
    <cellStyle name="Обычный 6 7 4 4 5 2" xfId="33043"/>
    <cellStyle name="Обычный 6 7 4 4 6" xfId="33044"/>
    <cellStyle name="Обычный 6 7 4 5" xfId="33045"/>
    <cellStyle name="Обычный 6 7 4 5 2" xfId="33046"/>
    <cellStyle name="Обычный 6 7 4 5 2 2" xfId="33047"/>
    <cellStyle name="Обычный 6 7 4 5 3" xfId="33048"/>
    <cellStyle name="Обычный 6 7 4 5 3 2" xfId="33049"/>
    <cellStyle name="Обычный 6 7 4 5 4" xfId="33050"/>
    <cellStyle name="Обычный 6 7 4 6" xfId="33051"/>
    <cellStyle name="Обычный 6 7 4 6 2" xfId="33052"/>
    <cellStyle name="Обычный 6 7 4 7" xfId="33053"/>
    <cellStyle name="Обычный 6 7 4 7 2" xfId="33054"/>
    <cellStyle name="Обычный 6 7 4 8" xfId="33055"/>
    <cellStyle name="Обычный 6 7 4 8 2" xfId="33056"/>
    <cellStyle name="Обычный 6 7 4 9" xfId="33057"/>
    <cellStyle name="Обычный 6 7 5" xfId="33058"/>
    <cellStyle name="Обычный 6 7 5 2" xfId="33059"/>
    <cellStyle name="Обычный 6 7 5 2 2" xfId="33060"/>
    <cellStyle name="Обычный 6 7 5 2 2 2" xfId="33061"/>
    <cellStyle name="Обычный 6 7 5 2 3" xfId="33062"/>
    <cellStyle name="Обычный 6 7 5 2 3 2" xfId="33063"/>
    <cellStyle name="Обычный 6 7 5 2 4" xfId="33064"/>
    <cellStyle name="Обычный 6 7 5 3" xfId="33065"/>
    <cellStyle name="Обычный 6 7 5 3 2" xfId="33066"/>
    <cellStyle name="Обычный 6 7 5 4" xfId="33067"/>
    <cellStyle name="Обычный 6 7 5 4 2" xfId="33068"/>
    <cellStyle name="Обычный 6 7 5 5" xfId="33069"/>
    <cellStyle name="Обычный 6 7 5 5 2" xfId="33070"/>
    <cellStyle name="Обычный 6 7 5 6" xfId="33071"/>
    <cellStyle name="Обычный 6 7 6" xfId="33072"/>
    <cellStyle name="Обычный 6 7 6 2" xfId="33073"/>
    <cellStyle name="Обычный 6 7 6 2 2" xfId="33074"/>
    <cellStyle name="Обычный 6 7 6 2 2 2" xfId="33075"/>
    <cellStyle name="Обычный 6 7 6 2 3" xfId="33076"/>
    <cellStyle name="Обычный 6 7 6 2 3 2" xfId="33077"/>
    <cellStyle name="Обычный 6 7 6 2 4" xfId="33078"/>
    <cellStyle name="Обычный 6 7 6 3" xfId="33079"/>
    <cellStyle name="Обычный 6 7 6 3 2" xfId="33080"/>
    <cellStyle name="Обычный 6 7 6 4" xfId="33081"/>
    <cellStyle name="Обычный 6 7 6 4 2" xfId="33082"/>
    <cellStyle name="Обычный 6 7 6 5" xfId="33083"/>
    <cellStyle name="Обычный 6 7 6 5 2" xfId="33084"/>
    <cellStyle name="Обычный 6 7 6 6" xfId="33085"/>
    <cellStyle name="Обычный 6 7 7" xfId="33086"/>
    <cellStyle name="Обычный 6 7 7 2" xfId="33087"/>
    <cellStyle name="Обычный 6 7 7 2 2" xfId="33088"/>
    <cellStyle name="Обычный 6 7 7 2 2 2" xfId="33089"/>
    <cellStyle name="Обычный 6 7 7 2 3" xfId="33090"/>
    <cellStyle name="Обычный 6 7 7 2 3 2" xfId="33091"/>
    <cellStyle name="Обычный 6 7 7 2 4" xfId="33092"/>
    <cellStyle name="Обычный 6 7 7 3" xfId="33093"/>
    <cellStyle name="Обычный 6 7 7 3 2" xfId="33094"/>
    <cellStyle name="Обычный 6 7 7 4" xfId="33095"/>
    <cellStyle name="Обычный 6 7 7 4 2" xfId="33096"/>
    <cellStyle name="Обычный 6 7 7 5" xfId="33097"/>
    <cellStyle name="Обычный 6 7 7 5 2" xfId="33098"/>
    <cellStyle name="Обычный 6 7 7 6" xfId="33099"/>
    <cellStyle name="Обычный 6 7 8" xfId="33100"/>
    <cellStyle name="Обычный 6 7 8 2" xfId="33101"/>
    <cellStyle name="Обычный 6 7 8 2 2" xfId="33102"/>
    <cellStyle name="Обычный 6 7 8 2 2 2" xfId="33103"/>
    <cellStyle name="Обычный 6 7 8 2 3" xfId="33104"/>
    <cellStyle name="Обычный 6 7 8 2 3 2" xfId="33105"/>
    <cellStyle name="Обычный 6 7 8 2 4" xfId="33106"/>
    <cellStyle name="Обычный 6 7 8 3" xfId="33107"/>
    <cellStyle name="Обычный 6 7 8 3 2" xfId="33108"/>
    <cellStyle name="Обычный 6 7 8 4" xfId="33109"/>
    <cellStyle name="Обычный 6 7 8 4 2" xfId="33110"/>
    <cellStyle name="Обычный 6 7 8 5" xfId="33111"/>
    <cellStyle name="Обычный 6 7 8 5 2" xfId="33112"/>
    <cellStyle name="Обычный 6 7 8 6" xfId="33113"/>
    <cellStyle name="Обычный 6 7 9" xfId="33114"/>
    <cellStyle name="Обычный 6 7 9 2" xfId="33115"/>
    <cellStyle name="Обычный 6 7 9 2 2" xfId="33116"/>
    <cellStyle name="Обычный 6 7 9 3" xfId="33117"/>
    <cellStyle name="Обычный 6 7 9 3 2" xfId="33118"/>
    <cellStyle name="Обычный 6 7 9 4" xfId="33119"/>
    <cellStyle name="Обычный 6 8" xfId="33120"/>
    <cellStyle name="Обычный 6 8 10" xfId="33121"/>
    <cellStyle name="Обычный 6 8 10 2" xfId="33122"/>
    <cellStyle name="Обычный 6 8 10 2 2" xfId="33123"/>
    <cellStyle name="Обычный 6 8 10 3" xfId="33124"/>
    <cellStyle name="Обычный 6 8 11" xfId="33125"/>
    <cellStyle name="Обычный 6 8 11 2" xfId="33126"/>
    <cellStyle name="Обычный 6 8 12" xfId="33127"/>
    <cellStyle name="Обычный 6 8 12 2" xfId="33128"/>
    <cellStyle name="Обычный 6 8 13" xfId="33129"/>
    <cellStyle name="Обычный 6 8 14" xfId="33130"/>
    <cellStyle name="Обычный 6 8 2" xfId="33131"/>
    <cellStyle name="Обычный 6 8 2 10" xfId="33132"/>
    <cellStyle name="Обычный 6 8 2 10 2" xfId="33133"/>
    <cellStyle name="Обычный 6 8 2 11" xfId="33134"/>
    <cellStyle name="Обычный 6 8 2 11 2" xfId="33135"/>
    <cellStyle name="Обычный 6 8 2 12" xfId="33136"/>
    <cellStyle name="Обычный 6 8 2 13" xfId="33137"/>
    <cellStyle name="Обычный 6 8 2 2" xfId="33138"/>
    <cellStyle name="Обычный 6 8 2 2 10" xfId="33139"/>
    <cellStyle name="Обычный 6 8 2 2 2" xfId="33140"/>
    <cellStyle name="Обычный 6 8 2 2 2 2" xfId="33141"/>
    <cellStyle name="Обычный 6 8 2 2 2 2 2" xfId="33142"/>
    <cellStyle name="Обычный 6 8 2 2 2 2 2 2" xfId="33143"/>
    <cellStyle name="Обычный 6 8 2 2 2 2 3" xfId="33144"/>
    <cellStyle name="Обычный 6 8 2 2 2 2 3 2" xfId="33145"/>
    <cellStyle name="Обычный 6 8 2 2 2 2 4" xfId="33146"/>
    <cellStyle name="Обычный 6 8 2 2 2 3" xfId="33147"/>
    <cellStyle name="Обычный 6 8 2 2 2 3 2" xfId="33148"/>
    <cellStyle name="Обычный 6 8 2 2 2 4" xfId="33149"/>
    <cellStyle name="Обычный 6 8 2 2 2 4 2" xfId="33150"/>
    <cellStyle name="Обычный 6 8 2 2 2 5" xfId="33151"/>
    <cellStyle name="Обычный 6 8 2 2 2 5 2" xfId="33152"/>
    <cellStyle name="Обычный 6 8 2 2 2 6" xfId="33153"/>
    <cellStyle name="Обычный 6 8 2 2 3" xfId="33154"/>
    <cellStyle name="Обычный 6 8 2 2 3 2" xfId="33155"/>
    <cellStyle name="Обычный 6 8 2 2 3 2 2" xfId="33156"/>
    <cellStyle name="Обычный 6 8 2 2 3 2 2 2" xfId="33157"/>
    <cellStyle name="Обычный 6 8 2 2 3 2 3" xfId="33158"/>
    <cellStyle name="Обычный 6 8 2 2 3 2 3 2" xfId="33159"/>
    <cellStyle name="Обычный 6 8 2 2 3 2 4" xfId="33160"/>
    <cellStyle name="Обычный 6 8 2 2 3 3" xfId="33161"/>
    <cellStyle name="Обычный 6 8 2 2 3 3 2" xfId="33162"/>
    <cellStyle name="Обычный 6 8 2 2 3 4" xfId="33163"/>
    <cellStyle name="Обычный 6 8 2 2 3 4 2" xfId="33164"/>
    <cellStyle name="Обычный 6 8 2 2 3 5" xfId="33165"/>
    <cellStyle name="Обычный 6 8 2 2 3 5 2" xfId="33166"/>
    <cellStyle name="Обычный 6 8 2 2 3 6" xfId="33167"/>
    <cellStyle name="Обычный 6 8 2 2 4" xfId="33168"/>
    <cellStyle name="Обычный 6 8 2 2 4 2" xfId="33169"/>
    <cellStyle name="Обычный 6 8 2 2 4 2 2" xfId="33170"/>
    <cellStyle name="Обычный 6 8 2 2 4 2 2 2" xfId="33171"/>
    <cellStyle name="Обычный 6 8 2 2 4 2 3" xfId="33172"/>
    <cellStyle name="Обычный 6 8 2 2 4 2 3 2" xfId="33173"/>
    <cellStyle name="Обычный 6 8 2 2 4 2 4" xfId="33174"/>
    <cellStyle name="Обычный 6 8 2 2 4 3" xfId="33175"/>
    <cellStyle name="Обычный 6 8 2 2 4 3 2" xfId="33176"/>
    <cellStyle name="Обычный 6 8 2 2 4 4" xfId="33177"/>
    <cellStyle name="Обычный 6 8 2 2 4 4 2" xfId="33178"/>
    <cellStyle name="Обычный 6 8 2 2 4 5" xfId="33179"/>
    <cellStyle name="Обычный 6 8 2 2 4 5 2" xfId="33180"/>
    <cellStyle name="Обычный 6 8 2 2 4 6" xfId="33181"/>
    <cellStyle name="Обычный 6 8 2 2 5" xfId="33182"/>
    <cellStyle name="Обычный 6 8 2 2 5 2" xfId="33183"/>
    <cellStyle name="Обычный 6 8 2 2 5 2 2" xfId="33184"/>
    <cellStyle name="Обычный 6 8 2 2 5 2 2 2" xfId="33185"/>
    <cellStyle name="Обычный 6 8 2 2 5 2 3" xfId="33186"/>
    <cellStyle name="Обычный 6 8 2 2 5 2 3 2" xfId="33187"/>
    <cellStyle name="Обычный 6 8 2 2 5 2 4" xfId="33188"/>
    <cellStyle name="Обычный 6 8 2 2 5 3" xfId="33189"/>
    <cellStyle name="Обычный 6 8 2 2 5 3 2" xfId="33190"/>
    <cellStyle name="Обычный 6 8 2 2 5 4" xfId="33191"/>
    <cellStyle name="Обычный 6 8 2 2 5 4 2" xfId="33192"/>
    <cellStyle name="Обычный 6 8 2 2 5 5" xfId="33193"/>
    <cellStyle name="Обычный 6 8 2 2 5 5 2" xfId="33194"/>
    <cellStyle name="Обычный 6 8 2 2 5 6" xfId="33195"/>
    <cellStyle name="Обычный 6 8 2 2 6" xfId="33196"/>
    <cellStyle name="Обычный 6 8 2 2 6 2" xfId="33197"/>
    <cellStyle name="Обычный 6 8 2 2 6 2 2" xfId="33198"/>
    <cellStyle name="Обычный 6 8 2 2 6 3" xfId="33199"/>
    <cellStyle name="Обычный 6 8 2 2 6 3 2" xfId="33200"/>
    <cellStyle name="Обычный 6 8 2 2 6 4" xfId="33201"/>
    <cellStyle name="Обычный 6 8 2 2 7" xfId="33202"/>
    <cellStyle name="Обычный 6 8 2 2 7 2" xfId="33203"/>
    <cellStyle name="Обычный 6 8 2 2 8" xfId="33204"/>
    <cellStyle name="Обычный 6 8 2 2 8 2" xfId="33205"/>
    <cellStyle name="Обычный 6 8 2 2 9" xfId="33206"/>
    <cellStyle name="Обычный 6 8 2 2 9 2" xfId="33207"/>
    <cellStyle name="Обычный 6 8 2 3" xfId="33208"/>
    <cellStyle name="Обычный 6 8 2 3 2" xfId="33209"/>
    <cellStyle name="Обычный 6 8 2 3 2 2" xfId="33210"/>
    <cellStyle name="Обычный 6 8 2 3 2 2 2" xfId="33211"/>
    <cellStyle name="Обычный 6 8 2 3 2 2 2 2" xfId="33212"/>
    <cellStyle name="Обычный 6 8 2 3 2 2 3" xfId="33213"/>
    <cellStyle name="Обычный 6 8 2 3 2 2 3 2" xfId="33214"/>
    <cellStyle name="Обычный 6 8 2 3 2 2 4" xfId="33215"/>
    <cellStyle name="Обычный 6 8 2 3 2 3" xfId="33216"/>
    <cellStyle name="Обычный 6 8 2 3 2 3 2" xfId="33217"/>
    <cellStyle name="Обычный 6 8 2 3 2 4" xfId="33218"/>
    <cellStyle name="Обычный 6 8 2 3 2 4 2" xfId="33219"/>
    <cellStyle name="Обычный 6 8 2 3 2 5" xfId="33220"/>
    <cellStyle name="Обычный 6 8 2 3 2 5 2" xfId="33221"/>
    <cellStyle name="Обычный 6 8 2 3 2 6" xfId="33222"/>
    <cellStyle name="Обычный 6 8 2 3 3" xfId="33223"/>
    <cellStyle name="Обычный 6 8 2 3 3 2" xfId="33224"/>
    <cellStyle name="Обычный 6 8 2 3 3 2 2" xfId="33225"/>
    <cellStyle name="Обычный 6 8 2 3 3 2 2 2" xfId="33226"/>
    <cellStyle name="Обычный 6 8 2 3 3 2 3" xfId="33227"/>
    <cellStyle name="Обычный 6 8 2 3 3 2 3 2" xfId="33228"/>
    <cellStyle name="Обычный 6 8 2 3 3 2 4" xfId="33229"/>
    <cellStyle name="Обычный 6 8 2 3 3 3" xfId="33230"/>
    <cellStyle name="Обычный 6 8 2 3 3 3 2" xfId="33231"/>
    <cellStyle name="Обычный 6 8 2 3 3 4" xfId="33232"/>
    <cellStyle name="Обычный 6 8 2 3 3 4 2" xfId="33233"/>
    <cellStyle name="Обычный 6 8 2 3 3 5" xfId="33234"/>
    <cellStyle name="Обычный 6 8 2 3 3 5 2" xfId="33235"/>
    <cellStyle name="Обычный 6 8 2 3 3 6" xfId="33236"/>
    <cellStyle name="Обычный 6 8 2 3 4" xfId="33237"/>
    <cellStyle name="Обычный 6 8 2 3 4 2" xfId="33238"/>
    <cellStyle name="Обычный 6 8 2 3 4 2 2" xfId="33239"/>
    <cellStyle name="Обычный 6 8 2 3 4 2 2 2" xfId="33240"/>
    <cellStyle name="Обычный 6 8 2 3 4 2 3" xfId="33241"/>
    <cellStyle name="Обычный 6 8 2 3 4 2 3 2" xfId="33242"/>
    <cellStyle name="Обычный 6 8 2 3 4 2 4" xfId="33243"/>
    <cellStyle name="Обычный 6 8 2 3 4 3" xfId="33244"/>
    <cellStyle name="Обычный 6 8 2 3 4 3 2" xfId="33245"/>
    <cellStyle name="Обычный 6 8 2 3 4 4" xfId="33246"/>
    <cellStyle name="Обычный 6 8 2 3 4 4 2" xfId="33247"/>
    <cellStyle name="Обычный 6 8 2 3 4 5" xfId="33248"/>
    <cellStyle name="Обычный 6 8 2 3 4 5 2" xfId="33249"/>
    <cellStyle name="Обычный 6 8 2 3 4 6" xfId="33250"/>
    <cellStyle name="Обычный 6 8 2 3 5" xfId="33251"/>
    <cellStyle name="Обычный 6 8 2 3 5 2" xfId="33252"/>
    <cellStyle name="Обычный 6 8 2 3 5 2 2" xfId="33253"/>
    <cellStyle name="Обычный 6 8 2 3 5 3" xfId="33254"/>
    <cellStyle name="Обычный 6 8 2 3 5 3 2" xfId="33255"/>
    <cellStyle name="Обычный 6 8 2 3 5 4" xfId="33256"/>
    <cellStyle name="Обычный 6 8 2 3 6" xfId="33257"/>
    <cellStyle name="Обычный 6 8 2 3 6 2" xfId="33258"/>
    <cellStyle name="Обычный 6 8 2 3 7" xfId="33259"/>
    <cellStyle name="Обычный 6 8 2 3 7 2" xfId="33260"/>
    <cellStyle name="Обычный 6 8 2 3 8" xfId="33261"/>
    <cellStyle name="Обычный 6 8 2 3 8 2" xfId="33262"/>
    <cellStyle name="Обычный 6 8 2 3 9" xfId="33263"/>
    <cellStyle name="Обычный 6 8 2 4" xfId="33264"/>
    <cellStyle name="Обычный 6 8 2 4 2" xfId="33265"/>
    <cellStyle name="Обычный 6 8 2 4 2 2" xfId="33266"/>
    <cellStyle name="Обычный 6 8 2 4 2 2 2" xfId="33267"/>
    <cellStyle name="Обычный 6 8 2 4 2 3" xfId="33268"/>
    <cellStyle name="Обычный 6 8 2 4 2 3 2" xfId="33269"/>
    <cellStyle name="Обычный 6 8 2 4 2 4" xfId="33270"/>
    <cellStyle name="Обычный 6 8 2 4 3" xfId="33271"/>
    <cellStyle name="Обычный 6 8 2 4 3 2" xfId="33272"/>
    <cellStyle name="Обычный 6 8 2 4 4" xfId="33273"/>
    <cellStyle name="Обычный 6 8 2 4 4 2" xfId="33274"/>
    <cellStyle name="Обычный 6 8 2 4 5" xfId="33275"/>
    <cellStyle name="Обычный 6 8 2 4 5 2" xfId="33276"/>
    <cellStyle name="Обычный 6 8 2 4 6" xfId="33277"/>
    <cellStyle name="Обычный 6 8 2 5" xfId="33278"/>
    <cellStyle name="Обычный 6 8 2 5 2" xfId="33279"/>
    <cellStyle name="Обычный 6 8 2 5 2 2" xfId="33280"/>
    <cellStyle name="Обычный 6 8 2 5 2 2 2" xfId="33281"/>
    <cellStyle name="Обычный 6 8 2 5 2 3" xfId="33282"/>
    <cellStyle name="Обычный 6 8 2 5 2 3 2" xfId="33283"/>
    <cellStyle name="Обычный 6 8 2 5 2 4" xfId="33284"/>
    <cellStyle name="Обычный 6 8 2 5 3" xfId="33285"/>
    <cellStyle name="Обычный 6 8 2 5 3 2" xfId="33286"/>
    <cellStyle name="Обычный 6 8 2 5 4" xfId="33287"/>
    <cellStyle name="Обычный 6 8 2 5 4 2" xfId="33288"/>
    <cellStyle name="Обычный 6 8 2 5 5" xfId="33289"/>
    <cellStyle name="Обычный 6 8 2 5 5 2" xfId="33290"/>
    <cellStyle name="Обычный 6 8 2 5 6" xfId="33291"/>
    <cellStyle name="Обычный 6 8 2 6" xfId="33292"/>
    <cellStyle name="Обычный 6 8 2 6 2" xfId="33293"/>
    <cellStyle name="Обычный 6 8 2 6 2 2" xfId="33294"/>
    <cellStyle name="Обычный 6 8 2 6 2 2 2" xfId="33295"/>
    <cellStyle name="Обычный 6 8 2 6 2 3" xfId="33296"/>
    <cellStyle name="Обычный 6 8 2 6 2 3 2" xfId="33297"/>
    <cellStyle name="Обычный 6 8 2 6 2 4" xfId="33298"/>
    <cellStyle name="Обычный 6 8 2 6 3" xfId="33299"/>
    <cellStyle name="Обычный 6 8 2 6 3 2" xfId="33300"/>
    <cellStyle name="Обычный 6 8 2 6 4" xfId="33301"/>
    <cellStyle name="Обычный 6 8 2 6 4 2" xfId="33302"/>
    <cellStyle name="Обычный 6 8 2 6 5" xfId="33303"/>
    <cellStyle name="Обычный 6 8 2 6 5 2" xfId="33304"/>
    <cellStyle name="Обычный 6 8 2 6 6" xfId="33305"/>
    <cellStyle name="Обычный 6 8 2 7" xfId="33306"/>
    <cellStyle name="Обычный 6 8 2 7 2" xfId="33307"/>
    <cellStyle name="Обычный 6 8 2 7 2 2" xfId="33308"/>
    <cellStyle name="Обычный 6 8 2 7 2 2 2" xfId="33309"/>
    <cellStyle name="Обычный 6 8 2 7 2 3" xfId="33310"/>
    <cellStyle name="Обычный 6 8 2 7 2 3 2" xfId="33311"/>
    <cellStyle name="Обычный 6 8 2 7 2 4" xfId="33312"/>
    <cellStyle name="Обычный 6 8 2 7 3" xfId="33313"/>
    <cellStyle name="Обычный 6 8 2 7 3 2" xfId="33314"/>
    <cellStyle name="Обычный 6 8 2 7 4" xfId="33315"/>
    <cellStyle name="Обычный 6 8 2 7 4 2" xfId="33316"/>
    <cellStyle name="Обычный 6 8 2 7 5" xfId="33317"/>
    <cellStyle name="Обычный 6 8 2 7 5 2" xfId="33318"/>
    <cellStyle name="Обычный 6 8 2 7 6" xfId="33319"/>
    <cellStyle name="Обычный 6 8 2 8" xfId="33320"/>
    <cellStyle name="Обычный 6 8 2 8 2" xfId="33321"/>
    <cellStyle name="Обычный 6 8 2 8 2 2" xfId="33322"/>
    <cellStyle name="Обычный 6 8 2 8 3" xfId="33323"/>
    <cellStyle name="Обычный 6 8 2 8 3 2" xfId="33324"/>
    <cellStyle name="Обычный 6 8 2 8 4" xfId="33325"/>
    <cellStyle name="Обычный 6 8 2 9" xfId="33326"/>
    <cellStyle name="Обычный 6 8 2 9 2" xfId="33327"/>
    <cellStyle name="Обычный 6 8 2 9 2 2" xfId="33328"/>
    <cellStyle name="Обычный 6 8 2 9 3" xfId="33329"/>
    <cellStyle name="Обычный 6 8 3" xfId="33330"/>
    <cellStyle name="Обычный 6 8 3 10" xfId="33331"/>
    <cellStyle name="Обычный 6 8 3 2" xfId="33332"/>
    <cellStyle name="Обычный 6 8 3 2 2" xfId="33333"/>
    <cellStyle name="Обычный 6 8 3 2 2 2" xfId="33334"/>
    <cellStyle name="Обычный 6 8 3 2 2 2 2" xfId="33335"/>
    <cellStyle name="Обычный 6 8 3 2 2 3" xfId="33336"/>
    <cellStyle name="Обычный 6 8 3 2 2 3 2" xfId="33337"/>
    <cellStyle name="Обычный 6 8 3 2 2 4" xfId="33338"/>
    <cellStyle name="Обычный 6 8 3 2 3" xfId="33339"/>
    <cellStyle name="Обычный 6 8 3 2 3 2" xfId="33340"/>
    <cellStyle name="Обычный 6 8 3 2 4" xfId="33341"/>
    <cellStyle name="Обычный 6 8 3 2 4 2" xfId="33342"/>
    <cellStyle name="Обычный 6 8 3 2 5" xfId="33343"/>
    <cellStyle name="Обычный 6 8 3 2 5 2" xfId="33344"/>
    <cellStyle name="Обычный 6 8 3 2 6" xfId="33345"/>
    <cellStyle name="Обычный 6 8 3 3" xfId="33346"/>
    <cellStyle name="Обычный 6 8 3 3 2" xfId="33347"/>
    <cellStyle name="Обычный 6 8 3 3 2 2" xfId="33348"/>
    <cellStyle name="Обычный 6 8 3 3 2 2 2" xfId="33349"/>
    <cellStyle name="Обычный 6 8 3 3 2 3" xfId="33350"/>
    <cellStyle name="Обычный 6 8 3 3 2 3 2" xfId="33351"/>
    <cellStyle name="Обычный 6 8 3 3 2 4" xfId="33352"/>
    <cellStyle name="Обычный 6 8 3 3 3" xfId="33353"/>
    <cellStyle name="Обычный 6 8 3 3 3 2" xfId="33354"/>
    <cellStyle name="Обычный 6 8 3 3 4" xfId="33355"/>
    <cellStyle name="Обычный 6 8 3 3 4 2" xfId="33356"/>
    <cellStyle name="Обычный 6 8 3 3 5" xfId="33357"/>
    <cellStyle name="Обычный 6 8 3 3 5 2" xfId="33358"/>
    <cellStyle name="Обычный 6 8 3 3 6" xfId="33359"/>
    <cellStyle name="Обычный 6 8 3 4" xfId="33360"/>
    <cellStyle name="Обычный 6 8 3 4 2" xfId="33361"/>
    <cellStyle name="Обычный 6 8 3 4 2 2" xfId="33362"/>
    <cellStyle name="Обычный 6 8 3 4 2 2 2" xfId="33363"/>
    <cellStyle name="Обычный 6 8 3 4 2 3" xfId="33364"/>
    <cellStyle name="Обычный 6 8 3 4 2 3 2" xfId="33365"/>
    <cellStyle name="Обычный 6 8 3 4 2 4" xfId="33366"/>
    <cellStyle name="Обычный 6 8 3 4 3" xfId="33367"/>
    <cellStyle name="Обычный 6 8 3 4 3 2" xfId="33368"/>
    <cellStyle name="Обычный 6 8 3 4 4" xfId="33369"/>
    <cellStyle name="Обычный 6 8 3 4 4 2" xfId="33370"/>
    <cellStyle name="Обычный 6 8 3 4 5" xfId="33371"/>
    <cellStyle name="Обычный 6 8 3 4 5 2" xfId="33372"/>
    <cellStyle name="Обычный 6 8 3 4 6" xfId="33373"/>
    <cellStyle name="Обычный 6 8 3 5" xfId="33374"/>
    <cellStyle name="Обычный 6 8 3 5 2" xfId="33375"/>
    <cellStyle name="Обычный 6 8 3 5 2 2" xfId="33376"/>
    <cellStyle name="Обычный 6 8 3 5 2 2 2" xfId="33377"/>
    <cellStyle name="Обычный 6 8 3 5 2 3" xfId="33378"/>
    <cellStyle name="Обычный 6 8 3 5 2 3 2" xfId="33379"/>
    <cellStyle name="Обычный 6 8 3 5 2 4" xfId="33380"/>
    <cellStyle name="Обычный 6 8 3 5 3" xfId="33381"/>
    <cellStyle name="Обычный 6 8 3 5 3 2" xfId="33382"/>
    <cellStyle name="Обычный 6 8 3 5 4" xfId="33383"/>
    <cellStyle name="Обычный 6 8 3 5 4 2" xfId="33384"/>
    <cellStyle name="Обычный 6 8 3 5 5" xfId="33385"/>
    <cellStyle name="Обычный 6 8 3 5 5 2" xfId="33386"/>
    <cellStyle name="Обычный 6 8 3 5 6" xfId="33387"/>
    <cellStyle name="Обычный 6 8 3 6" xfId="33388"/>
    <cellStyle name="Обычный 6 8 3 6 2" xfId="33389"/>
    <cellStyle name="Обычный 6 8 3 6 2 2" xfId="33390"/>
    <cellStyle name="Обычный 6 8 3 6 3" xfId="33391"/>
    <cellStyle name="Обычный 6 8 3 6 3 2" xfId="33392"/>
    <cellStyle name="Обычный 6 8 3 6 4" xfId="33393"/>
    <cellStyle name="Обычный 6 8 3 7" xfId="33394"/>
    <cellStyle name="Обычный 6 8 3 7 2" xfId="33395"/>
    <cellStyle name="Обычный 6 8 3 8" xfId="33396"/>
    <cellStyle name="Обычный 6 8 3 8 2" xfId="33397"/>
    <cellStyle name="Обычный 6 8 3 9" xfId="33398"/>
    <cellStyle name="Обычный 6 8 3 9 2" xfId="33399"/>
    <cellStyle name="Обычный 6 8 4" xfId="33400"/>
    <cellStyle name="Обычный 6 8 4 2" xfId="33401"/>
    <cellStyle name="Обычный 6 8 4 2 2" xfId="33402"/>
    <cellStyle name="Обычный 6 8 4 2 2 2" xfId="33403"/>
    <cellStyle name="Обычный 6 8 4 2 2 2 2" xfId="33404"/>
    <cellStyle name="Обычный 6 8 4 2 2 3" xfId="33405"/>
    <cellStyle name="Обычный 6 8 4 2 2 3 2" xfId="33406"/>
    <cellStyle name="Обычный 6 8 4 2 2 4" xfId="33407"/>
    <cellStyle name="Обычный 6 8 4 2 3" xfId="33408"/>
    <cellStyle name="Обычный 6 8 4 2 3 2" xfId="33409"/>
    <cellStyle name="Обычный 6 8 4 2 4" xfId="33410"/>
    <cellStyle name="Обычный 6 8 4 2 4 2" xfId="33411"/>
    <cellStyle name="Обычный 6 8 4 2 5" xfId="33412"/>
    <cellStyle name="Обычный 6 8 4 2 5 2" xfId="33413"/>
    <cellStyle name="Обычный 6 8 4 2 6" xfId="33414"/>
    <cellStyle name="Обычный 6 8 4 3" xfId="33415"/>
    <cellStyle name="Обычный 6 8 4 3 2" xfId="33416"/>
    <cellStyle name="Обычный 6 8 4 3 2 2" xfId="33417"/>
    <cellStyle name="Обычный 6 8 4 3 2 2 2" xfId="33418"/>
    <cellStyle name="Обычный 6 8 4 3 2 3" xfId="33419"/>
    <cellStyle name="Обычный 6 8 4 3 2 3 2" xfId="33420"/>
    <cellStyle name="Обычный 6 8 4 3 2 4" xfId="33421"/>
    <cellStyle name="Обычный 6 8 4 3 3" xfId="33422"/>
    <cellStyle name="Обычный 6 8 4 3 3 2" xfId="33423"/>
    <cellStyle name="Обычный 6 8 4 3 4" xfId="33424"/>
    <cellStyle name="Обычный 6 8 4 3 4 2" xfId="33425"/>
    <cellStyle name="Обычный 6 8 4 3 5" xfId="33426"/>
    <cellStyle name="Обычный 6 8 4 3 5 2" xfId="33427"/>
    <cellStyle name="Обычный 6 8 4 3 6" xfId="33428"/>
    <cellStyle name="Обычный 6 8 4 4" xfId="33429"/>
    <cellStyle name="Обычный 6 8 4 4 2" xfId="33430"/>
    <cellStyle name="Обычный 6 8 4 4 2 2" xfId="33431"/>
    <cellStyle name="Обычный 6 8 4 4 2 2 2" xfId="33432"/>
    <cellStyle name="Обычный 6 8 4 4 2 3" xfId="33433"/>
    <cellStyle name="Обычный 6 8 4 4 2 3 2" xfId="33434"/>
    <cellStyle name="Обычный 6 8 4 4 2 4" xfId="33435"/>
    <cellStyle name="Обычный 6 8 4 4 3" xfId="33436"/>
    <cellStyle name="Обычный 6 8 4 4 3 2" xfId="33437"/>
    <cellStyle name="Обычный 6 8 4 4 4" xfId="33438"/>
    <cellStyle name="Обычный 6 8 4 4 4 2" xfId="33439"/>
    <cellStyle name="Обычный 6 8 4 4 5" xfId="33440"/>
    <cellStyle name="Обычный 6 8 4 4 5 2" xfId="33441"/>
    <cellStyle name="Обычный 6 8 4 4 6" xfId="33442"/>
    <cellStyle name="Обычный 6 8 4 5" xfId="33443"/>
    <cellStyle name="Обычный 6 8 4 5 2" xfId="33444"/>
    <cellStyle name="Обычный 6 8 4 5 2 2" xfId="33445"/>
    <cellStyle name="Обычный 6 8 4 5 3" xfId="33446"/>
    <cellStyle name="Обычный 6 8 4 5 3 2" xfId="33447"/>
    <cellStyle name="Обычный 6 8 4 5 4" xfId="33448"/>
    <cellStyle name="Обычный 6 8 4 6" xfId="33449"/>
    <cellStyle name="Обычный 6 8 4 6 2" xfId="33450"/>
    <cellStyle name="Обычный 6 8 4 7" xfId="33451"/>
    <cellStyle name="Обычный 6 8 4 7 2" xfId="33452"/>
    <cellStyle name="Обычный 6 8 4 8" xfId="33453"/>
    <cellStyle name="Обычный 6 8 4 8 2" xfId="33454"/>
    <cellStyle name="Обычный 6 8 4 9" xfId="33455"/>
    <cellStyle name="Обычный 6 8 5" xfId="33456"/>
    <cellStyle name="Обычный 6 8 5 2" xfId="33457"/>
    <cellStyle name="Обычный 6 8 5 2 2" xfId="33458"/>
    <cellStyle name="Обычный 6 8 5 2 2 2" xfId="33459"/>
    <cellStyle name="Обычный 6 8 5 2 3" xfId="33460"/>
    <cellStyle name="Обычный 6 8 5 2 3 2" xfId="33461"/>
    <cellStyle name="Обычный 6 8 5 2 4" xfId="33462"/>
    <cellStyle name="Обычный 6 8 5 3" xfId="33463"/>
    <cellStyle name="Обычный 6 8 5 3 2" xfId="33464"/>
    <cellStyle name="Обычный 6 8 5 4" xfId="33465"/>
    <cellStyle name="Обычный 6 8 5 4 2" xfId="33466"/>
    <cellStyle name="Обычный 6 8 5 5" xfId="33467"/>
    <cellStyle name="Обычный 6 8 5 5 2" xfId="33468"/>
    <cellStyle name="Обычный 6 8 5 6" xfId="33469"/>
    <cellStyle name="Обычный 6 8 6" xfId="33470"/>
    <cellStyle name="Обычный 6 8 6 2" xfId="33471"/>
    <cellStyle name="Обычный 6 8 6 2 2" xfId="33472"/>
    <cellStyle name="Обычный 6 8 6 2 2 2" xfId="33473"/>
    <cellStyle name="Обычный 6 8 6 2 3" xfId="33474"/>
    <cellStyle name="Обычный 6 8 6 2 3 2" xfId="33475"/>
    <cellStyle name="Обычный 6 8 6 2 4" xfId="33476"/>
    <cellStyle name="Обычный 6 8 6 3" xfId="33477"/>
    <cellStyle name="Обычный 6 8 6 3 2" xfId="33478"/>
    <cellStyle name="Обычный 6 8 6 4" xfId="33479"/>
    <cellStyle name="Обычный 6 8 6 4 2" xfId="33480"/>
    <cellStyle name="Обычный 6 8 6 5" xfId="33481"/>
    <cellStyle name="Обычный 6 8 6 5 2" xfId="33482"/>
    <cellStyle name="Обычный 6 8 6 6" xfId="33483"/>
    <cellStyle name="Обычный 6 8 7" xfId="33484"/>
    <cellStyle name="Обычный 6 8 7 2" xfId="33485"/>
    <cellStyle name="Обычный 6 8 7 2 2" xfId="33486"/>
    <cellStyle name="Обычный 6 8 7 2 2 2" xfId="33487"/>
    <cellStyle name="Обычный 6 8 7 2 3" xfId="33488"/>
    <cellStyle name="Обычный 6 8 7 2 3 2" xfId="33489"/>
    <cellStyle name="Обычный 6 8 7 2 4" xfId="33490"/>
    <cellStyle name="Обычный 6 8 7 3" xfId="33491"/>
    <cellStyle name="Обычный 6 8 7 3 2" xfId="33492"/>
    <cellStyle name="Обычный 6 8 7 4" xfId="33493"/>
    <cellStyle name="Обычный 6 8 7 4 2" xfId="33494"/>
    <cellStyle name="Обычный 6 8 7 5" xfId="33495"/>
    <cellStyle name="Обычный 6 8 7 5 2" xfId="33496"/>
    <cellStyle name="Обычный 6 8 7 6" xfId="33497"/>
    <cellStyle name="Обычный 6 8 8" xfId="33498"/>
    <cellStyle name="Обычный 6 8 8 2" xfId="33499"/>
    <cellStyle name="Обычный 6 8 8 2 2" xfId="33500"/>
    <cellStyle name="Обычный 6 8 8 2 2 2" xfId="33501"/>
    <cellStyle name="Обычный 6 8 8 2 3" xfId="33502"/>
    <cellStyle name="Обычный 6 8 8 2 3 2" xfId="33503"/>
    <cellStyle name="Обычный 6 8 8 2 4" xfId="33504"/>
    <cellStyle name="Обычный 6 8 8 3" xfId="33505"/>
    <cellStyle name="Обычный 6 8 8 3 2" xfId="33506"/>
    <cellStyle name="Обычный 6 8 8 4" xfId="33507"/>
    <cellStyle name="Обычный 6 8 8 4 2" xfId="33508"/>
    <cellStyle name="Обычный 6 8 8 5" xfId="33509"/>
    <cellStyle name="Обычный 6 8 8 5 2" xfId="33510"/>
    <cellStyle name="Обычный 6 8 8 6" xfId="33511"/>
    <cellStyle name="Обычный 6 8 9" xfId="33512"/>
    <cellStyle name="Обычный 6 8 9 2" xfId="33513"/>
    <cellStyle name="Обычный 6 8 9 2 2" xfId="33514"/>
    <cellStyle name="Обычный 6 8 9 3" xfId="33515"/>
    <cellStyle name="Обычный 6 8 9 3 2" xfId="33516"/>
    <cellStyle name="Обычный 6 8 9 4" xfId="33517"/>
    <cellStyle name="Обычный 6 9" xfId="33518"/>
    <cellStyle name="Обычный 6 9 10" xfId="33519"/>
    <cellStyle name="Обычный 6 9 10 2" xfId="33520"/>
    <cellStyle name="Обычный 6 9 10 2 2" xfId="33521"/>
    <cellStyle name="Обычный 6 9 10 3" xfId="33522"/>
    <cellStyle name="Обычный 6 9 11" xfId="33523"/>
    <cellStyle name="Обычный 6 9 11 2" xfId="33524"/>
    <cellStyle name="Обычный 6 9 12" xfId="33525"/>
    <cellStyle name="Обычный 6 9 12 2" xfId="33526"/>
    <cellStyle name="Обычный 6 9 13" xfId="33527"/>
    <cellStyle name="Обычный 6 9 14" xfId="33528"/>
    <cellStyle name="Обычный 6 9 2" xfId="33529"/>
    <cellStyle name="Обычный 6 9 2 10" xfId="33530"/>
    <cellStyle name="Обычный 6 9 2 10 2" xfId="33531"/>
    <cellStyle name="Обычный 6 9 2 11" xfId="33532"/>
    <cellStyle name="Обычный 6 9 2 11 2" xfId="33533"/>
    <cellStyle name="Обычный 6 9 2 12" xfId="33534"/>
    <cellStyle name="Обычный 6 9 2 13" xfId="33535"/>
    <cellStyle name="Обычный 6 9 2 2" xfId="33536"/>
    <cellStyle name="Обычный 6 9 2 2 10" xfId="33537"/>
    <cellStyle name="Обычный 6 9 2 2 2" xfId="33538"/>
    <cellStyle name="Обычный 6 9 2 2 2 2" xfId="33539"/>
    <cellStyle name="Обычный 6 9 2 2 2 2 2" xfId="33540"/>
    <cellStyle name="Обычный 6 9 2 2 2 2 2 2" xfId="33541"/>
    <cellStyle name="Обычный 6 9 2 2 2 2 3" xfId="33542"/>
    <cellStyle name="Обычный 6 9 2 2 2 2 3 2" xfId="33543"/>
    <cellStyle name="Обычный 6 9 2 2 2 2 4" xfId="33544"/>
    <cellStyle name="Обычный 6 9 2 2 2 3" xfId="33545"/>
    <cellStyle name="Обычный 6 9 2 2 2 3 2" xfId="33546"/>
    <cellStyle name="Обычный 6 9 2 2 2 4" xfId="33547"/>
    <cellStyle name="Обычный 6 9 2 2 2 4 2" xfId="33548"/>
    <cellStyle name="Обычный 6 9 2 2 2 5" xfId="33549"/>
    <cellStyle name="Обычный 6 9 2 2 2 5 2" xfId="33550"/>
    <cellStyle name="Обычный 6 9 2 2 2 6" xfId="33551"/>
    <cellStyle name="Обычный 6 9 2 2 3" xfId="33552"/>
    <cellStyle name="Обычный 6 9 2 2 3 2" xfId="33553"/>
    <cellStyle name="Обычный 6 9 2 2 3 2 2" xfId="33554"/>
    <cellStyle name="Обычный 6 9 2 2 3 2 2 2" xfId="33555"/>
    <cellStyle name="Обычный 6 9 2 2 3 2 3" xfId="33556"/>
    <cellStyle name="Обычный 6 9 2 2 3 2 3 2" xfId="33557"/>
    <cellStyle name="Обычный 6 9 2 2 3 2 4" xfId="33558"/>
    <cellStyle name="Обычный 6 9 2 2 3 3" xfId="33559"/>
    <cellStyle name="Обычный 6 9 2 2 3 3 2" xfId="33560"/>
    <cellStyle name="Обычный 6 9 2 2 3 4" xfId="33561"/>
    <cellStyle name="Обычный 6 9 2 2 3 4 2" xfId="33562"/>
    <cellStyle name="Обычный 6 9 2 2 3 5" xfId="33563"/>
    <cellStyle name="Обычный 6 9 2 2 3 5 2" xfId="33564"/>
    <cellStyle name="Обычный 6 9 2 2 3 6" xfId="33565"/>
    <cellStyle name="Обычный 6 9 2 2 4" xfId="33566"/>
    <cellStyle name="Обычный 6 9 2 2 4 2" xfId="33567"/>
    <cellStyle name="Обычный 6 9 2 2 4 2 2" xfId="33568"/>
    <cellStyle name="Обычный 6 9 2 2 4 2 2 2" xfId="33569"/>
    <cellStyle name="Обычный 6 9 2 2 4 2 3" xfId="33570"/>
    <cellStyle name="Обычный 6 9 2 2 4 2 3 2" xfId="33571"/>
    <cellStyle name="Обычный 6 9 2 2 4 2 4" xfId="33572"/>
    <cellStyle name="Обычный 6 9 2 2 4 3" xfId="33573"/>
    <cellStyle name="Обычный 6 9 2 2 4 3 2" xfId="33574"/>
    <cellStyle name="Обычный 6 9 2 2 4 4" xfId="33575"/>
    <cellStyle name="Обычный 6 9 2 2 4 4 2" xfId="33576"/>
    <cellStyle name="Обычный 6 9 2 2 4 5" xfId="33577"/>
    <cellStyle name="Обычный 6 9 2 2 4 5 2" xfId="33578"/>
    <cellStyle name="Обычный 6 9 2 2 4 6" xfId="33579"/>
    <cellStyle name="Обычный 6 9 2 2 5" xfId="33580"/>
    <cellStyle name="Обычный 6 9 2 2 5 2" xfId="33581"/>
    <cellStyle name="Обычный 6 9 2 2 5 2 2" xfId="33582"/>
    <cellStyle name="Обычный 6 9 2 2 5 2 2 2" xfId="33583"/>
    <cellStyle name="Обычный 6 9 2 2 5 2 3" xfId="33584"/>
    <cellStyle name="Обычный 6 9 2 2 5 2 3 2" xfId="33585"/>
    <cellStyle name="Обычный 6 9 2 2 5 2 4" xfId="33586"/>
    <cellStyle name="Обычный 6 9 2 2 5 3" xfId="33587"/>
    <cellStyle name="Обычный 6 9 2 2 5 3 2" xfId="33588"/>
    <cellStyle name="Обычный 6 9 2 2 5 4" xfId="33589"/>
    <cellStyle name="Обычный 6 9 2 2 5 4 2" xfId="33590"/>
    <cellStyle name="Обычный 6 9 2 2 5 5" xfId="33591"/>
    <cellStyle name="Обычный 6 9 2 2 5 5 2" xfId="33592"/>
    <cellStyle name="Обычный 6 9 2 2 5 6" xfId="33593"/>
    <cellStyle name="Обычный 6 9 2 2 6" xfId="33594"/>
    <cellStyle name="Обычный 6 9 2 2 6 2" xfId="33595"/>
    <cellStyle name="Обычный 6 9 2 2 6 2 2" xfId="33596"/>
    <cellStyle name="Обычный 6 9 2 2 6 3" xfId="33597"/>
    <cellStyle name="Обычный 6 9 2 2 6 3 2" xfId="33598"/>
    <cellStyle name="Обычный 6 9 2 2 6 4" xfId="33599"/>
    <cellStyle name="Обычный 6 9 2 2 7" xfId="33600"/>
    <cellStyle name="Обычный 6 9 2 2 7 2" xfId="33601"/>
    <cellStyle name="Обычный 6 9 2 2 8" xfId="33602"/>
    <cellStyle name="Обычный 6 9 2 2 8 2" xfId="33603"/>
    <cellStyle name="Обычный 6 9 2 2 9" xfId="33604"/>
    <cellStyle name="Обычный 6 9 2 2 9 2" xfId="33605"/>
    <cellStyle name="Обычный 6 9 2 3" xfId="33606"/>
    <cellStyle name="Обычный 6 9 2 3 2" xfId="33607"/>
    <cellStyle name="Обычный 6 9 2 3 2 2" xfId="33608"/>
    <cellStyle name="Обычный 6 9 2 3 2 2 2" xfId="33609"/>
    <cellStyle name="Обычный 6 9 2 3 2 2 2 2" xfId="33610"/>
    <cellStyle name="Обычный 6 9 2 3 2 2 3" xfId="33611"/>
    <cellStyle name="Обычный 6 9 2 3 2 2 3 2" xfId="33612"/>
    <cellStyle name="Обычный 6 9 2 3 2 2 4" xfId="33613"/>
    <cellStyle name="Обычный 6 9 2 3 2 3" xfId="33614"/>
    <cellStyle name="Обычный 6 9 2 3 2 3 2" xfId="33615"/>
    <cellStyle name="Обычный 6 9 2 3 2 4" xfId="33616"/>
    <cellStyle name="Обычный 6 9 2 3 2 4 2" xfId="33617"/>
    <cellStyle name="Обычный 6 9 2 3 2 5" xfId="33618"/>
    <cellStyle name="Обычный 6 9 2 3 2 5 2" xfId="33619"/>
    <cellStyle name="Обычный 6 9 2 3 2 6" xfId="33620"/>
    <cellStyle name="Обычный 6 9 2 3 3" xfId="33621"/>
    <cellStyle name="Обычный 6 9 2 3 3 2" xfId="33622"/>
    <cellStyle name="Обычный 6 9 2 3 3 2 2" xfId="33623"/>
    <cellStyle name="Обычный 6 9 2 3 3 2 2 2" xfId="33624"/>
    <cellStyle name="Обычный 6 9 2 3 3 2 3" xfId="33625"/>
    <cellStyle name="Обычный 6 9 2 3 3 2 3 2" xfId="33626"/>
    <cellStyle name="Обычный 6 9 2 3 3 2 4" xfId="33627"/>
    <cellStyle name="Обычный 6 9 2 3 3 3" xfId="33628"/>
    <cellStyle name="Обычный 6 9 2 3 3 3 2" xfId="33629"/>
    <cellStyle name="Обычный 6 9 2 3 3 4" xfId="33630"/>
    <cellStyle name="Обычный 6 9 2 3 3 4 2" xfId="33631"/>
    <cellStyle name="Обычный 6 9 2 3 3 5" xfId="33632"/>
    <cellStyle name="Обычный 6 9 2 3 3 5 2" xfId="33633"/>
    <cellStyle name="Обычный 6 9 2 3 3 6" xfId="33634"/>
    <cellStyle name="Обычный 6 9 2 3 4" xfId="33635"/>
    <cellStyle name="Обычный 6 9 2 3 4 2" xfId="33636"/>
    <cellStyle name="Обычный 6 9 2 3 4 2 2" xfId="33637"/>
    <cellStyle name="Обычный 6 9 2 3 4 2 2 2" xfId="33638"/>
    <cellStyle name="Обычный 6 9 2 3 4 2 3" xfId="33639"/>
    <cellStyle name="Обычный 6 9 2 3 4 2 3 2" xfId="33640"/>
    <cellStyle name="Обычный 6 9 2 3 4 2 4" xfId="33641"/>
    <cellStyle name="Обычный 6 9 2 3 4 3" xfId="33642"/>
    <cellStyle name="Обычный 6 9 2 3 4 3 2" xfId="33643"/>
    <cellStyle name="Обычный 6 9 2 3 4 4" xfId="33644"/>
    <cellStyle name="Обычный 6 9 2 3 4 4 2" xfId="33645"/>
    <cellStyle name="Обычный 6 9 2 3 4 5" xfId="33646"/>
    <cellStyle name="Обычный 6 9 2 3 4 5 2" xfId="33647"/>
    <cellStyle name="Обычный 6 9 2 3 4 6" xfId="33648"/>
    <cellStyle name="Обычный 6 9 2 3 5" xfId="33649"/>
    <cellStyle name="Обычный 6 9 2 3 5 2" xfId="33650"/>
    <cellStyle name="Обычный 6 9 2 3 5 2 2" xfId="33651"/>
    <cellStyle name="Обычный 6 9 2 3 5 3" xfId="33652"/>
    <cellStyle name="Обычный 6 9 2 3 5 3 2" xfId="33653"/>
    <cellStyle name="Обычный 6 9 2 3 5 4" xfId="33654"/>
    <cellStyle name="Обычный 6 9 2 3 6" xfId="33655"/>
    <cellStyle name="Обычный 6 9 2 3 6 2" xfId="33656"/>
    <cellStyle name="Обычный 6 9 2 3 7" xfId="33657"/>
    <cellStyle name="Обычный 6 9 2 3 7 2" xfId="33658"/>
    <cellStyle name="Обычный 6 9 2 3 8" xfId="33659"/>
    <cellStyle name="Обычный 6 9 2 3 8 2" xfId="33660"/>
    <cellStyle name="Обычный 6 9 2 3 9" xfId="33661"/>
    <cellStyle name="Обычный 6 9 2 4" xfId="33662"/>
    <cellStyle name="Обычный 6 9 2 4 2" xfId="33663"/>
    <cellStyle name="Обычный 6 9 2 4 2 2" xfId="33664"/>
    <cellStyle name="Обычный 6 9 2 4 2 2 2" xfId="33665"/>
    <cellStyle name="Обычный 6 9 2 4 2 3" xfId="33666"/>
    <cellStyle name="Обычный 6 9 2 4 2 3 2" xfId="33667"/>
    <cellStyle name="Обычный 6 9 2 4 2 4" xfId="33668"/>
    <cellStyle name="Обычный 6 9 2 4 3" xfId="33669"/>
    <cellStyle name="Обычный 6 9 2 4 3 2" xfId="33670"/>
    <cellStyle name="Обычный 6 9 2 4 4" xfId="33671"/>
    <cellStyle name="Обычный 6 9 2 4 4 2" xfId="33672"/>
    <cellStyle name="Обычный 6 9 2 4 5" xfId="33673"/>
    <cellStyle name="Обычный 6 9 2 4 5 2" xfId="33674"/>
    <cellStyle name="Обычный 6 9 2 4 6" xfId="33675"/>
    <cellStyle name="Обычный 6 9 2 5" xfId="33676"/>
    <cellStyle name="Обычный 6 9 2 5 2" xfId="33677"/>
    <cellStyle name="Обычный 6 9 2 5 2 2" xfId="33678"/>
    <cellStyle name="Обычный 6 9 2 5 2 2 2" xfId="33679"/>
    <cellStyle name="Обычный 6 9 2 5 2 3" xfId="33680"/>
    <cellStyle name="Обычный 6 9 2 5 2 3 2" xfId="33681"/>
    <cellStyle name="Обычный 6 9 2 5 2 4" xfId="33682"/>
    <cellStyle name="Обычный 6 9 2 5 3" xfId="33683"/>
    <cellStyle name="Обычный 6 9 2 5 3 2" xfId="33684"/>
    <cellStyle name="Обычный 6 9 2 5 4" xfId="33685"/>
    <cellStyle name="Обычный 6 9 2 5 4 2" xfId="33686"/>
    <cellStyle name="Обычный 6 9 2 5 5" xfId="33687"/>
    <cellStyle name="Обычный 6 9 2 5 5 2" xfId="33688"/>
    <cellStyle name="Обычный 6 9 2 5 6" xfId="33689"/>
    <cellStyle name="Обычный 6 9 2 6" xfId="33690"/>
    <cellStyle name="Обычный 6 9 2 6 2" xfId="33691"/>
    <cellStyle name="Обычный 6 9 2 6 2 2" xfId="33692"/>
    <cellStyle name="Обычный 6 9 2 6 2 2 2" xfId="33693"/>
    <cellStyle name="Обычный 6 9 2 6 2 3" xfId="33694"/>
    <cellStyle name="Обычный 6 9 2 6 2 3 2" xfId="33695"/>
    <cellStyle name="Обычный 6 9 2 6 2 4" xfId="33696"/>
    <cellStyle name="Обычный 6 9 2 6 3" xfId="33697"/>
    <cellStyle name="Обычный 6 9 2 6 3 2" xfId="33698"/>
    <cellStyle name="Обычный 6 9 2 6 4" xfId="33699"/>
    <cellStyle name="Обычный 6 9 2 6 4 2" xfId="33700"/>
    <cellStyle name="Обычный 6 9 2 6 5" xfId="33701"/>
    <cellStyle name="Обычный 6 9 2 6 5 2" xfId="33702"/>
    <cellStyle name="Обычный 6 9 2 6 6" xfId="33703"/>
    <cellStyle name="Обычный 6 9 2 7" xfId="33704"/>
    <cellStyle name="Обычный 6 9 2 7 2" xfId="33705"/>
    <cellStyle name="Обычный 6 9 2 7 2 2" xfId="33706"/>
    <cellStyle name="Обычный 6 9 2 7 2 2 2" xfId="33707"/>
    <cellStyle name="Обычный 6 9 2 7 2 3" xfId="33708"/>
    <cellStyle name="Обычный 6 9 2 7 2 3 2" xfId="33709"/>
    <cellStyle name="Обычный 6 9 2 7 2 4" xfId="33710"/>
    <cellStyle name="Обычный 6 9 2 7 3" xfId="33711"/>
    <cellStyle name="Обычный 6 9 2 7 3 2" xfId="33712"/>
    <cellStyle name="Обычный 6 9 2 7 4" xfId="33713"/>
    <cellStyle name="Обычный 6 9 2 7 4 2" xfId="33714"/>
    <cellStyle name="Обычный 6 9 2 7 5" xfId="33715"/>
    <cellStyle name="Обычный 6 9 2 7 5 2" xfId="33716"/>
    <cellStyle name="Обычный 6 9 2 7 6" xfId="33717"/>
    <cellStyle name="Обычный 6 9 2 8" xfId="33718"/>
    <cellStyle name="Обычный 6 9 2 8 2" xfId="33719"/>
    <cellStyle name="Обычный 6 9 2 8 2 2" xfId="33720"/>
    <cellStyle name="Обычный 6 9 2 8 3" xfId="33721"/>
    <cellStyle name="Обычный 6 9 2 8 3 2" xfId="33722"/>
    <cellStyle name="Обычный 6 9 2 8 4" xfId="33723"/>
    <cellStyle name="Обычный 6 9 2 9" xfId="33724"/>
    <cellStyle name="Обычный 6 9 2 9 2" xfId="33725"/>
    <cellStyle name="Обычный 6 9 2 9 2 2" xfId="33726"/>
    <cellStyle name="Обычный 6 9 2 9 3" xfId="33727"/>
    <cellStyle name="Обычный 6 9 3" xfId="33728"/>
    <cellStyle name="Обычный 6 9 3 10" xfId="33729"/>
    <cellStyle name="Обычный 6 9 3 2" xfId="33730"/>
    <cellStyle name="Обычный 6 9 3 2 2" xfId="33731"/>
    <cellStyle name="Обычный 6 9 3 2 2 2" xfId="33732"/>
    <cellStyle name="Обычный 6 9 3 2 2 2 2" xfId="33733"/>
    <cellStyle name="Обычный 6 9 3 2 2 3" xfId="33734"/>
    <cellStyle name="Обычный 6 9 3 2 2 3 2" xfId="33735"/>
    <cellStyle name="Обычный 6 9 3 2 2 4" xfId="33736"/>
    <cellStyle name="Обычный 6 9 3 2 3" xfId="33737"/>
    <cellStyle name="Обычный 6 9 3 2 3 2" xfId="33738"/>
    <cellStyle name="Обычный 6 9 3 2 4" xfId="33739"/>
    <cellStyle name="Обычный 6 9 3 2 4 2" xfId="33740"/>
    <cellStyle name="Обычный 6 9 3 2 5" xfId="33741"/>
    <cellStyle name="Обычный 6 9 3 2 5 2" xfId="33742"/>
    <cellStyle name="Обычный 6 9 3 2 6" xfId="33743"/>
    <cellStyle name="Обычный 6 9 3 3" xfId="33744"/>
    <cellStyle name="Обычный 6 9 3 3 2" xfId="33745"/>
    <cellStyle name="Обычный 6 9 3 3 2 2" xfId="33746"/>
    <cellStyle name="Обычный 6 9 3 3 2 2 2" xfId="33747"/>
    <cellStyle name="Обычный 6 9 3 3 2 3" xfId="33748"/>
    <cellStyle name="Обычный 6 9 3 3 2 3 2" xfId="33749"/>
    <cellStyle name="Обычный 6 9 3 3 2 4" xfId="33750"/>
    <cellStyle name="Обычный 6 9 3 3 3" xfId="33751"/>
    <cellStyle name="Обычный 6 9 3 3 3 2" xfId="33752"/>
    <cellStyle name="Обычный 6 9 3 3 4" xfId="33753"/>
    <cellStyle name="Обычный 6 9 3 3 4 2" xfId="33754"/>
    <cellStyle name="Обычный 6 9 3 3 5" xfId="33755"/>
    <cellStyle name="Обычный 6 9 3 3 5 2" xfId="33756"/>
    <cellStyle name="Обычный 6 9 3 3 6" xfId="33757"/>
    <cellStyle name="Обычный 6 9 3 4" xfId="33758"/>
    <cellStyle name="Обычный 6 9 3 4 2" xfId="33759"/>
    <cellStyle name="Обычный 6 9 3 4 2 2" xfId="33760"/>
    <cellStyle name="Обычный 6 9 3 4 2 2 2" xfId="33761"/>
    <cellStyle name="Обычный 6 9 3 4 2 3" xfId="33762"/>
    <cellStyle name="Обычный 6 9 3 4 2 3 2" xfId="33763"/>
    <cellStyle name="Обычный 6 9 3 4 2 4" xfId="33764"/>
    <cellStyle name="Обычный 6 9 3 4 3" xfId="33765"/>
    <cellStyle name="Обычный 6 9 3 4 3 2" xfId="33766"/>
    <cellStyle name="Обычный 6 9 3 4 4" xfId="33767"/>
    <cellStyle name="Обычный 6 9 3 4 4 2" xfId="33768"/>
    <cellStyle name="Обычный 6 9 3 4 5" xfId="33769"/>
    <cellStyle name="Обычный 6 9 3 4 5 2" xfId="33770"/>
    <cellStyle name="Обычный 6 9 3 4 6" xfId="33771"/>
    <cellStyle name="Обычный 6 9 3 5" xfId="33772"/>
    <cellStyle name="Обычный 6 9 3 5 2" xfId="33773"/>
    <cellStyle name="Обычный 6 9 3 5 2 2" xfId="33774"/>
    <cellStyle name="Обычный 6 9 3 5 2 2 2" xfId="33775"/>
    <cellStyle name="Обычный 6 9 3 5 2 3" xfId="33776"/>
    <cellStyle name="Обычный 6 9 3 5 2 3 2" xfId="33777"/>
    <cellStyle name="Обычный 6 9 3 5 2 4" xfId="33778"/>
    <cellStyle name="Обычный 6 9 3 5 3" xfId="33779"/>
    <cellStyle name="Обычный 6 9 3 5 3 2" xfId="33780"/>
    <cellStyle name="Обычный 6 9 3 5 4" xfId="33781"/>
    <cellStyle name="Обычный 6 9 3 5 4 2" xfId="33782"/>
    <cellStyle name="Обычный 6 9 3 5 5" xfId="33783"/>
    <cellStyle name="Обычный 6 9 3 5 5 2" xfId="33784"/>
    <cellStyle name="Обычный 6 9 3 5 6" xfId="33785"/>
    <cellStyle name="Обычный 6 9 3 6" xfId="33786"/>
    <cellStyle name="Обычный 6 9 3 6 2" xfId="33787"/>
    <cellStyle name="Обычный 6 9 3 6 2 2" xfId="33788"/>
    <cellStyle name="Обычный 6 9 3 6 3" xfId="33789"/>
    <cellStyle name="Обычный 6 9 3 6 3 2" xfId="33790"/>
    <cellStyle name="Обычный 6 9 3 6 4" xfId="33791"/>
    <cellStyle name="Обычный 6 9 3 7" xfId="33792"/>
    <cellStyle name="Обычный 6 9 3 7 2" xfId="33793"/>
    <cellStyle name="Обычный 6 9 3 8" xfId="33794"/>
    <cellStyle name="Обычный 6 9 3 8 2" xfId="33795"/>
    <cellStyle name="Обычный 6 9 3 9" xfId="33796"/>
    <cellStyle name="Обычный 6 9 3 9 2" xfId="33797"/>
    <cellStyle name="Обычный 6 9 4" xfId="33798"/>
    <cellStyle name="Обычный 6 9 4 2" xfId="33799"/>
    <cellStyle name="Обычный 6 9 4 2 2" xfId="33800"/>
    <cellStyle name="Обычный 6 9 4 2 2 2" xfId="33801"/>
    <cellStyle name="Обычный 6 9 4 2 2 2 2" xfId="33802"/>
    <cellStyle name="Обычный 6 9 4 2 2 3" xfId="33803"/>
    <cellStyle name="Обычный 6 9 4 2 2 3 2" xfId="33804"/>
    <cellStyle name="Обычный 6 9 4 2 2 4" xfId="33805"/>
    <cellStyle name="Обычный 6 9 4 2 3" xfId="33806"/>
    <cellStyle name="Обычный 6 9 4 2 3 2" xfId="33807"/>
    <cellStyle name="Обычный 6 9 4 2 4" xfId="33808"/>
    <cellStyle name="Обычный 6 9 4 2 4 2" xfId="33809"/>
    <cellStyle name="Обычный 6 9 4 2 5" xfId="33810"/>
    <cellStyle name="Обычный 6 9 4 2 5 2" xfId="33811"/>
    <cellStyle name="Обычный 6 9 4 2 6" xfId="33812"/>
    <cellStyle name="Обычный 6 9 4 3" xfId="33813"/>
    <cellStyle name="Обычный 6 9 4 3 2" xfId="33814"/>
    <cellStyle name="Обычный 6 9 4 3 2 2" xfId="33815"/>
    <cellStyle name="Обычный 6 9 4 3 2 2 2" xfId="33816"/>
    <cellStyle name="Обычный 6 9 4 3 2 3" xfId="33817"/>
    <cellStyle name="Обычный 6 9 4 3 2 3 2" xfId="33818"/>
    <cellStyle name="Обычный 6 9 4 3 2 4" xfId="33819"/>
    <cellStyle name="Обычный 6 9 4 3 3" xfId="33820"/>
    <cellStyle name="Обычный 6 9 4 3 3 2" xfId="33821"/>
    <cellStyle name="Обычный 6 9 4 3 4" xfId="33822"/>
    <cellStyle name="Обычный 6 9 4 3 4 2" xfId="33823"/>
    <cellStyle name="Обычный 6 9 4 3 5" xfId="33824"/>
    <cellStyle name="Обычный 6 9 4 3 5 2" xfId="33825"/>
    <cellStyle name="Обычный 6 9 4 3 6" xfId="33826"/>
    <cellStyle name="Обычный 6 9 4 4" xfId="33827"/>
    <cellStyle name="Обычный 6 9 4 4 2" xfId="33828"/>
    <cellStyle name="Обычный 6 9 4 4 2 2" xfId="33829"/>
    <cellStyle name="Обычный 6 9 4 4 2 2 2" xfId="33830"/>
    <cellStyle name="Обычный 6 9 4 4 2 3" xfId="33831"/>
    <cellStyle name="Обычный 6 9 4 4 2 3 2" xfId="33832"/>
    <cellStyle name="Обычный 6 9 4 4 2 4" xfId="33833"/>
    <cellStyle name="Обычный 6 9 4 4 3" xfId="33834"/>
    <cellStyle name="Обычный 6 9 4 4 3 2" xfId="33835"/>
    <cellStyle name="Обычный 6 9 4 4 4" xfId="33836"/>
    <cellStyle name="Обычный 6 9 4 4 4 2" xfId="33837"/>
    <cellStyle name="Обычный 6 9 4 4 5" xfId="33838"/>
    <cellStyle name="Обычный 6 9 4 4 5 2" xfId="33839"/>
    <cellStyle name="Обычный 6 9 4 4 6" xfId="33840"/>
    <cellStyle name="Обычный 6 9 4 5" xfId="33841"/>
    <cellStyle name="Обычный 6 9 4 5 2" xfId="33842"/>
    <cellStyle name="Обычный 6 9 4 5 2 2" xfId="33843"/>
    <cellStyle name="Обычный 6 9 4 5 3" xfId="33844"/>
    <cellStyle name="Обычный 6 9 4 5 3 2" xfId="33845"/>
    <cellStyle name="Обычный 6 9 4 5 4" xfId="33846"/>
    <cellStyle name="Обычный 6 9 4 6" xfId="33847"/>
    <cellStyle name="Обычный 6 9 4 6 2" xfId="33848"/>
    <cellStyle name="Обычный 6 9 4 7" xfId="33849"/>
    <cellStyle name="Обычный 6 9 4 7 2" xfId="33850"/>
    <cellStyle name="Обычный 6 9 4 8" xfId="33851"/>
    <cellStyle name="Обычный 6 9 4 8 2" xfId="33852"/>
    <cellStyle name="Обычный 6 9 4 9" xfId="33853"/>
    <cellStyle name="Обычный 6 9 5" xfId="33854"/>
    <cellStyle name="Обычный 6 9 5 2" xfId="33855"/>
    <cellStyle name="Обычный 6 9 5 2 2" xfId="33856"/>
    <cellStyle name="Обычный 6 9 5 2 2 2" xfId="33857"/>
    <cellStyle name="Обычный 6 9 5 2 3" xfId="33858"/>
    <cellStyle name="Обычный 6 9 5 2 3 2" xfId="33859"/>
    <cellStyle name="Обычный 6 9 5 2 4" xfId="33860"/>
    <cellStyle name="Обычный 6 9 5 3" xfId="33861"/>
    <cellStyle name="Обычный 6 9 5 3 2" xfId="33862"/>
    <cellStyle name="Обычный 6 9 5 4" xfId="33863"/>
    <cellStyle name="Обычный 6 9 5 4 2" xfId="33864"/>
    <cellStyle name="Обычный 6 9 5 5" xfId="33865"/>
    <cellStyle name="Обычный 6 9 5 5 2" xfId="33866"/>
    <cellStyle name="Обычный 6 9 5 6" xfId="33867"/>
    <cellStyle name="Обычный 6 9 6" xfId="33868"/>
    <cellStyle name="Обычный 6 9 6 2" xfId="33869"/>
    <cellStyle name="Обычный 6 9 6 2 2" xfId="33870"/>
    <cellStyle name="Обычный 6 9 6 2 2 2" xfId="33871"/>
    <cellStyle name="Обычный 6 9 6 2 3" xfId="33872"/>
    <cellStyle name="Обычный 6 9 6 2 3 2" xfId="33873"/>
    <cellStyle name="Обычный 6 9 6 2 4" xfId="33874"/>
    <cellStyle name="Обычный 6 9 6 3" xfId="33875"/>
    <cellStyle name="Обычный 6 9 6 3 2" xfId="33876"/>
    <cellStyle name="Обычный 6 9 6 4" xfId="33877"/>
    <cellStyle name="Обычный 6 9 6 4 2" xfId="33878"/>
    <cellStyle name="Обычный 6 9 6 5" xfId="33879"/>
    <cellStyle name="Обычный 6 9 6 5 2" xfId="33880"/>
    <cellStyle name="Обычный 6 9 6 6" xfId="33881"/>
    <cellStyle name="Обычный 6 9 7" xfId="33882"/>
    <cellStyle name="Обычный 6 9 7 2" xfId="33883"/>
    <cellStyle name="Обычный 6 9 7 2 2" xfId="33884"/>
    <cellStyle name="Обычный 6 9 7 2 2 2" xfId="33885"/>
    <cellStyle name="Обычный 6 9 7 2 3" xfId="33886"/>
    <cellStyle name="Обычный 6 9 7 2 3 2" xfId="33887"/>
    <cellStyle name="Обычный 6 9 7 2 4" xfId="33888"/>
    <cellStyle name="Обычный 6 9 7 3" xfId="33889"/>
    <cellStyle name="Обычный 6 9 7 3 2" xfId="33890"/>
    <cellStyle name="Обычный 6 9 7 4" xfId="33891"/>
    <cellStyle name="Обычный 6 9 7 4 2" xfId="33892"/>
    <cellStyle name="Обычный 6 9 7 5" xfId="33893"/>
    <cellStyle name="Обычный 6 9 7 5 2" xfId="33894"/>
    <cellStyle name="Обычный 6 9 7 6" xfId="33895"/>
    <cellStyle name="Обычный 6 9 8" xfId="33896"/>
    <cellStyle name="Обычный 6 9 8 2" xfId="33897"/>
    <cellStyle name="Обычный 6 9 8 2 2" xfId="33898"/>
    <cellStyle name="Обычный 6 9 8 2 2 2" xfId="33899"/>
    <cellStyle name="Обычный 6 9 8 2 3" xfId="33900"/>
    <cellStyle name="Обычный 6 9 8 2 3 2" xfId="33901"/>
    <cellStyle name="Обычный 6 9 8 2 4" xfId="33902"/>
    <cellStyle name="Обычный 6 9 8 3" xfId="33903"/>
    <cellStyle name="Обычный 6 9 8 3 2" xfId="33904"/>
    <cellStyle name="Обычный 6 9 8 4" xfId="33905"/>
    <cellStyle name="Обычный 6 9 8 4 2" xfId="33906"/>
    <cellStyle name="Обычный 6 9 8 5" xfId="33907"/>
    <cellStyle name="Обычный 6 9 8 5 2" xfId="33908"/>
    <cellStyle name="Обычный 6 9 8 6" xfId="33909"/>
    <cellStyle name="Обычный 6 9 9" xfId="33910"/>
    <cellStyle name="Обычный 6 9 9 2" xfId="33911"/>
    <cellStyle name="Обычный 6 9 9 2 2" xfId="33912"/>
    <cellStyle name="Обычный 6 9 9 3" xfId="33913"/>
    <cellStyle name="Обычный 6 9 9 3 2" xfId="33914"/>
    <cellStyle name="Обычный 6 9 9 4" xfId="33915"/>
    <cellStyle name="Обычный 7" xfId="25"/>
    <cellStyle name="Обычный 7 2" xfId="33917"/>
    <cellStyle name="Обычный 7 2 2" xfId="33918"/>
    <cellStyle name="Обычный 7 3" xfId="33919"/>
    <cellStyle name="Обычный 7 4" xfId="33920"/>
    <cellStyle name="Обычный 7 5" xfId="33921"/>
    <cellStyle name="Обычный 7 6" xfId="33916"/>
    <cellStyle name="Обычный 8" xfId="33922"/>
    <cellStyle name="Обычный 8 2" xfId="33923"/>
    <cellStyle name="Обычный 8 2 2" xfId="33924"/>
    <cellStyle name="Обычный 8 2 2 2" xfId="33925"/>
    <cellStyle name="Обычный 8 2 3" xfId="33926"/>
    <cellStyle name="Обычный 8 2 3 2" xfId="33927"/>
    <cellStyle name="Обычный 8 2 4" xfId="33928"/>
    <cellStyle name="Обычный 8 2 4 2" xfId="33929"/>
    <cellStyle name="Обычный 8 2 5" xfId="33930"/>
    <cellStyle name="Обычный 8 3" xfId="33931"/>
    <cellStyle name="Обычный 9" xfId="33932"/>
    <cellStyle name="Обычный 9 2" xfId="33933"/>
    <cellStyle name="Обычный 9 2 2" xfId="33934"/>
    <cellStyle name="Обычный 9 2 2 2" xfId="33935"/>
    <cellStyle name="Обычный 9 2 3" xfId="33936"/>
    <cellStyle name="Обычный 9 2 3 2" xfId="33937"/>
    <cellStyle name="Обычный 9 2 4" xfId="33938"/>
    <cellStyle name="Обычный 9 3" xfId="33939"/>
    <cellStyle name="Обычный 9 3 2" xfId="33940"/>
    <cellStyle name="Обычный 9 4" xfId="33941"/>
    <cellStyle name="Обычный 9 4 2" xfId="33942"/>
    <cellStyle name="Обычный 9 5" xfId="33943"/>
    <cellStyle name="Обычный 9 5 2" xfId="33944"/>
    <cellStyle name="Обычный 9 6" xfId="33945"/>
  </cellStyles>
  <dxfs count="0"/>
  <tableStyles count="0" defaultTableStyle="TableStyleMedium2" defaultPivotStyle="PivotStyleMedium9"/>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4.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3.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2.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1.xml"/><Relationship Id="rId27"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Users/User/Desktop/&#1052;&#1054;&#1048;%20&#1044;&#1054;&#1050;&#1059;&#1052;&#1045;&#1053;&#1058;&#1067;/&#1050;&#1057;&#1056;/&#1056;&#1077;&#1077;&#1089;&#1090;&#1088;%20&#1050;&#1057;&#1056;/&#1051;&#1045;&#1043;&#1040;&#1051;&#1048;&#1047;&#1040;&#1062;&#1048;&#1071;%20&#1054;&#1057;&#1053;&#1054;&#1042;&#1053;&#1040;&#1071;%2014.05.2025%20(1).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S:/&#1054;&#1090;&#1076;&#1077;&#1083;%20&#1088;&#1072;&#1079;&#1074;&#1080;&#1090;&#1080;&#1103;%20&#1090;&#1091;&#1088;&#1080;&#1079;&#1084;&#1072;/&#1057;&#1090;&#1072;&#1092;&#1077;&#1077;&#1074;&#1072;%20&#1052;/&#1051;&#1077;&#1075;&#1072;&#1083;&#1080;&#1079;&#1072;&#1094;&#1080;&#1103;%20&#1050;&#1057;&#1056;/&#1051;&#1045;&#1043;&#1040;&#1051;&#1048;&#1047;&#1040;&#1062;&#1048;&#1071;_&#1085;&#1072;%2030.06.2024.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S:\&#1054;&#1090;&#1076;&#1077;&#1083;%20&#1088;&#1072;&#1079;&#1074;&#1080;&#1090;&#1080;&#1103;%20&#1090;&#1091;&#1088;&#1080;&#1079;&#1084;&#1072;\&#1057;&#1090;&#1072;&#1092;&#1077;&#1077;&#1074;&#1072;%20&#1052;\&#1051;&#1077;&#1075;&#1072;&#1083;&#1080;&#1079;&#1072;&#1094;&#1080;&#1103;%20&#1050;&#1057;&#1056;\&#1051;&#1045;&#1043;&#1040;&#1051;&#1048;&#1047;&#1040;&#1062;&#1048;&#1071;_&#1085;&#1072;%2030.06.2024.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s2\&#1086;&#1073;&#1097;&#1077;&#1076;&#1086;&#1089;&#1090;&#1091;&#1087;&#1085;&#1099;&#1077;\shared\&#1054;&#1058;&#1044;&#1045;&#1051;%20&#1069;&#1050;&#1054;&#1053;&#1054;&#1052;&#1048;&#1063;&#1045;&#1057;&#1050;&#1054;&#1043;&#1054;%20&#1056;&#1040;&#1047;&#1042;&#1048;&#1058;&#1048;&#1071;\&#1050;&#1042;&#1040;&#1056;&#1058;&#1040;&#1051;&#1068;&#1053;&#1067;&#1045;%20&#1054;&#1058;&#1063;&#1045;&#1058;&#1067;\&#1058;&#1091;&#1088;&#1080;&#1079;&#1084;%20&#1087;&#1086;%20&#1055;&#1088;&#1086;&#1090;&#1086;&#1082;&#1086;&#1083;&#1091;%20%202.&#1040;&#1055;%20&#1076;&#1086;%2010%20&#1095;&#1080;&#1089;&#1083;&#1072;%20+%20+\&#1044;&#1083;&#1103;%20&#1052;&#1069;&#1056;%20&#1056;&#1050;%20&#1086;&#1090;&#1095;&#1077;&#1090;\&#1055;&#1088;&#1080;&#1083;&#1086;&#1078;&#1077;&#1085;&#1080;&#1077;.xlsx" TargetMode="External"/></Relationships>
</file>

<file path=xl/externalLinks/externalLink1.xml><?xml version="1.0" encoding="utf-8"?>
<externalLink xmlns="http://schemas.openxmlformats.org/spreadsheetml/2006/main">
  <externalBook xmlns:r="http://schemas.openxmlformats.org/officeDocument/2006/relationships" r:id="rId1">
    <sheetNames>
      <sheetName val="2-3 квартал"/>
      <sheetName val="3-4 квартал"/>
      <sheetName val="Сводная"/>
      <sheetName val="свод4"/>
      <sheetName val="27.11.24"/>
      <sheetName val="Петрозаводский"/>
      <sheetName val="Костомукша"/>
      <sheetName val="Беломорский "/>
      <sheetName val="Калевальский "/>
      <sheetName val="Кемский"/>
      <sheetName val="Кондопожский"/>
      <sheetName val="Лахденпохский"/>
      <sheetName val="Лоухский"/>
      <sheetName val="Медвежьегорский"/>
      <sheetName val="Муезерский"/>
      <sheetName val="Олонецкий"/>
      <sheetName val="Питкярантский"/>
      <sheetName val="Прионежский"/>
      <sheetName val="Пряжинский "/>
      <sheetName val="Пудожский"/>
      <sheetName val="Сегежский"/>
      <sheetName val="Суоярвский"/>
      <sheetName val="Сортавальский"/>
      <sheetName val="Динамика"/>
    </sheetNames>
    <sheetDataSet>
      <sheetData sheetId="0"/>
      <sheetData sheetId="1"/>
      <sheetData sheetId="2"/>
      <sheetData sheetId="3"/>
      <sheetData sheetId="4"/>
      <sheetData sheetId="5">
        <row r="4">
          <cell r="C4">
            <v>107</v>
          </cell>
          <cell r="F4">
            <v>44</v>
          </cell>
        </row>
        <row r="5">
          <cell r="C5">
            <v>5</v>
          </cell>
          <cell r="F5">
            <v>42</v>
          </cell>
          <cell r="H5">
            <v>1453</v>
          </cell>
        </row>
        <row r="6">
          <cell r="F6">
            <v>16</v>
          </cell>
        </row>
        <row r="7">
          <cell r="I7">
            <v>1698</v>
          </cell>
          <cell r="J7">
            <v>3419</v>
          </cell>
        </row>
      </sheetData>
      <sheetData sheetId="6">
        <row r="5">
          <cell r="F5">
            <v>12</v>
          </cell>
        </row>
        <row r="6">
          <cell r="F6">
            <v>7</v>
          </cell>
          <cell r="H6">
            <v>136</v>
          </cell>
        </row>
        <row r="8">
          <cell r="I8">
            <v>190</v>
          </cell>
          <cell r="J8">
            <v>448</v>
          </cell>
        </row>
      </sheetData>
      <sheetData sheetId="7">
        <row r="4">
          <cell r="C4">
            <v>27</v>
          </cell>
          <cell r="F4">
            <v>6</v>
          </cell>
        </row>
        <row r="5">
          <cell r="F5">
            <v>15</v>
          </cell>
          <cell r="H5">
            <v>100</v>
          </cell>
        </row>
        <row r="6">
          <cell r="F6">
            <v>6</v>
          </cell>
        </row>
        <row r="7">
          <cell r="I7">
            <v>181</v>
          </cell>
          <cell r="J7">
            <v>613</v>
          </cell>
        </row>
      </sheetData>
      <sheetData sheetId="8">
        <row r="4">
          <cell r="F4">
            <v>3</v>
          </cell>
        </row>
        <row r="5">
          <cell r="C5">
            <v>3</v>
          </cell>
          <cell r="F5">
            <v>12</v>
          </cell>
        </row>
        <row r="7">
          <cell r="H7">
            <v>48</v>
          </cell>
        </row>
        <row r="8">
          <cell r="I8">
            <v>79</v>
          </cell>
          <cell r="J8">
            <v>259</v>
          </cell>
        </row>
      </sheetData>
      <sheetData sheetId="9">
        <row r="4">
          <cell r="G4">
            <v>5</v>
          </cell>
        </row>
        <row r="5">
          <cell r="G5">
            <v>6</v>
          </cell>
        </row>
        <row r="6">
          <cell r="G6">
            <v>9</v>
          </cell>
        </row>
        <row r="7">
          <cell r="I7">
            <v>156</v>
          </cell>
        </row>
        <row r="8">
          <cell r="I8">
            <v>194</v>
          </cell>
          <cell r="J8">
            <v>473</v>
          </cell>
        </row>
      </sheetData>
      <sheetData sheetId="10">
        <row r="7">
          <cell r="H7">
            <v>439</v>
          </cell>
        </row>
        <row r="8">
          <cell r="I8">
            <v>498</v>
          </cell>
          <cell r="J8">
            <v>2084</v>
          </cell>
        </row>
      </sheetData>
      <sheetData sheetId="11">
        <row r="7">
          <cell r="I7">
            <v>85</v>
          </cell>
        </row>
        <row r="8">
          <cell r="I8">
            <v>372</v>
          </cell>
          <cell r="J8">
            <v>2253</v>
          </cell>
        </row>
      </sheetData>
      <sheetData sheetId="12">
        <row r="7">
          <cell r="I7">
            <v>72</v>
          </cell>
        </row>
        <row r="8">
          <cell r="I8">
            <v>167</v>
          </cell>
          <cell r="J8">
            <v>45809</v>
          </cell>
        </row>
      </sheetData>
      <sheetData sheetId="13">
        <row r="7">
          <cell r="I7">
            <v>125</v>
          </cell>
        </row>
        <row r="8">
          <cell r="I8">
            <v>250</v>
          </cell>
          <cell r="J8">
            <v>872</v>
          </cell>
        </row>
      </sheetData>
      <sheetData sheetId="14">
        <row r="7">
          <cell r="I7">
            <v>21</v>
          </cell>
        </row>
        <row r="8">
          <cell r="I8">
            <v>66</v>
          </cell>
          <cell r="J8">
            <v>269</v>
          </cell>
        </row>
      </sheetData>
      <sheetData sheetId="15">
        <row r="7">
          <cell r="I7">
            <v>106</v>
          </cell>
        </row>
        <row r="8">
          <cell r="I8">
            <v>212</v>
          </cell>
          <cell r="J8">
            <v>915</v>
          </cell>
        </row>
      </sheetData>
      <sheetData sheetId="16">
        <row r="7">
          <cell r="I7" t="str">
            <v>119</v>
          </cell>
          <cell r="J7">
            <v>45992</v>
          </cell>
          <cell r="L7">
            <v>263</v>
          </cell>
        </row>
      </sheetData>
      <sheetData sheetId="17">
        <row r="7">
          <cell r="I7">
            <v>123</v>
          </cell>
        </row>
        <row r="8">
          <cell r="I8">
            <v>277</v>
          </cell>
          <cell r="J8">
            <v>1069</v>
          </cell>
        </row>
      </sheetData>
      <sheetData sheetId="18">
        <row r="7">
          <cell r="I7">
            <v>39</v>
          </cell>
        </row>
        <row r="8">
          <cell r="I8">
            <v>267</v>
          </cell>
          <cell r="J8">
            <v>1409</v>
          </cell>
        </row>
      </sheetData>
      <sheetData sheetId="19">
        <row r="6">
          <cell r="I6">
            <v>52</v>
          </cell>
        </row>
        <row r="7">
          <cell r="I7">
            <v>103</v>
          </cell>
          <cell r="J7">
            <v>530</v>
          </cell>
        </row>
      </sheetData>
      <sheetData sheetId="20">
        <row r="6">
          <cell r="I6">
            <v>173</v>
          </cell>
        </row>
        <row r="7">
          <cell r="I7">
            <v>185</v>
          </cell>
          <cell r="J7">
            <v>420</v>
          </cell>
        </row>
      </sheetData>
      <sheetData sheetId="21">
        <row r="7">
          <cell r="I7">
            <v>25</v>
          </cell>
        </row>
        <row r="8">
          <cell r="I8">
            <v>141</v>
          </cell>
          <cell r="J8">
            <v>494</v>
          </cell>
        </row>
      </sheetData>
      <sheetData sheetId="22">
        <row r="7">
          <cell r="I7">
            <v>550</v>
          </cell>
        </row>
        <row r="8">
          <cell r="I8">
            <v>979</v>
          </cell>
          <cell r="J8">
            <v>2913</v>
          </cell>
        </row>
      </sheetData>
      <sheetData sheetId="23"/>
    </sheetDataSet>
  </externalBook>
</externalLink>
</file>

<file path=xl/externalLinks/externalLink2.xml><?xml version="1.0" encoding="utf-8"?>
<externalLink xmlns="http://schemas.openxmlformats.org/spreadsheetml/2006/main">
  <externalBook xmlns:r="http://schemas.openxmlformats.org/officeDocument/2006/relationships" r:id="rId1">
    <sheetNames>
      <sheetName val="Динамика"/>
      <sheetName val="1 кв.2024-2 кв.2024"/>
      <sheetName val="Сводная"/>
      <sheetName val="Петрозаводск"/>
      <sheetName val="Костомукша"/>
      <sheetName val="Беломорский "/>
      <sheetName val="Калевальский "/>
      <sheetName val="Кемский"/>
      <sheetName val="Кондопожский"/>
      <sheetName val="Лахденпохский"/>
      <sheetName val="Лоухский"/>
      <sheetName val="Медвежьегорский"/>
      <sheetName val="Муезерский"/>
      <sheetName val="Олонецкий"/>
      <sheetName val="Питкярантский "/>
      <sheetName val="Прионежский"/>
      <sheetName val="Пряжинский "/>
      <sheetName val="Пудожский"/>
      <sheetName val="Сегежский"/>
      <sheetName val="Сортавальский"/>
      <sheetName val="Суоярвский"/>
    </sheetNames>
    <sheetDataSet>
      <sheetData sheetId="0" refreshError="1"/>
      <sheetData sheetId="1" refreshError="1"/>
      <sheetData sheetId="2" refreshError="1"/>
      <sheetData sheetId="3" refreshError="1"/>
      <sheetData sheetId="4" refreshError="1">
        <row r="3">
          <cell r="C3">
            <v>22</v>
          </cell>
        </row>
        <row r="4">
          <cell r="C4">
            <v>22</v>
          </cell>
          <cell r="F4">
            <v>3</v>
          </cell>
        </row>
        <row r="5">
          <cell r="C5">
            <v>0</v>
          </cell>
        </row>
        <row r="7">
          <cell r="F7">
            <v>0</v>
          </cell>
        </row>
      </sheetData>
      <sheetData sheetId="5" refreshError="1">
        <row r="3">
          <cell r="C3">
            <v>28</v>
          </cell>
        </row>
        <row r="5">
          <cell r="C5">
            <v>0</v>
          </cell>
        </row>
        <row r="7">
          <cell r="F7">
            <v>0</v>
          </cell>
        </row>
      </sheetData>
      <sheetData sheetId="6" refreshError="1">
        <row r="3">
          <cell r="C3">
            <v>23</v>
          </cell>
        </row>
        <row r="4">
          <cell r="C4">
            <v>23</v>
          </cell>
        </row>
        <row r="7">
          <cell r="F7">
            <v>0</v>
          </cell>
        </row>
      </sheetData>
      <sheetData sheetId="7" refreshError="1">
        <row r="3">
          <cell r="C3">
            <v>22</v>
          </cell>
        </row>
        <row r="4">
          <cell r="C4">
            <v>21</v>
          </cell>
        </row>
        <row r="5">
          <cell r="C5">
            <v>1</v>
          </cell>
        </row>
      </sheetData>
      <sheetData sheetId="8" refreshError="1"/>
      <sheetData sheetId="9" refreshError="1">
        <row r="3">
          <cell r="C3">
            <v>68</v>
          </cell>
        </row>
        <row r="5">
          <cell r="C5">
            <v>2</v>
          </cell>
        </row>
      </sheetData>
      <sheetData sheetId="10" refreshError="1">
        <row r="3">
          <cell r="C3">
            <v>62</v>
          </cell>
        </row>
        <row r="4">
          <cell r="C4">
            <v>51</v>
          </cell>
        </row>
        <row r="5">
          <cell r="C5">
            <v>11</v>
          </cell>
        </row>
      </sheetData>
      <sheetData sheetId="11" refreshError="1">
        <row r="3">
          <cell r="C3">
            <v>83</v>
          </cell>
        </row>
        <row r="4">
          <cell r="F4">
            <v>8</v>
          </cell>
        </row>
        <row r="5">
          <cell r="C5">
            <v>3</v>
          </cell>
        </row>
      </sheetData>
      <sheetData sheetId="12" refreshError="1">
        <row r="3">
          <cell r="C3">
            <v>18</v>
          </cell>
        </row>
        <row r="4">
          <cell r="C4">
            <v>13</v>
          </cell>
          <cell r="F4">
            <v>6</v>
          </cell>
        </row>
        <row r="5">
          <cell r="F5">
            <v>4</v>
          </cell>
        </row>
        <row r="6">
          <cell r="F6">
            <v>3</v>
          </cell>
        </row>
        <row r="7">
          <cell r="F7">
            <v>0</v>
          </cell>
        </row>
      </sheetData>
      <sheetData sheetId="13" refreshError="1">
        <row r="3">
          <cell r="C3">
            <v>48</v>
          </cell>
        </row>
        <row r="4">
          <cell r="F4">
            <v>8</v>
          </cell>
        </row>
        <row r="7">
          <cell r="F7">
            <v>0</v>
          </cell>
        </row>
      </sheetData>
      <sheetData sheetId="14" refreshError="1">
        <row r="3">
          <cell r="C3">
            <v>58</v>
          </cell>
        </row>
        <row r="7">
          <cell r="F7">
            <v>0</v>
          </cell>
        </row>
      </sheetData>
      <sheetData sheetId="15" refreshError="1">
        <row r="3">
          <cell r="C3">
            <v>58</v>
          </cell>
        </row>
        <row r="5">
          <cell r="C5">
            <v>2</v>
          </cell>
        </row>
        <row r="7">
          <cell r="F7">
            <v>1</v>
          </cell>
        </row>
      </sheetData>
      <sheetData sheetId="16" refreshError="1">
        <row r="3">
          <cell r="C3">
            <v>76</v>
          </cell>
        </row>
        <row r="4">
          <cell r="C4">
            <v>62</v>
          </cell>
        </row>
        <row r="5">
          <cell r="C5">
            <v>14</v>
          </cell>
        </row>
        <row r="7">
          <cell r="F7">
            <v>0</v>
          </cell>
        </row>
      </sheetData>
      <sheetData sheetId="17" refreshError="1">
        <row r="3">
          <cell r="C3">
            <v>42</v>
          </cell>
        </row>
        <row r="4">
          <cell r="F4">
            <v>4</v>
          </cell>
        </row>
        <row r="5">
          <cell r="C5">
            <v>1</v>
          </cell>
        </row>
        <row r="7">
          <cell r="F7">
            <v>0</v>
          </cell>
        </row>
      </sheetData>
      <sheetData sheetId="18" refreshError="1">
        <row r="3">
          <cell r="C3">
            <v>30</v>
          </cell>
        </row>
        <row r="5">
          <cell r="C5">
            <v>1</v>
          </cell>
          <cell r="F5">
            <v>12</v>
          </cell>
        </row>
        <row r="6">
          <cell r="F6">
            <v>8</v>
          </cell>
        </row>
        <row r="7">
          <cell r="F7">
            <v>0</v>
          </cell>
        </row>
      </sheetData>
      <sheetData sheetId="19" refreshError="1">
        <row r="3">
          <cell r="C3">
            <v>164</v>
          </cell>
        </row>
        <row r="7">
          <cell r="F7">
            <v>5</v>
          </cell>
        </row>
      </sheetData>
      <sheetData sheetId="20" refreshError="1">
        <row r="3">
          <cell r="C3">
            <v>34</v>
          </cell>
        </row>
        <row r="6">
          <cell r="F6">
            <v>16</v>
          </cell>
        </row>
      </sheetData>
    </sheetDataSet>
  </externalBook>
</externalLink>
</file>

<file path=xl/externalLinks/externalLink3.xml><?xml version="1.0" encoding="utf-8"?>
<externalLink xmlns="http://schemas.openxmlformats.org/spreadsheetml/2006/main">
  <externalBook xmlns:r="http://schemas.openxmlformats.org/officeDocument/2006/relationships" r:id="rId1">
    <sheetNames>
      <sheetName val="Динамика"/>
      <sheetName val="1 кв.2024-2 кв.2024"/>
      <sheetName val="Сводная"/>
      <sheetName val="Петрозаводск"/>
      <sheetName val="Костомукша"/>
      <sheetName val="Беломорский "/>
      <sheetName val="Калевальский "/>
      <sheetName val="Кемский"/>
      <sheetName val="Кондопожский"/>
      <sheetName val="Лахденпохский"/>
      <sheetName val="Лоухский"/>
      <sheetName val="Медвежьегорский"/>
      <sheetName val="Муезерский"/>
      <sheetName val="Олонецкий"/>
      <sheetName val="Питкярантский "/>
      <sheetName val="Прионежский"/>
      <sheetName val="Пряжинский "/>
      <sheetName val="Пудожский"/>
      <sheetName val="Сегежский"/>
      <sheetName val="Сортавальский"/>
      <sheetName val="Суоярвский"/>
    </sheetNames>
    <sheetDataSet>
      <sheetData sheetId="0"/>
      <sheetData sheetId="1"/>
      <sheetData sheetId="2">
        <row r="4">
          <cell r="J4">
            <v>1</v>
          </cell>
        </row>
      </sheetData>
      <sheetData sheetId="3">
        <row r="3">
          <cell r="C3">
            <v>100</v>
          </cell>
        </row>
      </sheetData>
      <sheetData sheetId="4">
        <row r="3">
          <cell r="B3" t="str">
            <v>Итого</v>
          </cell>
          <cell r="C3">
            <v>22</v>
          </cell>
        </row>
        <row r="4">
          <cell r="F4">
            <v>3</v>
          </cell>
        </row>
        <row r="5">
          <cell r="C5">
            <v>0</v>
          </cell>
        </row>
        <row r="7">
          <cell r="F7">
            <v>0</v>
          </cell>
        </row>
      </sheetData>
      <sheetData sheetId="5">
        <row r="3">
          <cell r="C3">
            <v>28</v>
          </cell>
        </row>
        <row r="5">
          <cell r="C5">
            <v>0</v>
          </cell>
        </row>
        <row r="7">
          <cell r="F7">
            <v>0</v>
          </cell>
        </row>
      </sheetData>
      <sheetData sheetId="6">
        <row r="3">
          <cell r="C3">
            <v>23</v>
          </cell>
        </row>
        <row r="4">
          <cell r="C4">
            <v>23</v>
          </cell>
        </row>
        <row r="7">
          <cell r="F7">
            <v>0</v>
          </cell>
        </row>
      </sheetData>
      <sheetData sheetId="7">
        <row r="3">
          <cell r="C3">
            <v>22</v>
          </cell>
        </row>
        <row r="5">
          <cell r="C5">
            <v>1</v>
          </cell>
        </row>
      </sheetData>
      <sheetData sheetId="8">
        <row r="3">
          <cell r="C3">
            <v>70</v>
          </cell>
        </row>
      </sheetData>
      <sheetData sheetId="9">
        <row r="3">
          <cell r="C3">
            <v>68</v>
          </cell>
        </row>
        <row r="5">
          <cell r="C5">
            <v>2</v>
          </cell>
        </row>
      </sheetData>
      <sheetData sheetId="10">
        <row r="3">
          <cell r="C3">
            <v>62</v>
          </cell>
        </row>
      </sheetData>
      <sheetData sheetId="11">
        <row r="3">
          <cell r="B3" t="str">
            <v>Итого</v>
          </cell>
        </row>
      </sheetData>
      <sheetData sheetId="12">
        <row r="3">
          <cell r="B3" t="str">
            <v>Итого</v>
          </cell>
        </row>
        <row r="4">
          <cell r="C4">
            <v>13</v>
          </cell>
        </row>
        <row r="7">
          <cell r="F7">
            <v>0</v>
          </cell>
        </row>
      </sheetData>
      <sheetData sheetId="13">
        <row r="3">
          <cell r="B3" t="str">
            <v>Итого</v>
          </cell>
        </row>
        <row r="4">
          <cell r="F4">
            <v>8</v>
          </cell>
        </row>
        <row r="7">
          <cell r="F7">
            <v>0</v>
          </cell>
        </row>
      </sheetData>
      <sheetData sheetId="14">
        <row r="3">
          <cell r="C3">
            <v>58</v>
          </cell>
        </row>
        <row r="7">
          <cell r="F7">
            <v>0</v>
          </cell>
        </row>
      </sheetData>
      <sheetData sheetId="15">
        <row r="3">
          <cell r="C3">
            <v>58</v>
          </cell>
        </row>
        <row r="5">
          <cell r="C5">
            <v>2</v>
          </cell>
        </row>
        <row r="7">
          <cell r="F7">
            <v>1</v>
          </cell>
        </row>
      </sheetData>
      <sheetData sheetId="16">
        <row r="3">
          <cell r="C3">
            <v>76</v>
          </cell>
        </row>
        <row r="5">
          <cell r="C5">
            <v>14</v>
          </cell>
        </row>
        <row r="7">
          <cell r="F7">
            <v>0</v>
          </cell>
        </row>
      </sheetData>
      <sheetData sheetId="17">
        <row r="3">
          <cell r="B3" t="str">
            <v>Итого</v>
          </cell>
        </row>
        <row r="4">
          <cell r="F4">
            <v>4</v>
          </cell>
        </row>
        <row r="5">
          <cell r="C5">
            <v>1</v>
          </cell>
        </row>
        <row r="7">
          <cell r="F7">
            <v>0</v>
          </cell>
        </row>
      </sheetData>
      <sheetData sheetId="18">
        <row r="3">
          <cell r="C3">
            <v>30</v>
          </cell>
        </row>
        <row r="5">
          <cell r="C5">
            <v>1</v>
          </cell>
          <cell r="F5">
            <v>12</v>
          </cell>
        </row>
        <row r="6">
          <cell r="F6">
            <v>8</v>
          </cell>
        </row>
        <row r="7">
          <cell r="F7">
            <v>0</v>
          </cell>
        </row>
      </sheetData>
      <sheetData sheetId="19">
        <row r="3">
          <cell r="C3">
            <v>164</v>
          </cell>
        </row>
      </sheetData>
      <sheetData sheetId="20">
        <row r="3">
          <cell r="C3">
            <v>34</v>
          </cell>
        </row>
        <row r="6">
          <cell r="F6">
            <v>16</v>
          </cell>
        </row>
      </sheetData>
    </sheetDataSet>
  </externalBook>
</externalLink>
</file>

<file path=xl/externalLinks/externalLink4.xml><?xml version="1.0" encoding="utf-8"?>
<externalLink xmlns="http://schemas.openxmlformats.org/spreadsheetml/2006/main">
  <externalBook xmlns:r="http://schemas.openxmlformats.org/officeDocument/2006/relationships" r:id="rId1">
    <sheetNames>
      <sheetName val="01.10.2023"/>
    </sheetNames>
    <sheetDataSet>
      <sheetData sheetId="0" refreshError="1">
        <row r="65">
          <cell r="B65" t="str">
            <v>Турбаза "Янис", п. Ляскеля, ст.Янисъярви</v>
          </cell>
        </row>
        <row r="69">
          <cell r="H69" t="str">
            <v>нет</v>
          </cell>
          <cell r="I69">
            <v>2</v>
          </cell>
          <cell r="J69">
            <v>8</v>
          </cell>
          <cell r="K69">
            <v>0</v>
          </cell>
          <cell r="L69" t="str">
            <v>2023 год</v>
          </cell>
          <cell r="M69" t="str">
            <v>нет</v>
          </cell>
          <cell r="P69" t="str">
            <v>работают только в сезон с мая по сентябрь</v>
          </cell>
        </row>
      </sheetData>
    </sheetDataSet>
  </externalBook>
</externalLink>
</file>

<file path=xl/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hyperlink" Target="https://selohotel.ru/" TargetMode="External"/><Relationship Id="rId2" Type="http://schemas.openxmlformats.org/officeDocument/2006/relationships/hyperlink" Target="https://villy-uley.ru/karelia/" TargetMode="External"/><Relationship Id="rId1" Type="http://schemas.openxmlformats.org/officeDocument/2006/relationships/hyperlink" Target="https://egrp365.org/reestr?egrp=10:12:0022201:26" TargetMode="External"/><Relationship Id="rId5" Type="http://schemas.openxmlformats.org/officeDocument/2006/relationships/printerSettings" Target="../printerSettings/printerSettings10.bin"/><Relationship Id="rId4" Type="http://schemas.openxmlformats.org/officeDocument/2006/relationships/hyperlink" Target="mailto:orbitalog@yandex.ru" TargetMode="External"/></Relationships>
</file>

<file path=xl/worksheets/_rels/sheet11.xml.rels><?xml version="1.0" encoding="UTF-8" standalone="yes"?>
<Relationships xmlns="http://schemas.openxmlformats.org/package/2006/relationships"><Relationship Id="rId3" Type="http://schemas.openxmlformats.org/officeDocument/2006/relationships/hyperlink" Target="https://tsipringa.ru/" TargetMode="External"/><Relationship Id="rId2" Type="http://schemas.openxmlformats.org/officeDocument/2006/relationships/hyperlink" Target="http://www.erakeskus.com/" TargetMode="External"/><Relationship Id="rId1" Type="http://schemas.openxmlformats.org/officeDocument/2006/relationships/hyperlink" Target="https://pyaozero-kareliya.ru/" TargetMode="External"/><Relationship Id="rId4"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3" Type="http://schemas.openxmlformats.org/officeDocument/2006/relationships/hyperlink" Target="http://zaonezhie.ru/" TargetMode="External"/><Relationship Id="rId2" Type="http://schemas.openxmlformats.org/officeDocument/2006/relationships/hyperlink" Target="https://www.vashotel.ru/gostinicy/rossiya/city57059/gostevoj-dom-taezhnaya-skazka/" TargetMode="External"/><Relationship Id="rId1" Type="http://schemas.openxmlformats.org/officeDocument/2006/relationships/hyperlink" Target="https://guesthouse.travel/russia/id-domik-u-margarity" TargetMode="External"/><Relationship Id="rId5" Type="http://schemas.openxmlformats.org/officeDocument/2006/relationships/printerSettings" Target="../printerSettings/printerSettings12.bin"/><Relationship Id="rId4" Type="http://schemas.openxmlformats.org/officeDocument/2006/relationships/hyperlink" Target="https://greenclub-karelia.ru/" TargetMode="External"/></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3" Type="http://schemas.openxmlformats.org/officeDocument/2006/relationships/hyperlink" Target="tel:+79214533605" TargetMode="External"/><Relationship Id="rId18" Type="http://schemas.openxmlformats.org/officeDocument/2006/relationships/hyperlink" Target="tel:+79214652252" TargetMode="External"/><Relationship Id="rId26" Type="http://schemas.openxmlformats.org/officeDocument/2006/relationships/hyperlink" Target="https://www.avito.ru/kareliya_ilinskiy/doma_dachi_kottedzhi/dom_60_m_na_uchastke_7_sot._3944891728" TargetMode="External"/><Relationship Id="rId39" Type="http://schemas.openxmlformats.org/officeDocument/2006/relationships/hyperlink" Target="https://tropki.ru/rossiya/kareliya/nurmoyla/0997922-uyutnyy-domik-nurmi-na-beregu" TargetMode="External"/><Relationship Id="rId3" Type="http://schemas.openxmlformats.org/officeDocument/2006/relationships/hyperlink" Target="tel:+7%20(921)%20801-00-28" TargetMode="External"/><Relationship Id="rId21" Type="http://schemas.openxmlformats.org/officeDocument/2006/relationships/hyperlink" Target="https://tochkanakarte.ru/vidlitsa" TargetMode="External"/><Relationship Id="rId34" Type="http://schemas.openxmlformats.org/officeDocument/2006/relationships/hyperlink" Target="https://vk.com/lemijarvi" TargetMode="External"/><Relationship Id="rId42" Type="http://schemas.openxmlformats.org/officeDocument/2006/relationships/hyperlink" Target="https://vk.com/public183216741" TargetMode="External"/><Relationship Id="rId47" Type="http://schemas.openxmlformats.org/officeDocument/2006/relationships/hyperlink" Target="https://www.avito.ru/olonets/doma_dachi_kottedzhi/dom_54_m_na_uchastke_15_sot._3991331040?guestsDetailed=%7B%22version%22%3A1%2C%22totalCount%22%3A2%2C%22adultsCount%22%3A2%2C%22children%22%3A%5B%5D%7D" TargetMode="External"/><Relationship Id="rId50" Type="http://schemas.openxmlformats.org/officeDocument/2006/relationships/hyperlink" Target="https://turbazy.ru/list/respublika_kareliya/tuloksa.html" TargetMode="External"/><Relationship Id="rId7" Type="http://schemas.openxmlformats.org/officeDocument/2006/relationships/hyperlink" Target="https://sepankodi.ru/" TargetMode="External"/><Relationship Id="rId12" Type="http://schemas.openxmlformats.org/officeDocument/2006/relationships/hyperlink" Target="https://vk.com/kareliaconiferous" TargetMode="External"/><Relationship Id="rId17" Type="http://schemas.openxmlformats.org/officeDocument/2006/relationships/hyperlink" Target="tel:+79062065993" TargetMode="External"/><Relationship Id="rId25" Type="http://schemas.openxmlformats.org/officeDocument/2006/relationships/hyperlink" Target="https://www.avito.ru/kareliya_ilinskiy/doma_dachi_kottedzhi/dom_40m_na_uchastke_20sot._2664833373?utm_campaign=native&amp;utm_medium=item_page_ios&amp;utm_source=soc_sharing&amp;guests=2" TargetMode="External"/><Relationship Id="rId33" Type="http://schemas.openxmlformats.org/officeDocument/2006/relationships/hyperlink" Target="https://mirturbaz.ru/russia/kareliya/shulka-baza-otdyha" TargetMode="External"/><Relationship Id="rId38" Type="http://schemas.openxmlformats.org/officeDocument/2006/relationships/hyperlink" Target="https://www.karju-kala.ru/" TargetMode="External"/><Relationship Id="rId46" Type="http://schemas.openxmlformats.org/officeDocument/2006/relationships/hyperlink" Target="https://www.avito.ru/olonets/doma_dachi_kottedzhi/kottedzh_24_m_na_uchastke_35_sot._4275323817?guestsDetailed=%7B%22version%22%3A1%2C%22totalCount%22%3A2%2C%22adultsCount%22%3A2%2C%22children%22%3A%5B%5D%7D" TargetMode="External"/><Relationship Id="rId2" Type="http://schemas.openxmlformats.org/officeDocument/2006/relationships/hyperlink" Target="https://baza-lesnoeozero.ru/" TargetMode="External"/><Relationship Id="rId16" Type="http://schemas.openxmlformats.org/officeDocument/2006/relationships/hyperlink" Target="mailto:karelia-otdyh.ru@yandex.ru" TargetMode="External"/><Relationship Id="rId20" Type="http://schemas.openxmlformats.org/officeDocument/2006/relationships/hyperlink" Target="https://vk.com/otel_uyt" TargetMode="External"/><Relationship Id="rId29" Type="http://schemas.openxmlformats.org/officeDocument/2006/relationships/hyperlink" Target="mailto:kristina-number1@mail.ru" TargetMode="External"/><Relationship Id="rId41" Type="http://schemas.openxmlformats.org/officeDocument/2006/relationships/hyperlink" Target="https://www.avito.ru/olonets/doma_dachi_kottedzhi/dom_150_m_na_uchastke_15_sot._3197174240?guestsDetailed=%7B%22version%22%3A1%2C%22totalCount%22%3A2%2C%22adultsCount%22%3A2%2C%22children%22%3A%5B%5D%7D" TargetMode="External"/><Relationship Id="rId54" Type="http://schemas.openxmlformats.org/officeDocument/2006/relationships/printerSettings" Target="../printerSettings/printerSettings14.bin"/><Relationship Id="rId1" Type="http://schemas.openxmlformats.org/officeDocument/2006/relationships/hyperlink" Target="http://hostelbrusnichka.ru/" TargetMode="External"/><Relationship Id="rId6" Type="http://schemas.openxmlformats.org/officeDocument/2006/relationships/hyperlink" Target="https://sutochno.ru/front/searchapp/detail/954493" TargetMode="External"/><Relationship Id="rId11" Type="http://schemas.openxmlformats.org/officeDocument/2006/relationships/hyperlink" Target="mailto:shulkachupuk@mail.ru" TargetMode="External"/><Relationship Id="rId24" Type="http://schemas.openxmlformats.org/officeDocument/2006/relationships/hyperlink" Target="http://baza-novinka.ru/" TargetMode="External"/><Relationship Id="rId32" Type="http://schemas.openxmlformats.org/officeDocument/2006/relationships/hyperlink" Target="https://vk.com/public183216741" TargetMode="External"/><Relationship Id="rId37" Type="http://schemas.openxmlformats.org/officeDocument/2006/relationships/hyperlink" Target="https://vk.com/sosnovijdvor" TargetMode="External"/><Relationship Id="rId40" Type="http://schemas.openxmlformats.org/officeDocument/2006/relationships/hyperlink" Target="https://syandeba.ru/" TargetMode="External"/><Relationship Id="rId45" Type="http://schemas.openxmlformats.org/officeDocument/2006/relationships/hyperlink" Target="https://www.avito.ru/olonets/doma_dachi_kottedzhi/dom_30m_na_uchastke_60sot._3432340301?utm_campaign=native&amp;utm_medium=item_page_ios&amp;utm_source=soc_sharing&amp;guests=2" TargetMode="External"/><Relationship Id="rId53" Type="http://schemas.openxmlformats.org/officeDocument/2006/relationships/hyperlink" Target="https://www.avito.ru/olonets/doma_dachi_kottedzhi/dom_90_m_na_uchastke_15_sot._4189515082?guestsDetailed=%7B%22version%22%3A1%2C%22totalCount%22%3A2%2C%22adultsCount%22%3A2%2C%22children%22%3A%5B%5D%7D" TargetMode="External"/><Relationship Id="rId5" Type="http://schemas.openxmlformats.org/officeDocument/2006/relationships/hyperlink" Target="https://sutochno.ru/front/searchapp/detail/954639" TargetMode="External"/><Relationship Id="rId15" Type="http://schemas.openxmlformats.org/officeDocument/2006/relationships/hyperlink" Target="https://vk.com/public202692637" TargetMode="External"/><Relationship Id="rId23" Type="http://schemas.openxmlformats.org/officeDocument/2006/relationships/hyperlink" Target="tel:+79216301122" TargetMode="External"/><Relationship Id="rId28" Type="http://schemas.openxmlformats.org/officeDocument/2006/relationships/hyperlink" Target="https://www.avito.ru/olonets/doma_dachi_kottedzhi/dom_38_m_na_uchastke_15_sot._3555457891?guestsDetailed=%7B%22version%22%3A1%2C%22totalCount%22%3A2%2C%22adultsCount%22%3A2%2C%22children%22%3A%5B%5D%7D" TargetMode="External"/><Relationship Id="rId36" Type="http://schemas.openxmlformats.org/officeDocument/2006/relationships/hyperlink" Target="mailto:olonga@onego.ru" TargetMode="External"/><Relationship Id="rId49" Type="http://schemas.openxmlformats.org/officeDocument/2006/relationships/hyperlink" Target="https://vk.com/arendadomanaladoge" TargetMode="External"/><Relationship Id="rId10" Type="http://schemas.openxmlformats.org/officeDocument/2006/relationships/hyperlink" Target="https://&#1072;&#1083;&#1072;&#1074;&#1086;&#1081;&#1085;&#1077;.&#1088;&#1092;/" TargetMode="External"/><Relationship Id="rId19" Type="http://schemas.openxmlformats.org/officeDocument/2006/relationships/hyperlink" Target="https://vk.com/club83161559" TargetMode="External"/><Relationship Id="rId31" Type="http://schemas.openxmlformats.org/officeDocument/2006/relationships/hyperlink" Target="https://sepankodi.ru/" TargetMode="External"/><Relationship Id="rId44" Type="http://schemas.openxmlformats.org/officeDocument/2006/relationships/hyperlink" Target="https://www.avito.ru/olonets/doma_dachi_kottedzhi/dom_48_m_na_uchastke_10_sot._2953176531?guestsDetailed=%7B%22version%22%3A1%2C%22totalCount%22%3A2%2C%22adultsCount%22%3A2%2C%22children%22%3A%5B%5D%7D" TargetMode="External"/><Relationship Id="rId52" Type="http://schemas.openxmlformats.org/officeDocument/2006/relationships/hyperlink" Target="https://vk.com/club15621290" TargetMode="External"/><Relationship Id="rId4" Type="http://schemas.openxmlformats.org/officeDocument/2006/relationships/hyperlink" Target="https://tvil.ru/city/olonets/houses/1010812/" TargetMode="External"/><Relationship Id="rId9" Type="http://schemas.openxmlformats.org/officeDocument/2006/relationships/hyperlink" Target="https://villavitele.ru/hotel/" TargetMode="External"/><Relationship Id="rId14" Type="http://schemas.openxmlformats.org/officeDocument/2006/relationships/hyperlink" Target="tel:+79062065993" TargetMode="External"/><Relationship Id="rId22" Type="http://schemas.openxmlformats.org/officeDocument/2006/relationships/hyperlink" Target="https://www.avito.ru/kareliya_ilinskiy/doma_dachi_kottedzhi/dom_415m_na_uchastke_30sot._3316665420" TargetMode="External"/><Relationship Id="rId27" Type="http://schemas.openxmlformats.org/officeDocument/2006/relationships/hyperlink" Target="mailto:cowalewa.j@yandex.ru" TargetMode="External"/><Relationship Id="rId30" Type="http://schemas.openxmlformats.org/officeDocument/2006/relationships/hyperlink" Target="https://www.avito.ru/olonets/doma_dachi_kottedzhi/4-k._dom_115_m_2613787771?utm_campaign=native&amp;utm_medium=item_page_ios&amp;utm_source=soc_sharing&amp;guestsDetailed=%7B%22version%22%3A1%2C%22totalCount%22%3A2%2C%22adultsCount%22%3A2%2C%22children%22%3A%5B%5D%7D" TargetMode="External"/><Relationship Id="rId35" Type="http://schemas.openxmlformats.org/officeDocument/2006/relationships/hyperlink" Target="https://umostu.ru/" TargetMode="External"/><Relationship Id="rId43" Type="http://schemas.openxmlformats.org/officeDocument/2006/relationships/hyperlink" Target="https://&#1072;&#1083;&#1072;&#1074;&#1086;&#1081;&#1085;&#1077;.&#1088;&#1092;/%d1%82%d1%83%d1%83%d0%bb%d0%be%d1%81/" TargetMode="External"/><Relationship Id="rId48" Type="http://schemas.openxmlformats.org/officeDocument/2006/relationships/hyperlink" Target="https://www.avito.ru/olonets/doma_dachi_kottedzhi/dom_120m_na_uchastke_15sot._2568417097?utm_campaign=native&amp;utm_medium=item_page_ios&amp;utm_source=soc_sharing" TargetMode="External"/><Relationship Id="rId8" Type="http://schemas.openxmlformats.org/officeDocument/2006/relationships/hyperlink" Target="https://vk.com/public118104068" TargetMode="External"/><Relationship Id="rId51" Type="http://schemas.openxmlformats.org/officeDocument/2006/relationships/hyperlink" Target="https://vk.com/club15621290" TargetMode="External"/></Relationships>
</file>

<file path=xl/worksheets/_rels/sheet15.xml.rels><?xml version="1.0" encoding="UTF-8" standalone="yes"?>
<Relationships xmlns="http://schemas.openxmlformats.org/package/2006/relationships"><Relationship Id="rId3" Type="http://schemas.openxmlformats.org/officeDocument/2006/relationships/hyperlink" Target="https://mantiansaari.business.site/" TargetMode="External"/><Relationship Id="rId2" Type="http://schemas.openxmlformats.org/officeDocument/2006/relationships/hyperlink" Target="http://turbaza.spb.ru/rent-cottages/1024/" TargetMode="External"/><Relationship Id="rId1" Type="http://schemas.openxmlformats.org/officeDocument/2006/relationships/hyperlink" Target="https://www.booking.com/hotel/ru/domik-na-sadovoi-liaskelia.ru.html?aid=304142;label" TargetMode="External"/><Relationship Id="rId4"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3" Type="http://schemas.openxmlformats.org/officeDocument/2006/relationships/printerSettings" Target="../printerSettings/printerSettings16.bin"/><Relationship Id="rId2" Type="http://schemas.openxmlformats.org/officeDocument/2006/relationships/hyperlink" Target="https://panoramaptz.ru/" TargetMode="External"/><Relationship Id="rId1" Type="http://schemas.openxmlformats.org/officeDocument/2006/relationships/hyperlink" Target="https://travel.yandex.ru/hotels/republic-of-karelia/mini-otel-piratskii-dvorik/?adults=2&amp;checkinDate=2021-07-15&amp;checkoutDate=2021-07-16&amp;childrenAges=" TargetMode="External"/><Relationship Id="rId5" Type="http://schemas.openxmlformats.org/officeDocument/2006/relationships/comments" Target="../comments1.xml"/><Relationship Id="rId4" Type="http://schemas.openxmlformats.org/officeDocument/2006/relationships/vmlDrawing" Target="../drawings/vmlDrawing1.vml"/></Relationships>
</file>

<file path=xl/worksheets/_rels/sheet17.xml.rels><?xml version="1.0" encoding="UTF-8" standalone="yes"?>
<Relationships xmlns="http://schemas.openxmlformats.org/package/2006/relationships"><Relationship Id="rId8" Type="http://schemas.openxmlformats.org/officeDocument/2006/relationships/vmlDrawing" Target="../drawings/vmlDrawing2.vml"/><Relationship Id="rId3" Type="http://schemas.openxmlformats.org/officeDocument/2006/relationships/hyperlink" Target="https://olan.ru/r-n-pryazhinskiy/d-nizhnie-vidany/for-rent-house/cottage/77075721-160-0-m-na-uchastke-30-0-sot-etazhey-2-19000-rub-chalninskoe-selskoe-poselenie-territoriya-shuyskaya-sloboda-sirenevaya-ul-2-petrozavodsk" TargetMode="External"/><Relationship Id="rId7" Type="http://schemas.openxmlformats.org/officeDocument/2006/relationships/printerSettings" Target="../printerSettings/printerSettings17.bin"/><Relationship Id="rId2" Type="http://schemas.openxmlformats.org/officeDocument/2006/relationships/hyperlink" Target="https://vk.com/ilmuvieno" TargetMode="External"/><Relationship Id="rId1" Type="http://schemas.openxmlformats.org/officeDocument/2006/relationships/hyperlink" Target="https://&#1083;&#1077;&#1089;&#1085;&#1086;&#1081;&#1076;&#1074;&#1086;&#1088;.&#1088;&#1092;/" TargetMode="External"/><Relationship Id="rId6" Type="http://schemas.openxmlformats.org/officeDocument/2006/relationships/hyperlink" Target="mailto:lahtanpera@yandex.ru,%208-911-407-76-55" TargetMode="External"/><Relationship Id="rId5" Type="http://schemas.openxmlformats.org/officeDocument/2006/relationships/hyperlink" Target="https://ingunavolok.ru/" TargetMode="External"/><Relationship Id="rId4" Type="http://schemas.openxmlformats.org/officeDocument/2006/relationships/hyperlink" Target="https://vk.com/tulmozero10rus" TargetMode="External"/><Relationship Id="rId9" Type="http://schemas.openxmlformats.org/officeDocument/2006/relationships/comments" Target="../comments2.xml"/></Relationships>
</file>

<file path=xl/worksheets/_rels/sheet18.xml.rels><?xml version="1.0" encoding="UTF-8" standalone="yes"?>
<Relationships xmlns="http://schemas.openxmlformats.org/package/2006/relationships"><Relationship Id="rId3" Type="http://schemas.openxmlformats.org/officeDocument/2006/relationships/printerSettings" Target="../printerSettings/printerSettings18.bin"/><Relationship Id="rId2" Type="http://schemas.openxmlformats.org/officeDocument/2006/relationships/hyperlink" Target="https://kareliya.move.ru/objects/6918525412" TargetMode="External"/><Relationship Id="rId1" Type="http://schemas.openxmlformats.org/officeDocument/2006/relationships/hyperlink" Target="https://kareliya.move.ru/objects/6924288529" TargetMode="External"/></Relationships>
</file>

<file path=xl/worksheets/_rels/sheet19.xml.rels><?xml version="1.0" encoding="UTF-8" standalone="yes"?>
<Relationships xmlns="http://schemas.openxmlformats.org/package/2006/relationships"><Relationship Id="rId2" Type="http://schemas.openxmlformats.org/officeDocument/2006/relationships/printerSettings" Target="../printerSettings/printerSettings19.bin"/><Relationship Id="rId1" Type="http://schemas.openxmlformats.org/officeDocument/2006/relationships/hyperlink" Target="mailto:MAKBENZ117@YANDEX.RU" TargetMode="Externa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printerSettings" Target="../printerSettings/printerSettings20.bin"/><Relationship Id="rId1" Type="http://schemas.openxmlformats.org/officeDocument/2006/relationships/hyperlink" Target="https://egrp365.ru/reestr?egrp=10:16:0050601:385" TargetMode="External"/></Relationships>
</file>

<file path=xl/worksheets/_rels/sheet21.xml.rels><?xml version="1.0" encoding="UTF-8" standalone="yes"?>
<Relationships xmlns="http://schemas.openxmlformats.org/package/2006/relationships"><Relationship Id="rId8" Type="http://schemas.openxmlformats.org/officeDocument/2006/relationships/hyperlink" Target="https://www.avito.ru/sortavala/doma_dachi_kottedzhi/dom_36m_na_uchastke_15sot._2425804714" TargetMode="External"/><Relationship Id="rId13" Type="http://schemas.openxmlformats.org/officeDocument/2006/relationships/hyperlink" Target="https://www.avito.ru/sortavala/doma_dachi_kottedzhi/dom_50m_na_uchastke_15sot._2254596070?guests=2" TargetMode="External"/><Relationship Id="rId3" Type="http://schemas.openxmlformats.org/officeDocument/2006/relationships/hyperlink" Target="https://vk.link/otel_morris" TargetMode="External"/><Relationship Id="rId7" Type="http://schemas.openxmlformats.org/officeDocument/2006/relationships/hyperlink" Target="https://www.avito.ru/sortavala/doma_dachi_kottedzhi/dom_136_m_na_uchastke_7_sot._3988074262?guestsDetailed=%7B%22version%22%3A1%2C%22totalCount%22%3A2%2C%22adultsCount%22%3A2%2C%22children%22%3A%5B%5D%7D" TargetMode="External"/><Relationship Id="rId12" Type="http://schemas.openxmlformats.org/officeDocument/2006/relationships/hyperlink" Target="https://www.avito.ru/sortavala/doma_dachi_kottedzhi/dom_106m_na_uchastke_10sot._2437752652" TargetMode="External"/><Relationship Id="rId2" Type="http://schemas.openxmlformats.org/officeDocument/2006/relationships/hyperlink" Target="https://vk.com/rigola10" TargetMode="External"/><Relationship Id="rId1" Type="http://schemas.openxmlformats.org/officeDocument/2006/relationships/hyperlink" Target="mailto:ALEXANDER.V.KOTELNIKOV@GMAIL.COM" TargetMode="External"/><Relationship Id="rId6" Type="http://schemas.openxmlformats.org/officeDocument/2006/relationships/hyperlink" Target="https://www.avito.ru/sortavala/doma_dachi_kottedzhi/dom_110_m_na_uchastke_15_sot._1346887594?guestsDetailed=%7B%22version%22%3A1%2C%22totalCount%22%3A2%2C%22adultsCount%22%3A2%2C%22children%22%3A%5B%5D%7D" TargetMode="External"/><Relationship Id="rId11" Type="http://schemas.openxmlformats.org/officeDocument/2006/relationships/hyperlink" Target="https://www.avito.ru/sortavala/doma_dachi_kottedzhi/dom_200m_na_uchastke_15sot._2069074600" TargetMode="External"/><Relationship Id="rId5" Type="http://schemas.openxmlformats.org/officeDocument/2006/relationships/hyperlink" Target="https://www.lberrykarelia.ru/citycamp" TargetMode="External"/><Relationship Id="rId15" Type="http://schemas.openxmlformats.org/officeDocument/2006/relationships/printerSettings" Target="../printerSettings/printerSettings21.bin"/><Relationship Id="rId10" Type="http://schemas.openxmlformats.org/officeDocument/2006/relationships/hyperlink" Target="https://www.avito.ru/sortavala/doma_dachi_kottedzhi/dom_72m_na_uchastke_20sot._2487379127" TargetMode="External"/><Relationship Id="rId4" Type="http://schemas.openxmlformats.org/officeDocument/2006/relationships/hyperlink" Target="https://www.lberrykarelia.ru/" TargetMode="External"/><Relationship Id="rId9" Type="http://schemas.openxmlformats.org/officeDocument/2006/relationships/hyperlink" Target="https://www.avito.ru/sortavala/doma_dachi_kottedzhi/dom_45m_na_uchastke_40sot._2679870397" TargetMode="External"/><Relationship Id="rId14" Type="http://schemas.openxmlformats.org/officeDocument/2006/relationships/hyperlink" Target="https://www.avito.ru/sortavala/doma_dachi_kottedzhi/dom_108m_na_uchastke_12sot._980915392?guests=2" TargetMode="Externa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4.bin"/><Relationship Id="rId1" Type="http://schemas.openxmlformats.org/officeDocument/2006/relationships/hyperlink" Target="https://omarand.ru/" TargetMode="Externa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printerSettings" Target="../printerSettings/printerSettings9.bin"/><Relationship Id="rId1" Type="http://schemas.openxmlformats.org/officeDocument/2006/relationships/hyperlink" Target="http://www.avito.ru/" TargetMode="External"/></Relationships>
</file>

<file path=xl/worksheets/sheet1.xml><?xml version="1.0" encoding="utf-8"?>
<worksheet xmlns="http://schemas.openxmlformats.org/spreadsheetml/2006/main" xmlns:r="http://schemas.openxmlformats.org/officeDocument/2006/relationships">
  <sheetPr>
    <tabColor theme="9" tint="0.79998168889431442"/>
    <pageSetUpPr fitToPage="1"/>
  </sheetPr>
  <dimension ref="A1:AD28"/>
  <sheetViews>
    <sheetView zoomScale="80" zoomScaleNormal="80" workbookViewId="0">
      <selection activeCell="G14" sqref="G14"/>
    </sheetView>
  </sheetViews>
  <sheetFormatPr defaultRowHeight="15"/>
  <cols>
    <col min="1" max="1" width="23" style="130" customWidth="1"/>
    <col min="2" max="2" width="10.85546875" style="130" customWidth="1"/>
    <col min="3" max="3" width="11.140625" style="128" customWidth="1"/>
    <col min="4" max="4" width="10.7109375" style="129" customWidth="1"/>
    <col min="5" max="5" width="11.5703125" style="128" customWidth="1"/>
    <col min="6" max="6" width="11.28515625" style="127" customWidth="1"/>
    <col min="7" max="7" width="10.28515625" style="126" customWidth="1"/>
    <col min="8" max="8" width="9.7109375" style="126" customWidth="1"/>
    <col min="9" max="10" width="10.42578125" style="126" customWidth="1"/>
    <col min="11" max="12" width="10.42578125" style="125" customWidth="1"/>
    <col min="13" max="13" width="19.85546875" style="125" customWidth="1"/>
    <col min="14" max="14" width="18.5703125" style="124" customWidth="1"/>
    <col min="15" max="15" width="17.7109375" style="124" customWidth="1"/>
    <col min="16" max="16" width="20.5703125" style="124" customWidth="1"/>
    <col min="17" max="16384" width="9.140625" style="124"/>
  </cols>
  <sheetData>
    <row r="1" spans="1:30" s="1009" customFormat="1" ht="15" customHeight="1" thickBot="1">
      <c r="A1" s="1126" t="s">
        <v>5069</v>
      </c>
      <c r="B1" s="1126"/>
      <c r="C1" s="1126"/>
      <c r="D1" s="1126"/>
      <c r="E1" s="1126"/>
      <c r="F1" s="1126"/>
      <c r="G1" s="1126"/>
      <c r="H1" s="1126"/>
      <c r="I1" s="1126"/>
      <c r="J1" s="1126"/>
      <c r="K1" s="1126"/>
    </row>
    <row r="2" spans="1:30" s="1009" customFormat="1" ht="46.9" customHeight="1">
      <c r="A2" s="1127" t="s">
        <v>4145</v>
      </c>
      <c r="B2" s="1128" t="s">
        <v>4144</v>
      </c>
      <c r="C2" s="1128"/>
      <c r="D2" s="1128" t="s">
        <v>177</v>
      </c>
      <c r="E2" s="1128"/>
      <c r="F2" s="1010" t="s">
        <v>4143</v>
      </c>
      <c r="G2" s="1011" t="s">
        <v>179</v>
      </c>
      <c r="H2" s="1012" t="s">
        <v>2631</v>
      </c>
      <c r="I2" s="1013" t="s">
        <v>27</v>
      </c>
      <c r="J2" s="1013" t="s">
        <v>176</v>
      </c>
      <c r="K2" s="1014" t="s">
        <v>4142</v>
      </c>
    </row>
    <row r="3" spans="1:30" s="1009" customFormat="1" ht="51">
      <c r="A3" s="1127"/>
      <c r="B3" s="1015" t="s">
        <v>4139</v>
      </c>
      <c r="C3" s="1016" t="s">
        <v>4141</v>
      </c>
      <c r="D3" s="1015" t="s">
        <v>4139</v>
      </c>
      <c r="E3" s="1016" t="s">
        <v>4140</v>
      </c>
      <c r="F3" s="1017" t="s">
        <v>4139</v>
      </c>
      <c r="G3" s="1018" t="s">
        <v>4139</v>
      </c>
      <c r="H3" s="1019" t="s">
        <v>4139</v>
      </c>
      <c r="I3" s="1019" t="s">
        <v>4139</v>
      </c>
      <c r="J3" s="1019" t="s">
        <v>4139</v>
      </c>
      <c r="K3" s="1020" t="s">
        <v>4139</v>
      </c>
      <c r="N3" s="1009" t="s">
        <v>5070</v>
      </c>
      <c r="Q3" s="1009" t="s">
        <v>5071</v>
      </c>
    </row>
    <row r="4" spans="1:30" s="1009" customFormat="1" ht="25.5">
      <c r="A4" s="1021" t="s">
        <v>4138</v>
      </c>
      <c r="B4" s="1022">
        <f>[1]Петрозаводский!C4</f>
        <v>107</v>
      </c>
      <c r="C4" s="1023">
        <f t="shared" ref="C4:C22" si="0">B4/F4</f>
        <v>0.9553571428571429</v>
      </c>
      <c r="D4" s="1024">
        <f>[1]Петрозаводский!C5</f>
        <v>5</v>
      </c>
      <c r="E4" s="1023">
        <f t="shared" ref="E4:E22" si="1">D4/F4</f>
        <v>4.4642857142857144E-2</v>
      </c>
      <c r="F4" s="1025">
        <f>SUM(B4+D4)</f>
        <v>112</v>
      </c>
      <c r="G4" s="1022">
        <f>[1]Петрозаводский!F4</f>
        <v>44</v>
      </c>
      <c r="H4" s="1026">
        <f>[1]Петрозаводский!F5</f>
        <v>42</v>
      </c>
      <c r="I4" s="1026">
        <f>[1]Петрозаводский!F6</f>
        <v>16</v>
      </c>
      <c r="J4" s="1026">
        <v>3</v>
      </c>
      <c r="K4" s="1027">
        <f t="shared" ref="K4:K21" si="2">SUM(G4:J4)</f>
        <v>105</v>
      </c>
      <c r="N4" s="1028">
        <f>SUM([1]Петрозаводский!I7+[1]Костомукша!I8+'[1]Беломорский '!I7+'[1]Калевальский '!I8+[1]Кемский!I8+[1]Кондопожский!I8+[1]Лахденпохский!I8+[1]Лоухский!I8+[1]Медвежьегорский!I8+[1]Муезерский!I8+[1]Олонецкий!I8+[1]Питкярантский!J7+[1]Прионежский!I8+'[1]Пряжинский '!I8+[1]Пудожский!I7+[1]Сегежский!I7+[1]Суоярвский!I8+[1]Сортавальский!I8)</f>
        <v>51851</v>
      </c>
      <c r="Q4" s="1028">
        <f>[1]Петрозаводский!J7+[1]Костомукша!J8+'[1]Беломорский '!J7+'[1]Калевальский '!J8+[1]Кемский!J8+[1]Кондопожский!J8+[1]Лахденпохский!J8+[1]Лоухский!J8+[1]Медвежьегорский!J8+[1]Муезерский!J8+[1]Олонецкий!J8+[1]Питкярантский!L7+[1]Прионежский!J8+'[1]Пряжинский '!J8+[1]Пудожский!J7+[1]Сегежский!J7+[1]Суоярвский!J8+[1]Сортавальский!J8</f>
        <v>64512</v>
      </c>
    </row>
    <row r="5" spans="1:30" s="1009" customFormat="1" ht="25.5">
      <c r="A5" s="1021" t="s">
        <v>4137</v>
      </c>
      <c r="B5" s="1029">
        <f>[2]Костомукша!C4</f>
        <v>22</v>
      </c>
      <c r="C5" s="1023">
        <f t="shared" si="0"/>
        <v>1</v>
      </c>
      <c r="D5" s="1030">
        <f>[2]Костомукша!C5</f>
        <v>0</v>
      </c>
      <c r="E5" s="1023">
        <f t="shared" si="1"/>
        <v>0</v>
      </c>
      <c r="F5" s="1025">
        <f>SUM(B5+D5)</f>
        <v>22</v>
      </c>
      <c r="G5" s="1029">
        <f>[2]Костомукша!F4</f>
        <v>3</v>
      </c>
      <c r="H5" s="1031">
        <f>[1]Костомукша!F5</f>
        <v>12</v>
      </c>
      <c r="I5" s="1031">
        <f>[1]Костомукша!F6</f>
        <v>7</v>
      </c>
      <c r="J5" s="1031">
        <f>[2]Костомукша!F7</f>
        <v>0</v>
      </c>
      <c r="K5" s="1027">
        <f t="shared" si="2"/>
        <v>22</v>
      </c>
    </row>
    <row r="6" spans="1:30" s="1009" customFormat="1" ht="25.5">
      <c r="A6" s="1021" t="s">
        <v>2108</v>
      </c>
      <c r="B6" s="1029">
        <f>'[1]Беломорский '!C4</f>
        <v>27</v>
      </c>
      <c r="C6" s="1023">
        <f t="shared" si="0"/>
        <v>1</v>
      </c>
      <c r="D6" s="1029">
        <f>'[2]Беломорский '!C5</f>
        <v>0</v>
      </c>
      <c r="E6" s="1023">
        <f t="shared" si="1"/>
        <v>0</v>
      </c>
      <c r="F6" s="1025">
        <f>SUM(B6+D6)</f>
        <v>27</v>
      </c>
      <c r="G6" s="1029">
        <f>'[1]Беломорский '!F4</f>
        <v>6</v>
      </c>
      <c r="H6" s="1031">
        <f>'[1]Беломорский '!F5</f>
        <v>15</v>
      </c>
      <c r="I6" s="1031">
        <f>'[1]Беломорский '!F6</f>
        <v>6</v>
      </c>
      <c r="J6" s="1031">
        <f>'[2]Беломорский '!F7</f>
        <v>0</v>
      </c>
      <c r="K6" s="1027">
        <f t="shared" si="2"/>
        <v>27</v>
      </c>
      <c r="N6" s="1009" t="s">
        <v>5072</v>
      </c>
    </row>
    <row r="7" spans="1:30" s="1009" customFormat="1" ht="25.5">
      <c r="A7" s="1021" t="s">
        <v>4136</v>
      </c>
      <c r="B7" s="1029">
        <f>'[2]Калевальский '!C4</f>
        <v>23</v>
      </c>
      <c r="C7" s="1023">
        <f t="shared" si="0"/>
        <v>0.88461538461538458</v>
      </c>
      <c r="D7" s="1029">
        <f>'[1]Калевальский '!C5</f>
        <v>3</v>
      </c>
      <c r="E7" s="1023">
        <f t="shared" si="1"/>
        <v>0.11538461538461539</v>
      </c>
      <c r="F7" s="1025">
        <f>B7+D7</f>
        <v>26</v>
      </c>
      <c r="G7" s="1029">
        <f>'[1]Калевальский '!F4</f>
        <v>3</v>
      </c>
      <c r="H7" s="1031">
        <f>'[1]Калевальский '!F5</f>
        <v>12</v>
      </c>
      <c r="I7" s="1031">
        <v>9</v>
      </c>
      <c r="J7" s="1031">
        <f>'[2]Калевальский '!F7</f>
        <v>0</v>
      </c>
      <c r="K7" s="1027">
        <f t="shared" si="2"/>
        <v>24</v>
      </c>
      <c r="P7" s="1032">
        <f>SUM([1]Сортавальский!I7+[1]Суоярвский!I7+[1]Сегежский!I6+[1]Пудожский!I6+'[1]Пряжинский '!I7+[1]Прионежский!I7+[1]Питкярантский!I7+[1]Олонецкий!I7+[1]Муезерский!I7+[1]Медвежьегорский!I7+[1]Лоухский!I7+[1]Лахденпохский!I7+[1]Кондопожский!H7+[1]Кемский!I7+'[1]Калевальский '!H7+'[1]Беломорский '!H5+[1]Костомукша!H6+[1]Петрозаводский!H5)</f>
        <v>3822</v>
      </c>
    </row>
    <row r="8" spans="1:30" s="1009" customFormat="1" ht="25.5">
      <c r="A8" s="1021" t="s">
        <v>719</v>
      </c>
      <c r="B8" s="1033">
        <f>[2]Кемский!C4</f>
        <v>21</v>
      </c>
      <c r="C8" s="1023">
        <f t="shared" si="0"/>
        <v>0.95454545454545459</v>
      </c>
      <c r="D8" s="1033">
        <f>[2]Кемский!C5</f>
        <v>1</v>
      </c>
      <c r="E8" s="1023">
        <f t="shared" si="1"/>
        <v>4.5454545454545456E-2</v>
      </c>
      <c r="F8" s="1025">
        <f>B8+D8</f>
        <v>22</v>
      </c>
      <c r="G8" s="1029">
        <f>[1]Кемский!G4</f>
        <v>5</v>
      </c>
      <c r="H8" s="1031">
        <f>[1]Кемский!G5</f>
        <v>6</v>
      </c>
      <c r="I8" s="1031">
        <f>[1]Кемский!G6</f>
        <v>9</v>
      </c>
      <c r="J8" s="1031">
        <v>1</v>
      </c>
      <c r="K8" s="1027">
        <f t="shared" si="2"/>
        <v>21</v>
      </c>
      <c r="AD8" s="1009" t="s">
        <v>156</v>
      </c>
    </row>
    <row r="9" spans="1:30" s="1009" customFormat="1" ht="25.5">
      <c r="A9" s="1021" t="s">
        <v>2742</v>
      </c>
      <c r="B9" s="1033">
        <v>63</v>
      </c>
      <c r="C9" s="1023">
        <f t="shared" si="0"/>
        <v>0.91304347826086951</v>
      </c>
      <c r="D9" s="1033">
        <v>6</v>
      </c>
      <c r="E9" s="1023">
        <f t="shared" si="1"/>
        <v>8.6956521739130432E-2</v>
      </c>
      <c r="F9" s="1025">
        <f>SUM(B9+D9)</f>
        <v>69</v>
      </c>
      <c r="G9" s="1029">
        <v>18</v>
      </c>
      <c r="H9" s="1031">
        <v>20</v>
      </c>
      <c r="I9" s="1031">
        <v>25</v>
      </c>
      <c r="J9" s="1031">
        <v>0</v>
      </c>
      <c r="K9" s="1027">
        <f t="shared" si="2"/>
        <v>63</v>
      </c>
    </row>
    <row r="10" spans="1:30" s="1009" customFormat="1" ht="25.5">
      <c r="A10" s="1021" t="s">
        <v>486</v>
      </c>
      <c r="B10" s="1024">
        <v>69</v>
      </c>
      <c r="C10" s="1023">
        <f t="shared" si="0"/>
        <v>0.971830985915493</v>
      </c>
      <c r="D10" s="1024">
        <f>[2]Лахденпохский!C5</f>
        <v>2</v>
      </c>
      <c r="E10" s="1023">
        <f t="shared" si="1"/>
        <v>2.8169014084507043E-2</v>
      </c>
      <c r="F10" s="1025">
        <f>SUM(B10+D10)</f>
        <v>71</v>
      </c>
      <c r="G10" s="1022">
        <v>19</v>
      </c>
      <c r="H10" s="1026">
        <v>37</v>
      </c>
      <c r="I10" s="1026">
        <v>14</v>
      </c>
      <c r="J10" s="1026">
        <v>1</v>
      </c>
      <c r="K10" s="1027">
        <f t="shared" si="2"/>
        <v>71</v>
      </c>
    </row>
    <row r="11" spans="1:30" s="1009" customFormat="1" ht="25.5">
      <c r="A11" s="1021" t="s">
        <v>3853</v>
      </c>
      <c r="B11" s="1033">
        <f>[2]Лоухский!C4</f>
        <v>51</v>
      </c>
      <c r="C11" s="1023">
        <f t="shared" si="0"/>
        <v>0.82258064516129037</v>
      </c>
      <c r="D11" s="1029">
        <f>[2]Лоухский!C5</f>
        <v>11</v>
      </c>
      <c r="E11" s="1023">
        <f t="shared" si="1"/>
        <v>0.17741935483870969</v>
      </c>
      <c r="F11" s="1025">
        <f>SUM(B11+D11)</f>
        <v>62</v>
      </c>
      <c r="G11" s="1029">
        <v>18</v>
      </c>
      <c r="H11" s="1031">
        <v>17</v>
      </c>
      <c r="I11" s="1031">
        <v>16</v>
      </c>
      <c r="J11" s="1031">
        <v>2</v>
      </c>
      <c r="K11" s="1027">
        <f t="shared" si="2"/>
        <v>53</v>
      </c>
    </row>
    <row r="12" spans="1:30" s="1009" customFormat="1" ht="25.5">
      <c r="A12" s="1021" t="s">
        <v>2985</v>
      </c>
      <c r="B12" s="1033">
        <v>76</v>
      </c>
      <c r="C12" s="1023">
        <f t="shared" si="0"/>
        <v>0.96202531645569622</v>
      </c>
      <c r="D12" s="1033">
        <f>[2]Медвежьегорский!C5</f>
        <v>3</v>
      </c>
      <c r="E12" s="1023">
        <f t="shared" si="1"/>
        <v>3.7974683544303799E-2</v>
      </c>
      <c r="F12" s="1025">
        <f>SUM(B12+D12)</f>
        <v>79</v>
      </c>
      <c r="G12" s="1029">
        <f>[2]Медвежьегорский!F4</f>
        <v>8</v>
      </c>
      <c r="H12" s="1031">
        <v>41</v>
      </c>
      <c r="I12" s="1031">
        <v>26</v>
      </c>
      <c r="J12" s="1031">
        <v>1</v>
      </c>
      <c r="K12" s="1027">
        <f t="shared" si="2"/>
        <v>76</v>
      </c>
    </row>
    <row r="13" spans="1:30" s="1009" customFormat="1" ht="25.5">
      <c r="A13" s="1021" t="s">
        <v>2472</v>
      </c>
      <c r="B13" s="1029">
        <f>[2]Муезерский!C4</f>
        <v>13</v>
      </c>
      <c r="C13" s="1023">
        <f t="shared" si="0"/>
        <v>0.8125</v>
      </c>
      <c r="D13" s="1029">
        <v>3</v>
      </c>
      <c r="E13" s="1023">
        <f t="shared" si="1"/>
        <v>0.1875</v>
      </c>
      <c r="F13" s="1025">
        <f>B13+D13</f>
        <v>16</v>
      </c>
      <c r="G13" s="1029">
        <f>[2]Муезерский!F4</f>
        <v>6</v>
      </c>
      <c r="H13" s="1031">
        <f>[2]Муезерский!F5</f>
        <v>4</v>
      </c>
      <c r="I13" s="1031">
        <f>[2]Муезерский!F6</f>
        <v>3</v>
      </c>
      <c r="J13" s="1031">
        <f>[2]Муезерский!F7</f>
        <v>0</v>
      </c>
      <c r="K13" s="1027">
        <f t="shared" si="2"/>
        <v>13</v>
      </c>
    </row>
    <row r="14" spans="1:30" s="1009" customFormat="1" ht="25.5">
      <c r="A14" s="1021" t="s">
        <v>961</v>
      </c>
      <c r="B14" s="1033">
        <v>49</v>
      </c>
      <c r="C14" s="1023">
        <f t="shared" si="0"/>
        <v>0.67123287671232879</v>
      </c>
      <c r="D14" s="1029">
        <v>24</v>
      </c>
      <c r="E14" s="1023">
        <f t="shared" si="1"/>
        <v>0.32876712328767121</v>
      </c>
      <c r="F14" s="1025">
        <f t="shared" ref="F14:F21" si="3">SUM(B14+D14)</f>
        <v>73</v>
      </c>
      <c r="G14" s="1029">
        <f>[2]Олонецкий!F4</f>
        <v>8</v>
      </c>
      <c r="H14" s="1031">
        <v>22</v>
      </c>
      <c r="I14" s="1031">
        <v>19</v>
      </c>
      <c r="J14" s="1031">
        <f>[2]Олонецкий!F7</f>
        <v>0</v>
      </c>
      <c r="K14" s="1027">
        <f t="shared" si="2"/>
        <v>49</v>
      </c>
    </row>
    <row r="15" spans="1:30" s="1009" customFormat="1" ht="25.5">
      <c r="A15" s="1021" t="s">
        <v>4135</v>
      </c>
      <c r="B15" s="1024">
        <v>55</v>
      </c>
      <c r="C15" s="1023">
        <f t="shared" si="0"/>
        <v>0.87301587301587302</v>
      </c>
      <c r="D15" s="1024">
        <v>8</v>
      </c>
      <c r="E15" s="1023">
        <f t="shared" si="1"/>
        <v>0.12698412698412698</v>
      </c>
      <c r="F15" s="1025">
        <f t="shared" si="3"/>
        <v>63</v>
      </c>
      <c r="G15" s="1022">
        <v>8</v>
      </c>
      <c r="H15" s="1026">
        <v>25</v>
      </c>
      <c r="I15" s="1026">
        <v>22</v>
      </c>
      <c r="J15" s="1026">
        <f>'[2]Питкярантский '!F7</f>
        <v>0</v>
      </c>
      <c r="K15" s="1027">
        <f t="shared" si="2"/>
        <v>55</v>
      </c>
    </row>
    <row r="16" spans="1:30" s="1009" customFormat="1" ht="25.5">
      <c r="A16" s="1021" t="s">
        <v>1540</v>
      </c>
      <c r="B16" s="1033">
        <v>61</v>
      </c>
      <c r="C16" s="1023">
        <f t="shared" si="0"/>
        <v>0.96825396825396826</v>
      </c>
      <c r="D16" s="1033">
        <f>[2]Прионежский!C5</f>
        <v>2</v>
      </c>
      <c r="E16" s="1023">
        <f t="shared" si="1"/>
        <v>3.1746031746031744E-2</v>
      </c>
      <c r="F16" s="1025">
        <f t="shared" si="3"/>
        <v>63</v>
      </c>
      <c r="G16" s="1029">
        <v>16</v>
      </c>
      <c r="H16" s="1031">
        <v>22</v>
      </c>
      <c r="I16" s="1031">
        <v>22</v>
      </c>
      <c r="J16" s="1031">
        <f>[2]Прионежский!F7</f>
        <v>1</v>
      </c>
      <c r="K16" s="1027">
        <f t="shared" si="2"/>
        <v>61</v>
      </c>
    </row>
    <row r="17" spans="1:11" s="1009" customFormat="1" ht="38.25">
      <c r="A17" s="1021" t="s">
        <v>1544</v>
      </c>
      <c r="B17" s="1033">
        <f>'[2]Пряжинский '!C4</f>
        <v>62</v>
      </c>
      <c r="C17" s="1023">
        <f t="shared" si="0"/>
        <v>0.81578947368421051</v>
      </c>
      <c r="D17" s="1029">
        <f>'[2]Пряжинский '!C5</f>
        <v>14</v>
      </c>
      <c r="E17" s="1023">
        <f t="shared" si="1"/>
        <v>0.18421052631578946</v>
      </c>
      <c r="F17" s="1025">
        <f t="shared" si="3"/>
        <v>76</v>
      </c>
      <c r="G17" s="1029">
        <v>26</v>
      </c>
      <c r="H17" s="1031">
        <v>22</v>
      </c>
      <c r="I17" s="1031">
        <v>14</v>
      </c>
      <c r="J17" s="1031">
        <f>'[2]Пряжинский '!F7</f>
        <v>0</v>
      </c>
      <c r="K17" s="1027">
        <f t="shared" si="2"/>
        <v>62</v>
      </c>
    </row>
    <row r="18" spans="1:11" s="1009" customFormat="1" ht="25.5">
      <c r="A18" s="1021" t="s">
        <v>3150</v>
      </c>
      <c r="B18" s="1033">
        <v>40</v>
      </c>
      <c r="C18" s="1023">
        <f t="shared" si="0"/>
        <v>0.97560975609756095</v>
      </c>
      <c r="D18" s="1033">
        <f>[2]Пудожский!C5</f>
        <v>1</v>
      </c>
      <c r="E18" s="1023">
        <f t="shared" si="1"/>
        <v>2.4390243902439025E-2</v>
      </c>
      <c r="F18" s="1025">
        <f t="shared" si="3"/>
        <v>41</v>
      </c>
      <c r="G18" s="1029">
        <f>[2]Пудожский!F4</f>
        <v>4</v>
      </c>
      <c r="H18" s="1031">
        <v>17</v>
      </c>
      <c r="I18" s="1031">
        <v>19</v>
      </c>
      <c r="J18" s="1031">
        <f>[2]Пудожский!F7</f>
        <v>0</v>
      </c>
      <c r="K18" s="1027">
        <f t="shared" si="2"/>
        <v>40</v>
      </c>
    </row>
    <row r="19" spans="1:11" s="1009" customFormat="1" ht="25.5">
      <c r="A19" s="1021" t="s">
        <v>573</v>
      </c>
      <c r="B19" s="1033">
        <v>28</v>
      </c>
      <c r="C19" s="1023">
        <f t="shared" si="0"/>
        <v>0.96551724137931039</v>
      </c>
      <c r="D19" s="1033">
        <f>[2]Сегежский!C5</f>
        <v>1</v>
      </c>
      <c r="E19" s="1023">
        <f t="shared" si="1"/>
        <v>3.4482758620689655E-2</v>
      </c>
      <c r="F19" s="1025">
        <f t="shared" si="3"/>
        <v>29</v>
      </c>
      <c r="G19" s="1029">
        <v>8</v>
      </c>
      <c r="H19" s="1031">
        <f>[2]Сегежский!F5</f>
        <v>12</v>
      </c>
      <c r="I19" s="1031">
        <f>[2]Сегежский!F6</f>
        <v>8</v>
      </c>
      <c r="J19" s="1031">
        <f>[2]Сегежский!F7</f>
        <v>0</v>
      </c>
      <c r="K19" s="1027">
        <f t="shared" si="2"/>
        <v>28</v>
      </c>
    </row>
    <row r="20" spans="1:11" s="1009" customFormat="1" ht="25.5">
      <c r="A20" s="1021" t="s">
        <v>3795</v>
      </c>
      <c r="B20" s="1024">
        <v>151</v>
      </c>
      <c r="C20" s="1023">
        <f t="shared" si="0"/>
        <v>0.9320987654320988</v>
      </c>
      <c r="D20" s="1022">
        <v>11</v>
      </c>
      <c r="E20" s="1023">
        <f t="shared" si="1"/>
        <v>6.7901234567901231E-2</v>
      </c>
      <c r="F20" s="1025">
        <f t="shared" si="3"/>
        <v>162</v>
      </c>
      <c r="G20" s="1022">
        <v>36</v>
      </c>
      <c r="H20" s="1026">
        <v>60</v>
      </c>
      <c r="I20" s="1026">
        <v>50</v>
      </c>
      <c r="J20" s="1026">
        <f>[2]Сортавальский!F7</f>
        <v>5</v>
      </c>
      <c r="K20" s="1027">
        <f t="shared" si="2"/>
        <v>151</v>
      </c>
    </row>
    <row r="21" spans="1:11" s="1009" customFormat="1" ht="25.5">
      <c r="A21" s="1034" t="s">
        <v>158</v>
      </c>
      <c r="B21" s="1033">
        <v>33</v>
      </c>
      <c r="C21" s="1023">
        <f t="shared" si="0"/>
        <v>0.89189189189189189</v>
      </c>
      <c r="D21" s="1033">
        <v>4</v>
      </c>
      <c r="E21" s="1023">
        <f t="shared" si="1"/>
        <v>0.10810810810810811</v>
      </c>
      <c r="F21" s="1025">
        <f t="shared" si="3"/>
        <v>37</v>
      </c>
      <c r="G21" s="1029">
        <v>6</v>
      </c>
      <c r="H21" s="1031">
        <v>9</v>
      </c>
      <c r="I21" s="1031">
        <f>[2]Суоярвский!F6</f>
        <v>16</v>
      </c>
      <c r="J21" s="1031">
        <v>2</v>
      </c>
      <c r="K21" s="1027">
        <f t="shared" si="2"/>
        <v>33</v>
      </c>
    </row>
    <row r="22" spans="1:11" s="1009" customFormat="1" ht="15.75" thickBot="1">
      <c r="A22" s="1035" t="s">
        <v>964</v>
      </c>
      <c r="B22" s="1036">
        <f>B4+B5+B6+B7+B8+B9+B10+B11+B12+B13+B14+B15+B16+B17+B18+B19+B20+B21</f>
        <v>951</v>
      </c>
      <c r="C22" s="1037">
        <f t="shared" si="0"/>
        <v>0.90571428571428569</v>
      </c>
      <c r="D22" s="1036">
        <f>D4+D5+D6+D7+D8+D9+D10+D11+D12+D13+D14+D15+D16+D17+D18+D19+D20+D21</f>
        <v>99</v>
      </c>
      <c r="E22" s="1038">
        <f t="shared" si="1"/>
        <v>9.4285714285714292E-2</v>
      </c>
      <c r="F22" s="1039">
        <f>SUM(F4:F21)</f>
        <v>1050</v>
      </c>
      <c r="G22" s="1039">
        <f>G4+G5+G6+G7+G8+G9+G10+G11+G12+G13+G14+G15+G16+G17+G18+G19+G20+G21</f>
        <v>242</v>
      </c>
      <c r="H22" s="1040">
        <f>H4+H5+H6+H7+H8+H9+H10+H11+H12+H13+H14+H15+H16+H17+H18+H19+H20+H21</f>
        <v>395</v>
      </c>
      <c r="I22" s="1041">
        <f>I4+I5+I6+I7+I8+I9+I10+I11+I12+I13+I14+I15+I16+I17+I18+I19+I20+I21</f>
        <v>301</v>
      </c>
      <c r="J22" s="1042">
        <f>SUM(J4:J21)</f>
        <v>16</v>
      </c>
      <c r="K22" s="1043">
        <f>SUM(K4:K21)</f>
        <v>954</v>
      </c>
    </row>
    <row r="23" spans="1:11" s="1009" customFormat="1"/>
    <row r="24" spans="1:11" s="1009" customFormat="1"/>
    <row r="25" spans="1:11" s="1009" customFormat="1"/>
    <row r="26" spans="1:11">
      <c r="B26" s="132"/>
    </row>
    <row r="28" spans="1:11">
      <c r="H28" s="131"/>
      <c r="I28" s="131"/>
      <c r="J28" s="131"/>
    </row>
  </sheetData>
  <mergeCells count="4">
    <mergeCell ref="A1:K1"/>
    <mergeCell ref="A2:A3"/>
    <mergeCell ref="B2:C2"/>
    <mergeCell ref="D2:E2"/>
  </mergeCells>
  <pageMargins left="0.7" right="0.7" top="0.75" bottom="0.75" header="0.3" footer="0.3"/>
  <pageSetup paperSize="9" scale="40" orientation="portrait" r:id="rId1"/>
</worksheet>
</file>

<file path=xl/worksheets/sheet10.xml><?xml version="1.0" encoding="utf-8"?>
<worksheet xmlns="http://schemas.openxmlformats.org/spreadsheetml/2006/main" xmlns:r="http://schemas.openxmlformats.org/officeDocument/2006/relationships">
  <dimension ref="A1:R131"/>
  <sheetViews>
    <sheetView workbookViewId="0">
      <selection activeCell="H11" sqref="H11"/>
    </sheetView>
  </sheetViews>
  <sheetFormatPr defaultColWidth="9.140625" defaultRowHeight="15"/>
  <cols>
    <col min="1" max="1" width="6.28515625" style="20" customWidth="1"/>
    <col min="2" max="2" width="21.85546875" style="19" customWidth="1"/>
    <col min="3" max="3" width="10.7109375" style="19" customWidth="1"/>
    <col min="4" max="4" width="21" style="19" customWidth="1"/>
    <col min="5" max="5" width="17.85546875" style="98" customWidth="1"/>
    <col min="6" max="6" width="14.42578125" style="19" customWidth="1"/>
    <col min="7" max="7" width="19" style="19" customWidth="1"/>
    <col min="8" max="9" width="17.42578125" style="19" customWidth="1"/>
    <col min="10" max="10" width="13.85546875" style="19" customWidth="1"/>
    <col min="11" max="11" width="14.5703125" style="19" customWidth="1"/>
    <col min="12" max="12" width="15.42578125" style="19" customWidth="1"/>
    <col min="13" max="13" width="13.42578125" style="19" customWidth="1"/>
    <col min="14" max="14" width="18.7109375" style="19" customWidth="1"/>
    <col min="15" max="17" width="19.7109375" style="19" customWidth="1"/>
    <col min="18" max="16384" width="9.140625" style="19"/>
  </cols>
  <sheetData>
    <row r="1" spans="1:17" s="870" customFormat="1">
      <c r="A1" s="1191" t="s">
        <v>487</v>
      </c>
      <c r="B1" s="1191"/>
      <c r="C1" s="1191"/>
      <c r="D1" s="1191"/>
      <c r="E1" s="1191"/>
      <c r="F1" s="1191"/>
      <c r="G1" s="1191"/>
      <c r="H1" s="1191"/>
      <c r="I1" s="1191"/>
      <c r="J1" s="1191"/>
      <c r="K1" s="1191"/>
      <c r="L1" s="1191"/>
      <c r="M1" s="1191"/>
      <c r="N1" s="1191"/>
      <c r="O1" s="1191"/>
    </row>
    <row r="2" spans="1:17" s="887" customFormat="1" ht="90">
      <c r="A2" s="886" t="s">
        <v>173</v>
      </c>
      <c r="B2" s="243" t="s">
        <v>186</v>
      </c>
      <c r="C2" s="243" t="s">
        <v>184</v>
      </c>
      <c r="E2" s="886" t="s">
        <v>185</v>
      </c>
      <c r="F2" s="243" t="s">
        <v>184</v>
      </c>
      <c r="H2" s="888"/>
      <c r="I2" s="888"/>
      <c r="K2" s="888"/>
      <c r="L2" s="888"/>
      <c r="M2" s="888"/>
      <c r="N2" s="888"/>
      <c r="O2" s="888"/>
      <c r="P2" s="888"/>
    </row>
    <row r="3" spans="1:17" s="887" customFormat="1">
      <c r="A3" s="886"/>
      <c r="B3" s="243" t="s">
        <v>183</v>
      </c>
      <c r="C3" s="243">
        <f>SUM(C4:C5)</f>
        <v>76</v>
      </c>
      <c r="E3" s="886" t="s">
        <v>182</v>
      </c>
      <c r="F3" s="243">
        <f>SUM(F4:F6)</f>
        <v>74</v>
      </c>
      <c r="H3" s="888"/>
      <c r="I3" s="888"/>
      <c r="K3" s="888"/>
      <c r="L3" s="888"/>
      <c r="M3" s="888"/>
      <c r="N3" s="888"/>
      <c r="O3" s="888"/>
      <c r="P3" s="888"/>
    </row>
    <row r="4" spans="1:17" s="887" customFormat="1" ht="45">
      <c r="A4" s="886" t="s">
        <v>181</v>
      </c>
      <c r="B4" s="243" t="s">
        <v>180</v>
      </c>
      <c r="C4" s="243">
        <v>74</v>
      </c>
      <c r="E4" s="886" t="s">
        <v>179</v>
      </c>
      <c r="F4" s="243">
        <v>21</v>
      </c>
      <c r="H4" s="888"/>
      <c r="I4" s="888"/>
      <c r="K4" s="888"/>
      <c r="L4" s="888"/>
      <c r="M4" s="888"/>
      <c r="N4" s="888"/>
      <c r="O4" s="888"/>
      <c r="P4" s="888"/>
    </row>
    <row r="5" spans="1:17" s="887" customFormat="1" ht="45">
      <c r="A5" s="886" t="s">
        <v>178</v>
      </c>
      <c r="B5" s="243" t="s">
        <v>177</v>
      </c>
      <c r="C5" s="243">
        <v>2</v>
      </c>
      <c r="E5" s="886" t="s">
        <v>15</v>
      </c>
      <c r="F5" s="243">
        <v>37</v>
      </c>
      <c r="H5" s="888"/>
      <c r="I5" s="888"/>
      <c r="K5" s="888"/>
      <c r="L5" s="888"/>
      <c r="M5" s="888"/>
      <c r="N5" s="888"/>
      <c r="O5" s="888"/>
      <c r="P5" s="888"/>
    </row>
    <row r="6" spans="1:17" s="887" customFormat="1">
      <c r="A6" s="889"/>
      <c r="E6" s="886" t="s">
        <v>27</v>
      </c>
      <c r="F6" s="243">
        <v>16</v>
      </c>
      <c r="H6" s="888"/>
      <c r="I6" s="888"/>
      <c r="K6" s="888"/>
      <c r="L6" s="888"/>
      <c r="M6" s="888"/>
      <c r="N6" s="888"/>
      <c r="O6" s="888"/>
      <c r="P6" s="888"/>
    </row>
    <row r="7" spans="1:17" s="887" customFormat="1" ht="45">
      <c r="A7" s="889"/>
      <c r="E7" s="243" t="s">
        <v>176</v>
      </c>
      <c r="F7" s="243" t="s">
        <v>5025</v>
      </c>
      <c r="H7" s="888" t="s">
        <v>4200</v>
      </c>
      <c r="I7" s="888"/>
      <c r="J7" s="887">
        <f>SUM(J43+J62+J63+J66+J68+J70+J74+J83)</f>
        <v>85</v>
      </c>
      <c r="K7" s="888"/>
      <c r="L7" s="888"/>
      <c r="M7" s="888"/>
      <c r="N7" s="888"/>
      <c r="O7" s="888"/>
      <c r="P7" s="888"/>
    </row>
    <row r="8" spans="1:17" s="29" customFormat="1" ht="45" customHeight="1">
      <c r="A8" s="31"/>
      <c r="E8" s="1192" t="s">
        <v>175</v>
      </c>
      <c r="F8" s="1193"/>
      <c r="G8" s="29" t="s">
        <v>5026</v>
      </c>
      <c r="H8" s="123">
        <v>8</v>
      </c>
      <c r="I8" s="1082"/>
      <c r="J8" s="123">
        <v>404</v>
      </c>
      <c r="K8" s="123">
        <v>2340</v>
      </c>
      <c r="L8" s="25"/>
      <c r="M8" s="25"/>
      <c r="N8" s="25"/>
      <c r="O8" s="25"/>
      <c r="P8" s="25"/>
    </row>
    <row r="9" spans="1:17">
      <c r="A9" s="619"/>
      <c r="B9" s="619">
        <v>15</v>
      </c>
      <c r="C9" s="619"/>
      <c r="D9" s="619"/>
      <c r="E9" s="92"/>
      <c r="F9" s="619"/>
      <c r="G9" s="93"/>
      <c r="H9" s="619"/>
      <c r="I9" s="619"/>
      <c r="J9" s="94"/>
      <c r="K9" s="93"/>
      <c r="L9" s="93"/>
      <c r="M9" s="93"/>
      <c r="N9" s="93"/>
      <c r="O9" s="95"/>
      <c r="P9" s="96"/>
    </row>
    <row r="10" spans="1:17" s="870" customFormat="1">
      <c r="A10" s="883"/>
      <c r="B10" s="1194" t="s">
        <v>174</v>
      </c>
      <c r="C10" s="1194"/>
      <c r="D10" s="1194"/>
      <c r="E10" s="1194"/>
      <c r="F10" s="1194"/>
      <c r="G10" s="1194"/>
      <c r="H10" s="1194"/>
      <c r="I10" s="1195"/>
      <c r="J10" s="1194"/>
      <c r="K10" s="1194"/>
      <c r="L10" s="1194"/>
      <c r="M10" s="1194"/>
      <c r="N10" s="1194"/>
      <c r="O10" s="1194"/>
      <c r="P10" s="1194"/>
      <c r="Q10" s="1194"/>
    </row>
    <row r="11" spans="1:17" s="870" customFormat="1" ht="105">
      <c r="A11" s="243" t="s">
        <v>173</v>
      </c>
      <c r="B11" s="884" t="s">
        <v>172</v>
      </c>
      <c r="C11" s="885" t="s">
        <v>171</v>
      </c>
      <c r="D11" s="885" t="s">
        <v>170</v>
      </c>
      <c r="E11" s="886" t="s">
        <v>169</v>
      </c>
      <c r="F11" s="243" t="s">
        <v>168</v>
      </c>
      <c r="G11" s="243" t="s">
        <v>167</v>
      </c>
      <c r="H11" s="1064" t="s">
        <v>5073</v>
      </c>
      <c r="I11" s="1065" t="s">
        <v>5075</v>
      </c>
      <c r="J11" s="243" t="s">
        <v>166</v>
      </c>
      <c r="K11" s="243" t="s">
        <v>165</v>
      </c>
      <c r="L11" s="243" t="s">
        <v>164</v>
      </c>
      <c r="M11" s="243" t="s">
        <v>163</v>
      </c>
      <c r="N11" s="243" t="s">
        <v>162</v>
      </c>
      <c r="O11" s="243" t="s">
        <v>161</v>
      </c>
      <c r="P11" s="243" t="s">
        <v>160</v>
      </c>
      <c r="Q11" s="243" t="s">
        <v>159</v>
      </c>
    </row>
    <row r="12" spans="1:17" s="870" customFormat="1" ht="15" customHeight="1">
      <c r="A12" s="883"/>
      <c r="B12" s="1196" t="s">
        <v>486</v>
      </c>
      <c r="C12" s="1197"/>
      <c r="D12" s="1197"/>
      <c r="E12" s="1197"/>
      <c r="F12" s="1197"/>
      <c r="G12" s="1197"/>
      <c r="H12" s="1197"/>
      <c r="I12" s="1197"/>
      <c r="J12" s="1197"/>
      <c r="K12" s="1197"/>
      <c r="L12" s="1197"/>
      <c r="M12" s="1197"/>
      <c r="N12" s="1197"/>
      <c r="O12" s="1197"/>
      <c r="P12" s="1197"/>
      <c r="Q12" s="1198"/>
    </row>
    <row r="13" spans="1:17" s="870" customFormat="1" ht="15" customHeight="1">
      <c r="A13" s="883"/>
      <c r="B13" s="1196" t="s">
        <v>157</v>
      </c>
      <c r="C13" s="1197"/>
      <c r="D13" s="1197"/>
      <c r="E13" s="1197"/>
      <c r="F13" s="1197"/>
      <c r="G13" s="1197"/>
      <c r="H13" s="1197"/>
      <c r="I13" s="1197"/>
      <c r="J13" s="1197"/>
      <c r="K13" s="1197"/>
      <c r="L13" s="1197"/>
      <c r="M13" s="1197"/>
      <c r="N13" s="1197"/>
      <c r="O13" s="1197"/>
      <c r="P13" s="1197"/>
      <c r="Q13" s="1198"/>
    </row>
    <row r="14" spans="1:17">
      <c r="A14" s="620">
        <v>1</v>
      </c>
      <c r="B14" s="22">
        <v>2</v>
      </c>
      <c r="C14" s="620">
        <v>3</v>
      </c>
      <c r="D14" s="22">
        <v>4</v>
      </c>
      <c r="E14" s="21">
        <v>5</v>
      </c>
      <c r="F14" s="22">
        <v>6</v>
      </c>
      <c r="G14" s="620">
        <v>7</v>
      </c>
      <c r="H14" s="22">
        <v>8</v>
      </c>
      <c r="I14" s="1083"/>
      <c r="J14" s="620">
        <v>9</v>
      </c>
      <c r="K14" s="22">
        <v>10</v>
      </c>
      <c r="L14" s="620">
        <v>11</v>
      </c>
      <c r="M14" s="22"/>
      <c r="N14" s="22"/>
      <c r="O14" s="22">
        <v>12</v>
      </c>
      <c r="P14" s="620">
        <v>13</v>
      </c>
      <c r="Q14" s="22">
        <v>14</v>
      </c>
    </row>
    <row r="15" spans="1:17" ht="315">
      <c r="A15" s="620">
        <v>1</v>
      </c>
      <c r="B15" s="864" t="s">
        <v>485</v>
      </c>
      <c r="C15" s="862" t="s">
        <v>15</v>
      </c>
      <c r="D15" s="862" t="s">
        <v>484</v>
      </c>
      <c r="E15" s="865" t="s">
        <v>483</v>
      </c>
      <c r="F15" s="863">
        <v>44523</v>
      </c>
      <c r="G15" s="866" t="s">
        <v>4984</v>
      </c>
      <c r="H15" s="862" t="s">
        <v>10</v>
      </c>
      <c r="I15" s="862"/>
      <c r="J15" s="862">
        <v>7</v>
      </c>
      <c r="K15" s="862">
        <v>40</v>
      </c>
      <c r="L15" s="862">
        <v>7</v>
      </c>
      <c r="M15" s="863">
        <f>$F$15</f>
        <v>44523</v>
      </c>
      <c r="N15" s="862"/>
      <c r="O15" s="862" t="s">
        <v>482</v>
      </c>
      <c r="P15" s="862"/>
      <c r="Q15" s="862"/>
    </row>
    <row r="16" spans="1:17" ht="390">
      <c r="A16" s="620">
        <f>A15+1</f>
        <v>2</v>
      </c>
      <c r="B16" s="864" t="s">
        <v>481</v>
      </c>
      <c r="C16" s="862" t="s">
        <v>15</v>
      </c>
      <c r="D16" s="862" t="s">
        <v>480</v>
      </c>
      <c r="E16" s="865" t="s">
        <v>479</v>
      </c>
      <c r="F16" s="863">
        <v>42583</v>
      </c>
      <c r="G16" s="866" t="s">
        <v>4985</v>
      </c>
      <c r="H16" s="862" t="s">
        <v>4929</v>
      </c>
      <c r="I16" s="862"/>
      <c r="J16" s="862">
        <v>16</v>
      </c>
      <c r="K16" s="862">
        <v>80</v>
      </c>
      <c r="L16" s="862">
        <v>1</v>
      </c>
      <c r="M16" s="863">
        <f>$F$16</f>
        <v>42583</v>
      </c>
      <c r="N16" s="862"/>
      <c r="O16" s="862" t="s">
        <v>478</v>
      </c>
      <c r="P16" s="862" t="s">
        <v>477</v>
      </c>
      <c r="Q16" s="862"/>
    </row>
    <row r="17" spans="1:17" ht="105">
      <c r="A17" s="620">
        <f>A16+1</f>
        <v>3</v>
      </c>
      <c r="B17" s="864" t="s">
        <v>476</v>
      </c>
      <c r="C17" s="862" t="s">
        <v>15</v>
      </c>
      <c r="D17" s="862" t="s">
        <v>475</v>
      </c>
      <c r="E17" s="865" t="s">
        <v>474</v>
      </c>
      <c r="F17" s="863">
        <v>43271</v>
      </c>
      <c r="G17" s="867" t="s">
        <v>383</v>
      </c>
      <c r="H17" s="862" t="s">
        <v>10</v>
      </c>
      <c r="I17" s="862"/>
      <c r="J17" s="862">
        <v>7</v>
      </c>
      <c r="K17" s="862">
        <v>32</v>
      </c>
      <c r="L17" s="862">
        <v>1</v>
      </c>
      <c r="M17" s="863">
        <f>$F$17</f>
        <v>43271</v>
      </c>
      <c r="N17" s="862"/>
      <c r="O17" s="862" t="s">
        <v>473</v>
      </c>
      <c r="P17" s="862" t="s">
        <v>461</v>
      </c>
      <c r="Q17" s="862"/>
    </row>
    <row r="18" spans="1:17" ht="105">
      <c r="A18" s="620">
        <f t="shared" ref="A18:A81" si="0">A17+1</f>
        <v>4</v>
      </c>
      <c r="B18" s="864" t="s">
        <v>472</v>
      </c>
      <c r="C18" s="862" t="s">
        <v>15</v>
      </c>
      <c r="D18" s="862" t="s">
        <v>471</v>
      </c>
      <c r="E18" s="865" t="s">
        <v>470</v>
      </c>
      <c r="F18" s="863">
        <v>43579</v>
      </c>
      <c r="G18" s="867" t="s">
        <v>383</v>
      </c>
      <c r="H18" s="862" t="s">
        <v>10</v>
      </c>
      <c r="I18" s="862"/>
      <c r="J18" s="862">
        <v>4</v>
      </c>
      <c r="K18" s="862">
        <v>46</v>
      </c>
      <c r="L18" s="862">
        <v>1</v>
      </c>
      <c r="M18" s="863">
        <f>$F$18</f>
        <v>43579</v>
      </c>
      <c r="N18" s="862"/>
      <c r="O18" s="862" t="s">
        <v>469</v>
      </c>
      <c r="P18" s="862" t="s">
        <v>468</v>
      </c>
      <c r="Q18" s="862"/>
    </row>
    <row r="19" spans="1:17" ht="120">
      <c r="A19" s="620">
        <f t="shared" si="0"/>
        <v>5</v>
      </c>
      <c r="B19" s="864" t="s">
        <v>467</v>
      </c>
      <c r="C19" s="862" t="s">
        <v>15</v>
      </c>
      <c r="D19" s="862" t="s">
        <v>466</v>
      </c>
      <c r="E19" s="865" t="s">
        <v>465</v>
      </c>
      <c r="F19" s="863">
        <v>44137</v>
      </c>
      <c r="G19" s="890" t="s">
        <v>136</v>
      </c>
      <c r="H19" s="862" t="s">
        <v>10</v>
      </c>
      <c r="I19" s="862"/>
      <c r="J19" s="862">
        <v>2</v>
      </c>
      <c r="K19" s="862">
        <v>16</v>
      </c>
      <c r="L19" s="862">
        <v>1</v>
      </c>
      <c r="M19" s="863">
        <f>$F$19</f>
        <v>44137</v>
      </c>
      <c r="N19" s="862"/>
      <c r="O19" s="862" t="s">
        <v>464</v>
      </c>
      <c r="P19" s="862" t="s">
        <v>463</v>
      </c>
      <c r="Q19" s="862"/>
    </row>
    <row r="20" spans="1:17" ht="240">
      <c r="A20" s="620">
        <f t="shared" si="0"/>
        <v>6</v>
      </c>
      <c r="B20" s="864" t="s">
        <v>4930</v>
      </c>
      <c r="C20" s="862" t="s">
        <v>944</v>
      </c>
      <c r="D20" s="862" t="s">
        <v>4931</v>
      </c>
      <c r="E20" s="865"/>
      <c r="F20" s="863"/>
      <c r="G20" s="866" t="s">
        <v>4986</v>
      </c>
      <c r="H20" s="862" t="s">
        <v>10</v>
      </c>
      <c r="I20" s="862"/>
      <c r="J20" s="862">
        <v>12</v>
      </c>
      <c r="K20" s="862">
        <v>48</v>
      </c>
      <c r="L20" s="862">
        <v>1</v>
      </c>
      <c r="M20" s="863">
        <f t="shared" ref="M20:M27" si="1">F20</f>
        <v>0</v>
      </c>
      <c r="N20" s="862"/>
      <c r="O20" s="862" t="s">
        <v>462</v>
      </c>
      <c r="P20" s="862" t="s">
        <v>461</v>
      </c>
      <c r="Q20" s="862" t="s">
        <v>4932</v>
      </c>
    </row>
    <row r="21" spans="1:17" ht="120">
      <c r="A21" s="620">
        <f t="shared" si="0"/>
        <v>7</v>
      </c>
      <c r="B21" s="864" t="s">
        <v>460</v>
      </c>
      <c r="C21" s="862" t="s">
        <v>15</v>
      </c>
      <c r="D21" s="862" t="s">
        <v>459</v>
      </c>
      <c r="E21" s="865" t="s">
        <v>458</v>
      </c>
      <c r="F21" s="863">
        <v>40875</v>
      </c>
      <c r="G21" s="890" t="s">
        <v>457</v>
      </c>
      <c r="H21" s="862" t="s">
        <v>10</v>
      </c>
      <c r="I21" s="862"/>
      <c r="J21" s="862">
        <v>6</v>
      </c>
      <c r="K21" s="862">
        <v>36</v>
      </c>
      <c r="L21" s="862">
        <v>1</v>
      </c>
      <c r="M21" s="863">
        <f t="shared" si="1"/>
        <v>40875</v>
      </c>
      <c r="N21" s="862"/>
      <c r="O21" s="862" t="s">
        <v>456</v>
      </c>
      <c r="P21" s="862"/>
      <c r="Q21" s="862"/>
    </row>
    <row r="22" spans="1:17" ht="330">
      <c r="A22" s="620">
        <f t="shared" si="0"/>
        <v>8</v>
      </c>
      <c r="B22" s="864" t="s">
        <v>455</v>
      </c>
      <c r="C22" s="862" t="s">
        <v>15</v>
      </c>
      <c r="D22" s="862" t="s">
        <v>454</v>
      </c>
      <c r="E22" s="865" t="s">
        <v>453</v>
      </c>
      <c r="F22" s="863">
        <v>42384</v>
      </c>
      <c r="G22" s="862" t="s">
        <v>395</v>
      </c>
      <c r="H22" s="862" t="s">
        <v>4933</v>
      </c>
      <c r="I22" s="862"/>
      <c r="J22" s="862">
        <v>11</v>
      </c>
      <c r="K22" s="862">
        <v>63</v>
      </c>
      <c r="L22" s="862">
        <v>9</v>
      </c>
      <c r="M22" s="863">
        <f t="shared" si="1"/>
        <v>42384</v>
      </c>
      <c r="N22" s="862"/>
      <c r="O22" s="862" t="s">
        <v>452</v>
      </c>
      <c r="P22" s="862"/>
      <c r="Q22" s="862"/>
    </row>
    <row r="23" spans="1:17" ht="285">
      <c r="A23" s="620">
        <f t="shared" si="0"/>
        <v>9</v>
      </c>
      <c r="B23" s="864" t="s">
        <v>451</v>
      </c>
      <c r="C23" s="862" t="s">
        <v>15</v>
      </c>
      <c r="D23" s="862" t="s">
        <v>450</v>
      </c>
      <c r="E23" s="865" t="s">
        <v>449</v>
      </c>
      <c r="F23" s="863">
        <v>43769</v>
      </c>
      <c r="G23" s="890" t="s">
        <v>151</v>
      </c>
      <c r="H23" s="862" t="s">
        <v>10</v>
      </c>
      <c r="I23" s="862"/>
      <c r="J23" s="862">
        <v>4</v>
      </c>
      <c r="K23" s="862">
        <v>36</v>
      </c>
      <c r="L23" s="862">
        <v>1</v>
      </c>
      <c r="M23" s="863">
        <f t="shared" si="1"/>
        <v>43769</v>
      </c>
      <c r="N23" s="862"/>
      <c r="O23" s="862" t="s">
        <v>448</v>
      </c>
      <c r="P23" s="862"/>
      <c r="Q23" s="862"/>
    </row>
    <row r="24" spans="1:17" ht="120">
      <c r="A24" s="620">
        <f t="shared" si="0"/>
        <v>10</v>
      </c>
      <c r="B24" s="864" t="s">
        <v>447</v>
      </c>
      <c r="C24" s="862" t="s">
        <v>15</v>
      </c>
      <c r="D24" s="862" t="s">
        <v>446</v>
      </c>
      <c r="E24" s="865" t="s">
        <v>445</v>
      </c>
      <c r="F24" s="863">
        <v>42346</v>
      </c>
      <c r="G24" s="867" t="s">
        <v>383</v>
      </c>
      <c r="H24" s="862" t="s">
        <v>10</v>
      </c>
      <c r="I24" s="862"/>
      <c r="J24" s="862">
        <v>6</v>
      </c>
      <c r="K24" s="862">
        <v>54</v>
      </c>
      <c r="L24" s="862">
        <v>1</v>
      </c>
      <c r="M24" s="863">
        <f t="shared" si="1"/>
        <v>42346</v>
      </c>
      <c r="N24" s="862"/>
      <c r="O24" s="862" t="s">
        <v>444</v>
      </c>
      <c r="P24" s="862"/>
      <c r="Q24" s="862"/>
    </row>
    <row r="25" spans="1:17" ht="105">
      <c r="A25" s="620">
        <f t="shared" si="0"/>
        <v>11</v>
      </c>
      <c r="B25" s="864" t="s">
        <v>443</v>
      </c>
      <c r="C25" s="862" t="s">
        <v>15</v>
      </c>
      <c r="D25" s="862" t="s">
        <v>442</v>
      </c>
      <c r="E25" s="865" t="s">
        <v>441</v>
      </c>
      <c r="F25" s="863">
        <v>42390</v>
      </c>
      <c r="G25" s="867" t="s">
        <v>142</v>
      </c>
      <c r="H25" s="862" t="s">
        <v>10</v>
      </c>
      <c r="I25" s="862"/>
      <c r="J25" s="862">
        <v>7</v>
      </c>
      <c r="K25" s="862">
        <v>64</v>
      </c>
      <c r="L25" s="862">
        <v>1</v>
      </c>
      <c r="M25" s="863">
        <f t="shared" si="1"/>
        <v>42390</v>
      </c>
      <c r="N25" s="862"/>
      <c r="O25" s="862" t="s">
        <v>440</v>
      </c>
      <c r="P25" s="862"/>
      <c r="Q25" s="862"/>
    </row>
    <row r="26" spans="1:17" ht="225">
      <c r="A26" s="620">
        <f t="shared" si="0"/>
        <v>12</v>
      </c>
      <c r="B26" s="864" t="s">
        <v>439</v>
      </c>
      <c r="C26" s="862" t="s">
        <v>15</v>
      </c>
      <c r="D26" s="862" t="s">
        <v>437</v>
      </c>
      <c r="E26" s="865" t="s">
        <v>436</v>
      </c>
      <c r="F26" s="863">
        <v>43054</v>
      </c>
      <c r="G26" s="867" t="s">
        <v>63</v>
      </c>
      <c r="H26" s="862" t="s">
        <v>10</v>
      </c>
      <c r="I26" s="862"/>
      <c r="J26" s="862">
        <v>1</v>
      </c>
      <c r="K26" s="862">
        <v>9</v>
      </c>
      <c r="L26" s="862">
        <v>1</v>
      </c>
      <c r="M26" s="863">
        <f t="shared" si="1"/>
        <v>43054</v>
      </c>
      <c r="N26" s="862"/>
      <c r="O26" s="862" t="s">
        <v>435</v>
      </c>
      <c r="P26" s="862"/>
      <c r="Q26" s="862"/>
    </row>
    <row r="27" spans="1:17" ht="225">
      <c r="A27" s="620">
        <f t="shared" si="0"/>
        <v>13</v>
      </c>
      <c r="B27" s="864" t="s">
        <v>438</v>
      </c>
      <c r="C27" s="862" t="s">
        <v>15</v>
      </c>
      <c r="D27" s="862" t="s">
        <v>437</v>
      </c>
      <c r="E27" s="865" t="s">
        <v>436</v>
      </c>
      <c r="F27" s="863">
        <v>43054</v>
      </c>
      <c r="G27" s="867" t="s">
        <v>63</v>
      </c>
      <c r="H27" s="862" t="s">
        <v>10</v>
      </c>
      <c r="I27" s="862"/>
      <c r="J27" s="862">
        <v>1</v>
      </c>
      <c r="K27" s="862">
        <v>9</v>
      </c>
      <c r="L27" s="862">
        <v>1</v>
      </c>
      <c r="M27" s="863">
        <f t="shared" si="1"/>
        <v>43054</v>
      </c>
      <c r="N27" s="862"/>
      <c r="O27" s="862" t="s">
        <v>435</v>
      </c>
      <c r="P27" s="862"/>
      <c r="Q27" s="862"/>
    </row>
    <row r="28" spans="1:17" ht="390">
      <c r="A28" s="620">
        <f t="shared" si="0"/>
        <v>14</v>
      </c>
      <c r="B28" s="864" t="s">
        <v>4934</v>
      </c>
      <c r="C28" s="862" t="s">
        <v>15</v>
      </c>
      <c r="D28" s="862" t="s">
        <v>434</v>
      </c>
      <c r="E28" s="865" t="s">
        <v>433</v>
      </c>
      <c r="F28" s="863">
        <v>38275</v>
      </c>
      <c r="G28" s="866" t="s">
        <v>4985</v>
      </c>
      <c r="H28" s="862" t="s">
        <v>4929</v>
      </c>
      <c r="I28" s="862"/>
      <c r="J28" s="862">
        <v>6</v>
      </c>
      <c r="K28" s="862">
        <v>23</v>
      </c>
      <c r="L28" s="862">
        <v>1</v>
      </c>
      <c r="M28" s="865">
        <v>2018</v>
      </c>
      <c r="N28" s="862"/>
      <c r="O28" s="862" t="s">
        <v>432</v>
      </c>
      <c r="P28" s="862"/>
      <c r="Q28" s="862"/>
    </row>
    <row r="29" spans="1:17" ht="120">
      <c r="A29" s="620">
        <f t="shared" si="0"/>
        <v>15</v>
      </c>
      <c r="B29" s="864" t="s">
        <v>431</v>
      </c>
      <c r="C29" s="862" t="s">
        <v>15</v>
      </c>
      <c r="D29" s="862" t="s">
        <v>430</v>
      </c>
      <c r="E29" s="865" t="s">
        <v>429</v>
      </c>
      <c r="F29" s="863">
        <v>37116</v>
      </c>
      <c r="G29" s="890" t="s">
        <v>136</v>
      </c>
      <c r="H29" s="862" t="s">
        <v>10</v>
      </c>
      <c r="I29" s="862"/>
      <c r="J29" s="862">
        <v>4</v>
      </c>
      <c r="K29" s="862">
        <v>22</v>
      </c>
      <c r="L29" s="862">
        <v>1</v>
      </c>
      <c r="M29" s="863"/>
      <c r="N29" s="862"/>
      <c r="O29" s="862" t="s">
        <v>428</v>
      </c>
      <c r="P29" s="862"/>
      <c r="Q29" s="862"/>
    </row>
    <row r="30" spans="1:17" ht="75">
      <c r="A30" s="620">
        <f t="shared" si="0"/>
        <v>16</v>
      </c>
      <c r="B30" s="864" t="s">
        <v>427</v>
      </c>
      <c r="C30" s="862" t="s">
        <v>944</v>
      </c>
      <c r="D30" s="862" t="s">
        <v>426</v>
      </c>
      <c r="E30" s="865" t="s">
        <v>425</v>
      </c>
      <c r="F30" s="863">
        <v>40655</v>
      </c>
      <c r="G30" s="862" t="s">
        <v>395</v>
      </c>
      <c r="H30" s="862" t="s">
        <v>10</v>
      </c>
      <c r="I30" s="862"/>
      <c r="J30" s="862">
        <v>3</v>
      </c>
      <c r="K30" s="862">
        <v>23</v>
      </c>
      <c r="L30" s="862">
        <v>1</v>
      </c>
      <c r="M30" s="863">
        <f t="shared" ref="M30:M35" si="2">F30</f>
        <v>40655</v>
      </c>
      <c r="N30" s="862"/>
      <c r="O30" s="862" t="s">
        <v>424</v>
      </c>
      <c r="P30" s="862"/>
      <c r="Q30" s="862"/>
    </row>
    <row r="31" spans="1:17" ht="315">
      <c r="A31" s="620">
        <f t="shared" si="0"/>
        <v>17</v>
      </c>
      <c r="B31" s="864" t="s">
        <v>423</v>
      </c>
      <c r="C31" s="862" t="s">
        <v>15</v>
      </c>
      <c r="D31" s="862" t="s">
        <v>422</v>
      </c>
      <c r="E31" s="865" t="s">
        <v>421</v>
      </c>
      <c r="F31" s="863">
        <v>42419</v>
      </c>
      <c r="G31" s="866" t="s">
        <v>4987</v>
      </c>
      <c r="H31" s="862" t="s">
        <v>4933</v>
      </c>
      <c r="I31" s="862"/>
      <c r="J31" s="862">
        <v>8</v>
      </c>
      <c r="K31" s="862">
        <v>45</v>
      </c>
      <c r="L31" s="862">
        <v>3</v>
      </c>
      <c r="M31" s="863">
        <f t="shared" si="2"/>
        <v>42419</v>
      </c>
      <c r="N31" s="862"/>
      <c r="O31" s="862" t="s">
        <v>420</v>
      </c>
      <c r="P31" s="862" t="s">
        <v>419</v>
      </c>
      <c r="Q31" s="862"/>
    </row>
    <row r="32" spans="1:17" ht="75">
      <c r="A32" s="620">
        <f t="shared" si="0"/>
        <v>18</v>
      </c>
      <c r="B32" s="864" t="s">
        <v>418</v>
      </c>
      <c r="C32" s="862" t="s">
        <v>15</v>
      </c>
      <c r="D32" s="862" t="s">
        <v>417</v>
      </c>
      <c r="E32" s="865" t="s">
        <v>416</v>
      </c>
      <c r="F32" s="863">
        <v>43542</v>
      </c>
      <c r="G32" s="867" t="s">
        <v>63</v>
      </c>
      <c r="H32" s="862" t="s">
        <v>10</v>
      </c>
      <c r="I32" s="862"/>
      <c r="J32" s="862">
        <v>4</v>
      </c>
      <c r="K32" s="862">
        <v>58</v>
      </c>
      <c r="L32" s="862">
        <v>8</v>
      </c>
      <c r="M32" s="863">
        <f t="shared" si="2"/>
        <v>43542</v>
      </c>
      <c r="N32" s="862"/>
      <c r="O32" s="862" t="s">
        <v>415</v>
      </c>
      <c r="P32" s="862"/>
      <c r="Q32" s="862"/>
    </row>
    <row r="33" spans="1:17" ht="135">
      <c r="A33" s="620">
        <f t="shared" si="0"/>
        <v>19</v>
      </c>
      <c r="B33" s="864" t="s">
        <v>414</v>
      </c>
      <c r="C33" s="862" t="s">
        <v>15</v>
      </c>
      <c r="D33" s="862" t="s">
        <v>413</v>
      </c>
      <c r="E33" s="865" t="s">
        <v>412</v>
      </c>
      <c r="F33" s="863">
        <v>43010</v>
      </c>
      <c r="G33" s="890" t="s">
        <v>151</v>
      </c>
      <c r="H33" s="862" t="s">
        <v>10</v>
      </c>
      <c r="I33" s="862"/>
      <c r="J33" s="862">
        <v>6</v>
      </c>
      <c r="K33" s="862">
        <v>28</v>
      </c>
      <c r="L33" s="862">
        <v>1</v>
      </c>
      <c r="M33" s="863">
        <f t="shared" si="2"/>
        <v>43010</v>
      </c>
      <c r="N33" s="862"/>
      <c r="O33" s="862" t="s">
        <v>411</v>
      </c>
      <c r="P33" s="862"/>
      <c r="Q33" s="862"/>
    </row>
    <row r="34" spans="1:17" ht="75">
      <c r="A34" s="620">
        <f t="shared" si="0"/>
        <v>20</v>
      </c>
      <c r="B34" s="864" t="s">
        <v>410</v>
      </c>
      <c r="C34" s="862" t="s">
        <v>15</v>
      </c>
      <c r="D34" s="862" t="s">
        <v>409</v>
      </c>
      <c r="E34" s="865" t="s">
        <v>408</v>
      </c>
      <c r="F34" s="863">
        <v>43550</v>
      </c>
      <c r="G34" s="867" t="s">
        <v>63</v>
      </c>
      <c r="H34" s="862" t="s">
        <v>10</v>
      </c>
      <c r="I34" s="862"/>
      <c r="J34" s="862">
        <v>9</v>
      </c>
      <c r="K34" s="862">
        <v>56</v>
      </c>
      <c r="L34" s="862">
        <v>1</v>
      </c>
      <c r="M34" s="863">
        <f t="shared" si="2"/>
        <v>43550</v>
      </c>
      <c r="N34" s="862"/>
      <c r="O34" s="862" t="s">
        <v>407</v>
      </c>
      <c r="P34" s="862" t="s">
        <v>406</v>
      </c>
      <c r="Q34" s="862"/>
    </row>
    <row r="35" spans="1:17" ht="300">
      <c r="A35" s="620">
        <f t="shared" si="0"/>
        <v>21</v>
      </c>
      <c r="B35" s="864" t="s">
        <v>405</v>
      </c>
      <c r="C35" s="862" t="s">
        <v>15</v>
      </c>
      <c r="D35" s="862" t="s">
        <v>404</v>
      </c>
      <c r="E35" s="865" t="s">
        <v>403</v>
      </c>
      <c r="F35" s="863">
        <v>39974</v>
      </c>
      <c r="G35" s="866" t="s">
        <v>4988</v>
      </c>
      <c r="H35" s="862" t="s">
        <v>10</v>
      </c>
      <c r="I35" s="862"/>
      <c r="J35" s="862">
        <v>8</v>
      </c>
      <c r="K35" s="862">
        <v>40</v>
      </c>
      <c r="L35" s="862">
        <v>1</v>
      </c>
      <c r="M35" s="863">
        <f t="shared" si="2"/>
        <v>39974</v>
      </c>
      <c r="N35" s="862"/>
      <c r="O35" s="862" t="s">
        <v>402</v>
      </c>
      <c r="P35" s="862"/>
      <c r="Q35" s="862"/>
    </row>
    <row r="36" spans="1:17" ht="135">
      <c r="A36" s="620">
        <f t="shared" si="0"/>
        <v>22</v>
      </c>
      <c r="B36" s="864" t="s">
        <v>401</v>
      </c>
      <c r="C36" s="862" t="s">
        <v>4935</v>
      </c>
      <c r="D36" s="862" t="s">
        <v>4936</v>
      </c>
      <c r="E36" s="865" t="s">
        <v>400</v>
      </c>
      <c r="F36" s="863">
        <v>40038</v>
      </c>
      <c r="G36" s="890" t="s">
        <v>151</v>
      </c>
      <c r="H36" s="862" t="s">
        <v>10</v>
      </c>
      <c r="I36" s="862"/>
      <c r="J36" s="862">
        <v>8</v>
      </c>
      <c r="K36" s="862">
        <v>28</v>
      </c>
      <c r="L36" s="862">
        <v>1</v>
      </c>
      <c r="M36" s="863">
        <f>$F$36</f>
        <v>40038</v>
      </c>
      <c r="N36" s="862"/>
      <c r="O36" s="862" t="s">
        <v>399</v>
      </c>
      <c r="P36" s="862"/>
      <c r="Q36" s="862" t="s">
        <v>4937</v>
      </c>
    </row>
    <row r="37" spans="1:17" ht="105">
      <c r="A37" s="620">
        <f t="shared" si="0"/>
        <v>23</v>
      </c>
      <c r="B37" s="864" t="s">
        <v>398</v>
      </c>
      <c r="C37" s="862" t="s">
        <v>15</v>
      </c>
      <c r="D37" s="862" t="s">
        <v>397</v>
      </c>
      <c r="E37" s="865" t="s">
        <v>396</v>
      </c>
      <c r="F37" s="863">
        <v>42524</v>
      </c>
      <c r="G37" s="862" t="s">
        <v>395</v>
      </c>
      <c r="H37" s="862" t="s">
        <v>4929</v>
      </c>
      <c r="I37" s="862"/>
      <c r="J37" s="862">
        <v>1</v>
      </c>
      <c r="K37" s="862">
        <v>22</v>
      </c>
      <c r="L37" s="862">
        <v>1</v>
      </c>
      <c r="M37" s="863">
        <f t="shared" ref="M37:M65" si="3">F37</f>
        <v>42524</v>
      </c>
      <c r="N37" s="862"/>
      <c r="O37" s="862" t="s">
        <v>394</v>
      </c>
      <c r="P37" s="862"/>
      <c r="Q37" s="862"/>
    </row>
    <row r="38" spans="1:17" ht="210">
      <c r="A38" s="620">
        <f t="shared" si="0"/>
        <v>24</v>
      </c>
      <c r="B38" s="864" t="s">
        <v>393</v>
      </c>
      <c r="C38" s="862" t="s">
        <v>15</v>
      </c>
      <c r="D38" s="862" t="s">
        <v>391</v>
      </c>
      <c r="E38" s="865" t="s">
        <v>390</v>
      </c>
      <c r="F38" s="863">
        <v>42368</v>
      </c>
      <c r="G38" s="862" t="s">
        <v>389</v>
      </c>
      <c r="H38" s="862" t="s">
        <v>10</v>
      </c>
      <c r="I38" s="862"/>
      <c r="J38" s="862">
        <v>5</v>
      </c>
      <c r="K38" s="862">
        <v>26</v>
      </c>
      <c r="L38" s="862">
        <v>1</v>
      </c>
      <c r="M38" s="863">
        <f t="shared" si="3"/>
        <v>42368</v>
      </c>
      <c r="N38" s="862"/>
      <c r="O38" s="862" t="s">
        <v>388</v>
      </c>
      <c r="P38" s="862" t="s">
        <v>387</v>
      </c>
      <c r="Q38" s="862"/>
    </row>
    <row r="39" spans="1:17" ht="210">
      <c r="A39" s="620">
        <f t="shared" si="0"/>
        <v>25</v>
      </c>
      <c r="B39" s="864" t="s">
        <v>392</v>
      </c>
      <c r="C39" s="862" t="s">
        <v>15</v>
      </c>
      <c r="D39" s="862" t="s">
        <v>391</v>
      </c>
      <c r="E39" s="865" t="s">
        <v>390</v>
      </c>
      <c r="F39" s="863">
        <v>42368</v>
      </c>
      <c r="G39" s="862" t="s">
        <v>389</v>
      </c>
      <c r="H39" s="862" t="s">
        <v>10</v>
      </c>
      <c r="I39" s="862"/>
      <c r="J39" s="862">
        <v>3</v>
      </c>
      <c r="K39" s="862">
        <v>18</v>
      </c>
      <c r="L39" s="862">
        <v>1</v>
      </c>
      <c r="M39" s="863">
        <f t="shared" si="3"/>
        <v>42368</v>
      </c>
      <c r="N39" s="862"/>
      <c r="O39" s="862" t="s">
        <v>388</v>
      </c>
      <c r="P39" s="862" t="s">
        <v>387</v>
      </c>
      <c r="Q39" s="862"/>
    </row>
    <row r="40" spans="1:17" ht="75">
      <c r="A40" s="620">
        <f t="shared" si="0"/>
        <v>26</v>
      </c>
      <c r="B40" s="864" t="s">
        <v>386</v>
      </c>
      <c r="C40" s="862" t="s">
        <v>15</v>
      </c>
      <c r="D40" s="862" t="s">
        <v>385</v>
      </c>
      <c r="E40" s="865" t="s">
        <v>384</v>
      </c>
      <c r="F40" s="863">
        <v>44643</v>
      </c>
      <c r="G40" s="867" t="s">
        <v>383</v>
      </c>
      <c r="H40" s="862" t="s">
        <v>10</v>
      </c>
      <c r="I40" s="862"/>
      <c r="J40" s="862">
        <v>1</v>
      </c>
      <c r="K40" s="862">
        <v>6</v>
      </c>
      <c r="L40" s="862">
        <v>1</v>
      </c>
      <c r="M40" s="863">
        <f t="shared" si="3"/>
        <v>44643</v>
      </c>
      <c r="N40" s="862"/>
      <c r="O40" s="862" t="s">
        <v>382</v>
      </c>
      <c r="P40" s="862"/>
      <c r="Q40" s="862"/>
    </row>
    <row r="41" spans="1:17" ht="105">
      <c r="A41" s="620">
        <f t="shared" si="0"/>
        <v>27</v>
      </c>
      <c r="B41" s="864" t="s">
        <v>381</v>
      </c>
      <c r="C41" s="862" t="s">
        <v>15</v>
      </c>
      <c r="D41" s="862" t="s">
        <v>4938</v>
      </c>
      <c r="E41" s="865" t="s">
        <v>380</v>
      </c>
      <c r="F41" s="863">
        <v>42936</v>
      </c>
      <c r="G41" s="867" t="s">
        <v>379</v>
      </c>
      <c r="H41" s="862" t="s">
        <v>10</v>
      </c>
      <c r="I41" s="862"/>
      <c r="J41" s="862">
        <v>1</v>
      </c>
      <c r="K41" s="862">
        <v>6</v>
      </c>
      <c r="L41" s="862">
        <v>1</v>
      </c>
      <c r="M41" s="863">
        <f t="shared" si="3"/>
        <v>42936</v>
      </c>
      <c r="N41" s="862"/>
      <c r="O41" s="862" t="s">
        <v>378</v>
      </c>
      <c r="P41" s="862" t="s">
        <v>377</v>
      </c>
      <c r="Q41" s="862"/>
    </row>
    <row r="42" spans="1:17" ht="315">
      <c r="A42" s="620">
        <f t="shared" si="0"/>
        <v>28</v>
      </c>
      <c r="B42" s="864" t="s">
        <v>376</v>
      </c>
      <c r="C42" s="862" t="s">
        <v>15</v>
      </c>
      <c r="D42" s="862" t="s">
        <v>375</v>
      </c>
      <c r="E42" s="865" t="s">
        <v>374</v>
      </c>
      <c r="F42" s="863">
        <v>44272</v>
      </c>
      <c r="G42" s="867" t="s">
        <v>373</v>
      </c>
      <c r="H42" s="862" t="s">
        <v>4929</v>
      </c>
      <c r="I42" s="862"/>
      <c r="J42" s="862">
        <v>7</v>
      </c>
      <c r="K42" s="862">
        <v>30</v>
      </c>
      <c r="L42" s="862">
        <v>1</v>
      </c>
      <c r="M42" s="863">
        <f t="shared" si="3"/>
        <v>44272</v>
      </c>
      <c r="N42" s="862"/>
      <c r="O42" s="862" t="s">
        <v>372</v>
      </c>
      <c r="P42" s="862"/>
      <c r="Q42" s="891"/>
    </row>
    <row r="43" spans="1:17" ht="409.5">
      <c r="A43" s="620">
        <f t="shared" si="0"/>
        <v>29</v>
      </c>
      <c r="B43" s="864" t="s">
        <v>371</v>
      </c>
      <c r="C43" s="862" t="s">
        <v>15</v>
      </c>
      <c r="D43" s="862" t="s">
        <v>370</v>
      </c>
      <c r="E43" s="865" t="s">
        <v>369</v>
      </c>
      <c r="F43" s="863">
        <v>43020</v>
      </c>
      <c r="G43" s="866" t="s">
        <v>125</v>
      </c>
      <c r="H43" s="862" t="s">
        <v>368</v>
      </c>
      <c r="I43" s="862"/>
      <c r="J43" s="862">
        <v>26</v>
      </c>
      <c r="K43" s="862">
        <v>49</v>
      </c>
      <c r="L43" s="862">
        <v>7</v>
      </c>
      <c r="M43" s="863">
        <f t="shared" si="3"/>
        <v>43020</v>
      </c>
      <c r="N43" s="862"/>
      <c r="O43" s="862" t="s">
        <v>367</v>
      </c>
      <c r="P43" s="862"/>
      <c r="Q43" s="862"/>
    </row>
    <row r="44" spans="1:17" ht="105">
      <c r="A44" s="620">
        <f t="shared" si="0"/>
        <v>30</v>
      </c>
      <c r="B44" s="864" t="s">
        <v>366</v>
      </c>
      <c r="C44" s="862" t="s">
        <v>15</v>
      </c>
      <c r="D44" s="862" t="s">
        <v>4939</v>
      </c>
      <c r="E44" s="865" t="s">
        <v>365</v>
      </c>
      <c r="F44" s="863">
        <v>42342</v>
      </c>
      <c r="G44" s="866" t="s">
        <v>4989</v>
      </c>
      <c r="H44" s="862" t="s">
        <v>10</v>
      </c>
      <c r="I44" s="862"/>
      <c r="J44" s="862">
        <v>7</v>
      </c>
      <c r="K44" s="862">
        <v>36</v>
      </c>
      <c r="L44" s="862">
        <v>1</v>
      </c>
      <c r="M44" s="863">
        <f t="shared" si="3"/>
        <v>42342</v>
      </c>
      <c r="N44" s="862"/>
      <c r="O44" s="862" t="s">
        <v>364</v>
      </c>
      <c r="P44" s="862"/>
      <c r="Q44" s="862"/>
    </row>
    <row r="45" spans="1:17" ht="120">
      <c r="A45" s="620">
        <f t="shared" si="0"/>
        <v>31</v>
      </c>
      <c r="B45" s="866" t="s">
        <v>363</v>
      </c>
      <c r="C45" s="862" t="s">
        <v>15</v>
      </c>
      <c r="D45" s="862" t="s">
        <v>362</v>
      </c>
      <c r="E45" s="865" t="s">
        <v>361</v>
      </c>
      <c r="F45" s="863">
        <v>41702</v>
      </c>
      <c r="G45" s="862" t="s">
        <v>360</v>
      </c>
      <c r="H45" s="862" t="s">
        <v>10</v>
      </c>
      <c r="I45" s="862"/>
      <c r="J45" s="862">
        <v>11</v>
      </c>
      <c r="K45" s="862">
        <v>91</v>
      </c>
      <c r="L45" s="862">
        <v>5</v>
      </c>
      <c r="M45" s="863">
        <f t="shared" si="3"/>
        <v>41702</v>
      </c>
      <c r="N45" s="862"/>
      <c r="O45" s="862" t="s">
        <v>359</v>
      </c>
      <c r="P45" s="862"/>
      <c r="Q45" s="862"/>
    </row>
    <row r="46" spans="1:17" ht="180">
      <c r="A46" s="620">
        <f t="shared" si="0"/>
        <v>32</v>
      </c>
      <c r="B46" s="864" t="s">
        <v>4940</v>
      </c>
      <c r="C46" s="862" t="s">
        <v>15</v>
      </c>
      <c r="D46" s="862" t="s">
        <v>358</v>
      </c>
      <c r="E46" s="865" t="s">
        <v>357</v>
      </c>
      <c r="F46" s="863">
        <v>44379</v>
      </c>
      <c r="G46" s="867" t="s">
        <v>356</v>
      </c>
      <c r="H46" s="862" t="s">
        <v>10</v>
      </c>
      <c r="I46" s="862"/>
      <c r="J46" s="862">
        <v>8</v>
      </c>
      <c r="K46" s="862">
        <v>44</v>
      </c>
      <c r="L46" s="862">
        <v>2</v>
      </c>
      <c r="M46" s="863">
        <f t="shared" si="3"/>
        <v>44379</v>
      </c>
      <c r="N46" s="862"/>
      <c r="O46" s="862"/>
      <c r="P46" s="862"/>
      <c r="Q46" s="862"/>
    </row>
    <row r="47" spans="1:17" ht="105">
      <c r="A47" s="620">
        <f t="shared" si="0"/>
        <v>33</v>
      </c>
      <c r="B47" s="872" t="s">
        <v>355</v>
      </c>
      <c r="C47" s="866" t="s">
        <v>15</v>
      </c>
      <c r="D47" s="866" t="s">
        <v>354</v>
      </c>
      <c r="E47" s="865" t="s">
        <v>353</v>
      </c>
      <c r="F47" s="867">
        <v>43714</v>
      </c>
      <c r="G47" s="867" t="s">
        <v>63</v>
      </c>
      <c r="H47" s="866" t="s">
        <v>10</v>
      </c>
      <c r="I47" s="866"/>
      <c r="J47" s="866">
        <v>4</v>
      </c>
      <c r="K47" s="866">
        <v>25</v>
      </c>
      <c r="L47" s="866">
        <v>1</v>
      </c>
      <c r="M47" s="867">
        <f t="shared" si="3"/>
        <v>43714</v>
      </c>
      <c r="N47" s="866"/>
      <c r="O47" s="866" t="s">
        <v>352</v>
      </c>
      <c r="P47" s="866" t="s">
        <v>199</v>
      </c>
      <c r="Q47" s="866"/>
    </row>
    <row r="48" spans="1:17" ht="90">
      <c r="A48" s="620">
        <f t="shared" si="0"/>
        <v>34</v>
      </c>
      <c r="B48" s="864" t="s">
        <v>351</v>
      </c>
      <c r="C48" s="862" t="s">
        <v>15</v>
      </c>
      <c r="D48" s="862" t="s">
        <v>350</v>
      </c>
      <c r="E48" s="865" t="s">
        <v>349</v>
      </c>
      <c r="F48" s="867">
        <v>41747</v>
      </c>
      <c r="G48" s="867" t="s">
        <v>348</v>
      </c>
      <c r="H48" s="862" t="s">
        <v>10</v>
      </c>
      <c r="I48" s="862"/>
      <c r="J48" s="862">
        <v>1</v>
      </c>
      <c r="K48" s="862">
        <v>50</v>
      </c>
      <c r="L48" s="862">
        <v>1</v>
      </c>
      <c r="M48" s="863">
        <f t="shared" si="3"/>
        <v>41747</v>
      </c>
      <c r="N48" s="862"/>
      <c r="O48" s="862" t="s">
        <v>347</v>
      </c>
      <c r="P48" s="862"/>
      <c r="Q48" s="862"/>
    </row>
    <row r="49" spans="1:18" ht="120" customHeight="1">
      <c r="A49" s="620">
        <f t="shared" si="0"/>
        <v>35</v>
      </c>
      <c r="B49" s="864" t="s">
        <v>346</v>
      </c>
      <c r="C49" s="862" t="s">
        <v>944</v>
      </c>
      <c r="D49" s="862" t="s">
        <v>4941</v>
      </c>
      <c r="E49" s="865" t="s">
        <v>345</v>
      </c>
      <c r="F49" s="863">
        <v>44643</v>
      </c>
      <c r="G49" s="862"/>
      <c r="H49" s="862" t="s">
        <v>10</v>
      </c>
      <c r="I49" s="862"/>
      <c r="J49" s="862">
        <v>5</v>
      </c>
      <c r="K49" s="862">
        <v>19</v>
      </c>
      <c r="L49" s="862">
        <v>1</v>
      </c>
      <c r="M49" s="863">
        <f t="shared" si="3"/>
        <v>44643</v>
      </c>
      <c r="N49" s="862"/>
      <c r="O49" s="862" t="s">
        <v>344</v>
      </c>
      <c r="P49" s="862"/>
      <c r="Q49" s="862"/>
    </row>
    <row r="50" spans="1:18" ht="120" customHeight="1">
      <c r="A50" s="620">
        <f t="shared" si="0"/>
        <v>36</v>
      </c>
      <c r="B50" s="864" t="s">
        <v>343</v>
      </c>
      <c r="C50" s="862" t="s">
        <v>944</v>
      </c>
      <c r="D50" s="862" t="s">
        <v>4942</v>
      </c>
      <c r="E50" s="865" t="s">
        <v>341</v>
      </c>
      <c r="F50" s="863">
        <v>44055</v>
      </c>
      <c r="G50" s="862"/>
      <c r="H50" s="862" t="s">
        <v>10</v>
      </c>
      <c r="I50" s="862"/>
      <c r="J50" s="862">
        <v>3</v>
      </c>
      <c r="K50" s="862">
        <v>30</v>
      </c>
      <c r="L50" s="862">
        <v>0</v>
      </c>
      <c r="M50" s="863">
        <f t="shared" si="3"/>
        <v>44055</v>
      </c>
      <c r="N50" s="862"/>
      <c r="O50" s="862"/>
      <c r="P50" s="862"/>
      <c r="Q50" s="862" t="s">
        <v>340</v>
      </c>
    </row>
    <row r="51" spans="1:18" ht="120" customHeight="1">
      <c r="A51" s="620">
        <f t="shared" si="0"/>
        <v>37</v>
      </c>
      <c r="B51" s="864" t="s">
        <v>339</v>
      </c>
      <c r="C51" s="862" t="s">
        <v>944</v>
      </c>
      <c r="D51" s="862" t="s">
        <v>338</v>
      </c>
      <c r="E51" s="865" t="s">
        <v>337</v>
      </c>
      <c r="F51" s="863">
        <v>44013</v>
      </c>
      <c r="G51" s="862"/>
      <c r="H51" s="862" t="s">
        <v>10</v>
      </c>
      <c r="I51" s="862"/>
      <c r="J51" s="862">
        <v>2</v>
      </c>
      <c r="K51" s="862">
        <v>12</v>
      </c>
      <c r="L51" s="862">
        <v>0</v>
      </c>
      <c r="M51" s="863">
        <f t="shared" si="3"/>
        <v>44013</v>
      </c>
      <c r="N51" s="862"/>
      <c r="O51" s="862" t="s">
        <v>336</v>
      </c>
      <c r="P51" s="862"/>
      <c r="Q51" s="862"/>
    </row>
    <row r="52" spans="1:18" ht="120" customHeight="1">
      <c r="A52" s="620">
        <f t="shared" si="0"/>
        <v>38</v>
      </c>
      <c r="B52" s="864" t="s">
        <v>335</v>
      </c>
      <c r="C52" s="862" t="s">
        <v>944</v>
      </c>
      <c r="D52" s="862" t="s">
        <v>334</v>
      </c>
      <c r="E52" s="865" t="s">
        <v>333</v>
      </c>
      <c r="F52" s="863">
        <v>44306</v>
      </c>
      <c r="G52" s="862"/>
      <c r="H52" s="862" t="s">
        <v>10</v>
      </c>
      <c r="I52" s="862"/>
      <c r="J52" s="862">
        <v>1</v>
      </c>
      <c r="K52" s="862">
        <v>13</v>
      </c>
      <c r="L52" s="862">
        <v>0</v>
      </c>
      <c r="M52" s="863">
        <f t="shared" si="3"/>
        <v>44306</v>
      </c>
      <c r="N52" s="862"/>
      <c r="O52" s="862" t="s">
        <v>332</v>
      </c>
      <c r="P52" s="862"/>
      <c r="Q52" s="862"/>
    </row>
    <row r="53" spans="1:18" s="619" customFormat="1" ht="120" customHeight="1">
      <c r="A53" s="620">
        <f t="shared" si="0"/>
        <v>39</v>
      </c>
      <c r="B53" s="866" t="s">
        <v>331</v>
      </c>
      <c r="C53" s="866" t="s">
        <v>944</v>
      </c>
      <c r="D53" s="866" t="s">
        <v>330</v>
      </c>
      <c r="E53" s="869" t="s">
        <v>329</v>
      </c>
      <c r="F53" s="867">
        <v>43907</v>
      </c>
      <c r="G53" s="866"/>
      <c r="H53" s="866" t="s">
        <v>10</v>
      </c>
      <c r="I53" s="866"/>
      <c r="J53" s="866">
        <v>1</v>
      </c>
      <c r="K53" s="868">
        <v>4</v>
      </c>
      <c r="L53" s="866">
        <v>0</v>
      </c>
      <c r="M53" s="867">
        <f t="shared" si="3"/>
        <v>43907</v>
      </c>
      <c r="N53" s="866"/>
      <c r="O53" s="869"/>
      <c r="P53" s="866"/>
      <c r="Q53" s="866"/>
    </row>
    <row r="54" spans="1:18" s="24" customFormat="1" ht="120" customHeight="1">
      <c r="A54" s="620">
        <f t="shared" si="0"/>
        <v>40</v>
      </c>
      <c r="B54" s="864" t="s">
        <v>328</v>
      </c>
      <c r="C54" s="862" t="s">
        <v>944</v>
      </c>
      <c r="D54" s="892" t="s">
        <v>326</v>
      </c>
      <c r="E54" s="893" t="s">
        <v>325</v>
      </c>
      <c r="F54" s="863">
        <v>44690</v>
      </c>
      <c r="G54" s="862"/>
      <c r="H54" s="866" t="s">
        <v>10</v>
      </c>
      <c r="I54" s="882"/>
      <c r="J54" s="870">
        <v>1</v>
      </c>
      <c r="K54" s="862">
        <v>6</v>
      </c>
      <c r="L54" s="862">
        <v>0</v>
      </c>
      <c r="M54" s="863">
        <f t="shared" si="3"/>
        <v>44690</v>
      </c>
      <c r="N54" s="862"/>
      <c r="O54" s="866"/>
      <c r="P54" s="862"/>
      <c r="Q54" s="862"/>
      <c r="R54" s="97"/>
    </row>
    <row r="55" spans="1:18" s="24" customFormat="1" ht="120" customHeight="1">
      <c r="A55" s="620">
        <f t="shared" si="0"/>
        <v>41</v>
      </c>
      <c r="B55" s="864" t="s">
        <v>327</v>
      </c>
      <c r="C55" s="862" t="s">
        <v>944</v>
      </c>
      <c r="D55" s="892" t="s">
        <v>326</v>
      </c>
      <c r="E55" s="893" t="s">
        <v>325</v>
      </c>
      <c r="F55" s="863">
        <v>44690</v>
      </c>
      <c r="G55" s="862"/>
      <c r="H55" s="866" t="s">
        <v>10</v>
      </c>
      <c r="I55" s="882"/>
      <c r="J55" s="870">
        <v>1</v>
      </c>
      <c r="K55" s="862">
        <v>6</v>
      </c>
      <c r="L55" s="862">
        <v>0</v>
      </c>
      <c r="M55" s="863">
        <f t="shared" si="3"/>
        <v>44690</v>
      </c>
      <c r="N55" s="862"/>
      <c r="O55" s="866"/>
      <c r="P55" s="862"/>
      <c r="Q55" s="862"/>
      <c r="R55" s="97"/>
    </row>
    <row r="56" spans="1:18" ht="120" customHeight="1">
      <c r="A56" s="620">
        <f t="shared" si="0"/>
        <v>42</v>
      </c>
      <c r="B56" s="864" t="s">
        <v>324</v>
      </c>
      <c r="C56" s="862" t="s">
        <v>944</v>
      </c>
      <c r="D56" s="862" t="s">
        <v>323</v>
      </c>
      <c r="E56" s="865" t="s">
        <v>322</v>
      </c>
      <c r="F56" s="863">
        <v>44352</v>
      </c>
      <c r="G56" s="862" t="s">
        <v>321</v>
      </c>
      <c r="H56" s="862" t="s">
        <v>10</v>
      </c>
      <c r="I56" s="862"/>
      <c r="J56" s="862">
        <v>3</v>
      </c>
      <c r="K56" s="862">
        <v>22</v>
      </c>
      <c r="L56" s="862">
        <v>0</v>
      </c>
      <c r="M56" s="863">
        <f t="shared" si="3"/>
        <v>44352</v>
      </c>
      <c r="N56" s="862"/>
      <c r="O56" s="862" t="s">
        <v>320</v>
      </c>
      <c r="P56" s="862"/>
      <c r="Q56" s="862"/>
    </row>
    <row r="57" spans="1:18" ht="120" customHeight="1">
      <c r="A57" s="620">
        <f t="shared" si="0"/>
        <v>43</v>
      </c>
      <c r="B57" s="862" t="s">
        <v>319</v>
      </c>
      <c r="C57" s="862" t="s">
        <v>944</v>
      </c>
      <c r="D57" s="862" t="s">
        <v>318</v>
      </c>
      <c r="E57" s="865" t="s">
        <v>317</v>
      </c>
      <c r="F57" s="863">
        <v>44680</v>
      </c>
      <c r="G57" s="862"/>
      <c r="H57" s="862" t="s">
        <v>10</v>
      </c>
      <c r="I57" s="862"/>
      <c r="J57" s="862">
        <v>1</v>
      </c>
      <c r="K57" s="871">
        <v>4</v>
      </c>
      <c r="L57" s="862">
        <v>0</v>
      </c>
      <c r="M57" s="863">
        <f t="shared" si="3"/>
        <v>44680</v>
      </c>
      <c r="N57" s="862"/>
      <c r="O57" s="862" t="s">
        <v>316</v>
      </c>
      <c r="P57" s="862" t="s">
        <v>315</v>
      </c>
      <c r="Q57" s="862"/>
    </row>
    <row r="58" spans="1:18" ht="120" customHeight="1">
      <c r="A58" s="620">
        <f t="shared" si="0"/>
        <v>44</v>
      </c>
      <c r="B58" s="864" t="s">
        <v>314</v>
      </c>
      <c r="C58" s="862" t="s">
        <v>944</v>
      </c>
      <c r="D58" s="862" t="s">
        <v>313</v>
      </c>
      <c r="E58" s="865" t="s">
        <v>312</v>
      </c>
      <c r="F58" s="863">
        <v>44676</v>
      </c>
      <c r="G58" s="866" t="s">
        <v>125</v>
      </c>
      <c r="H58" s="862" t="s">
        <v>10</v>
      </c>
      <c r="I58" s="862"/>
      <c r="J58" s="862">
        <v>6</v>
      </c>
      <c r="K58" s="862">
        <v>24</v>
      </c>
      <c r="L58" s="862">
        <v>0</v>
      </c>
      <c r="M58" s="863">
        <f t="shared" si="3"/>
        <v>44676</v>
      </c>
      <c r="N58" s="862"/>
      <c r="O58" s="862" t="s">
        <v>311</v>
      </c>
      <c r="P58" s="862"/>
      <c r="Q58" s="862">
        <v>2021</v>
      </c>
    </row>
    <row r="59" spans="1:18" ht="120" customHeight="1">
      <c r="A59" s="620">
        <f t="shared" si="0"/>
        <v>45</v>
      </c>
      <c r="B59" s="864" t="s">
        <v>310</v>
      </c>
      <c r="C59" s="862" t="s">
        <v>179</v>
      </c>
      <c r="D59" s="862" t="s">
        <v>4943</v>
      </c>
      <c r="E59" s="865" t="s">
        <v>309</v>
      </c>
      <c r="F59" s="863">
        <v>42930</v>
      </c>
      <c r="G59" s="890" t="s">
        <v>151</v>
      </c>
      <c r="H59" s="862" t="s">
        <v>10</v>
      </c>
      <c r="I59" s="862"/>
      <c r="J59" s="862">
        <v>6</v>
      </c>
      <c r="K59" s="862">
        <v>28</v>
      </c>
      <c r="L59" s="862">
        <v>5</v>
      </c>
      <c r="M59" s="863">
        <f t="shared" si="3"/>
        <v>42930</v>
      </c>
      <c r="N59" s="862"/>
      <c r="O59" s="862" t="s">
        <v>308</v>
      </c>
      <c r="P59" s="862" t="s">
        <v>307</v>
      </c>
      <c r="Q59" s="862"/>
    </row>
    <row r="60" spans="1:18" ht="120" customHeight="1">
      <c r="A60" s="620">
        <f t="shared" si="0"/>
        <v>46</v>
      </c>
      <c r="B60" s="864" t="s">
        <v>306</v>
      </c>
      <c r="C60" s="862" t="s">
        <v>179</v>
      </c>
      <c r="D60" s="862" t="s">
        <v>305</v>
      </c>
      <c r="E60" s="865" t="s">
        <v>304</v>
      </c>
      <c r="F60" s="863">
        <v>42731</v>
      </c>
      <c r="G60" s="867" t="s">
        <v>63</v>
      </c>
      <c r="H60" s="862" t="s">
        <v>4929</v>
      </c>
      <c r="I60" s="862"/>
      <c r="J60" s="862">
        <v>4</v>
      </c>
      <c r="K60" s="862">
        <v>23</v>
      </c>
      <c r="L60" s="862">
        <v>3</v>
      </c>
      <c r="M60" s="863">
        <f t="shared" si="3"/>
        <v>42731</v>
      </c>
      <c r="N60" s="862"/>
      <c r="O60" s="862" t="s">
        <v>303</v>
      </c>
      <c r="P60" s="862"/>
      <c r="Q60" s="862"/>
    </row>
    <row r="61" spans="1:18" ht="120" customHeight="1">
      <c r="A61" s="620">
        <f t="shared" si="0"/>
        <v>47</v>
      </c>
      <c r="B61" s="864" t="s">
        <v>302</v>
      </c>
      <c r="C61" s="862" t="s">
        <v>179</v>
      </c>
      <c r="D61" s="862" t="s">
        <v>301</v>
      </c>
      <c r="E61" s="865" t="s">
        <v>300</v>
      </c>
      <c r="F61" s="863">
        <v>37629</v>
      </c>
      <c r="G61" s="866" t="s">
        <v>4990</v>
      </c>
      <c r="H61" s="862" t="s">
        <v>10</v>
      </c>
      <c r="I61" s="862"/>
      <c r="J61" s="862">
        <v>1</v>
      </c>
      <c r="K61" s="862">
        <v>18</v>
      </c>
      <c r="L61" s="862">
        <v>1</v>
      </c>
      <c r="M61" s="863">
        <f t="shared" si="3"/>
        <v>37629</v>
      </c>
      <c r="N61" s="862"/>
      <c r="O61" s="862" t="s">
        <v>299</v>
      </c>
      <c r="P61" s="862"/>
      <c r="Q61" s="862"/>
    </row>
    <row r="62" spans="1:18" ht="153" customHeight="1">
      <c r="A62" s="620">
        <f t="shared" si="0"/>
        <v>48</v>
      </c>
      <c r="B62" s="864" t="s">
        <v>298</v>
      </c>
      <c r="C62" s="862" t="s">
        <v>179</v>
      </c>
      <c r="D62" s="862" t="s">
        <v>297</v>
      </c>
      <c r="E62" s="865" t="s">
        <v>296</v>
      </c>
      <c r="F62" s="863">
        <v>39861</v>
      </c>
      <c r="G62" s="866" t="s">
        <v>4991</v>
      </c>
      <c r="H62" s="862" t="s">
        <v>4944</v>
      </c>
      <c r="I62" s="862"/>
      <c r="J62" s="862">
        <v>8</v>
      </c>
      <c r="K62" s="862">
        <v>82</v>
      </c>
      <c r="L62" s="862">
        <v>4</v>
      </c>
      <c r="M62" s="863">
        <f t="shared" si="3"/>
        <v>39861</v>
      </c>
      <c r="N62" s="862"/>
      <c r="O62" s="862" t="s">
        <v>295</v>
      </c>
      <c r="P62" s="862"/>
      <c r="Q62" s="862">
        <v>2021</v>
      </c>
    </row>
    <row r="63" spans="1:18" ht="142.5" customHeight="1">
      <c r="A63" s="620">
        <f t="shared" si="0"/>
        <v>49</v>
      </c>
      <c r="B63" s="872" t="s">
        <v>294</v>
      </c>
      <c r="C63" s="862" t="s">
        <v>179</v>
      </c>
      <c r="D63" s="862" t="s">
        <v>293</v>
      </c>
      <c r="E63" s="865" t="s">
        <v>292</v>
      </c>
      <c r="F63" s="863">
        <v>41977</v>
      </c>
      <c r="G63" s="867" t="s">
        <v>63</v>
      </c>
      <c r="H63" s="862" t="s">
        <v>291</v>
      </c>
      <c r="I63" s="862"/>
      <c r="J63" s="862">
        <v>1</v>
      </c>
      <c r="K63" s="862">
        <v>32</v>
      </c>
      <c r="L63" s="862">
        <v>1</v>
      </c>
      <c r="M63" s="863">
        <f t="shared" si="3"/>
        <v>41977</v>
      </c>
      <c r="N63" s="862"/>
      <c r="O63" s="862" t="s">
        <v>290</v>
      </c>
      <c r="P63" s="862"/>
      <c r="Q63" s="862"/>
    </row>
    <row r="64" spans="1:18" ht="120" customHeight="1">
      <c r="A64" s="620">
        <f t="shared" si="0"/>
        <v>50</v>
      </c>
      <c r="B64" s="872" t="s">
        <v>289</v>
      </c>
      <c r="C64" s="862" t="s">
        <v>179</v>
      </c>
      <c r="D64" s="862" t="s">
        <v>288</v>
      </c>
      <c r="E64" s="865" t="s">
        <v>287</v>
      </c>
      <c r="F64" s="863">
        <v>44088</v>
      </c>
      <c r="G64" s="862" t="s">
        <v>286</v>
      </c>
      <c r="H64" s="862" t="s">
        <v>10</v>
      </c>
      <c r="I64" s="862"/>
      <c r="J64" s="862">
        <v>10</v>
      </c>
      <c r="K64" s="862">
        <v>104</v>
      </c>
      <c r="L64" s="862">
        <v>11</v>
      </c>
      <c r="M64" s="863">
        <f t="shared" si="3"/>
        <v>44088</v>
      </c>
      <c r="N64" s="862"/>
      <c r="O64" s="862" t="s">
        <v>4992</v>
      </c>
      <c r="P64" s="862"/>
      <c r="Q64" s="862"/>
    </row>
    <row r="65" spans="1:17" ht="165">
      <c r="A65" s="620">
        <f t="shared" si="0"/>
        <v>51</v>
      </c>
      <c r="B65" s="864" t="s">
        <v>285</v>
      </c>
      <c r="C65" s="862" t="s">
        <v>179</v>
      </c>
      <c r="D65" s="862" t="s">
        <v>284</v>
      </c>
      <c r="E65" s="865" t="s">
        <v>283</v>
      </c>
      <c r="F65" s="863">
        <v>40918</v>
      </c>
      <c r="G65" s="867" t="s">
        <v>282</v>
      </c>
      <c r="H65" s="862" t="s">
        <v>10</v>
      </c>
      <c r="I65" s="862"/>
      <c r="J65" s="862">
        <v>4</v>
      </c>
      <c r="K65" s="862">
        <v>32</v>
      </c>
      <c r="L65" s="862">
        <v>2</v>
      </c>
      <c r="M65" s="863">
        <f t="shared" si="3"/>
        <v>40918</v>
      </c>
      <c r="N65" s="862"/>
      <c r="O65" s="862" t="s">
        <v>281</v>
      </c>
      <c r="P65" s="862"/>
      <c r="Q65" s="862"/>
    </row>
    <row r="66" spans="1:17" ht="270">
      <c r="A66" s="620">
        <f t="shared" si="0"/>
        <v>52</v>
      </c>
      <c r="B66" s="864" t="s">
        <v>280</v>
      </c>
      <c r="C66" s="862" t="s">
        <v>179</v>
      </c>
      <c r="D66" s="862" t="s">
        <v>279</v>
      </c>
      <c r="E66" s="865" t="s">
        <v>278</v>
      </c>
      <c r="F66" s="863">
        <v>38681</v>
      </c>
      <c r="G66" s="866" t="s">
        <v>125</v>
      </c>
      <c r="H66" s="862" t="s">
        <v>277</v>
      </c>
      <c r="I66" s="862"/>
      <c r="J66" s="862">
        <v>20</v>
      </c>
      <c r="K66" s="862">
        <v>50</v>
      </c>
      <c r="L66" s="862">
        <v>21</v>
      </c>
      <c r="M66" s="871">
        <v>1994</v>
      </c>
      <c r="N66" s="862"/>
      <c r="O66" s="862" t="s">
        <v>276</v>
      </c>
      <c r="P66" s="862"/>
      <c r="Q66" s="862">
        <v>2021</v>
      </c>
    </row>
    <row r="67" spans="1:17" ht="75">
      <c r="A67" s="620">
        <f t="shared" si="0"/>
        <v>53</v>
      </c>
      <c r="B67" s="864" t="s">
        <v>275</v>
      </c>
      <c r="C67" s="862" t="s">
        <v>179</v>
      </c>
      <c r="D67" s="862" t="s">
        <v>274</v>
      </c>
      <c r="E67" s="865" t="s">
        <v>273</v>
      </c>
      <c r="F67" s="863">
        <v>38936</v>
      </c>
      <c r="G67" s="867" t="s">
        <v>63</v>
      </c>
      <c r="H67" s="862" t="s">
        <v>10</v>
      </c>
      <c r="I67" s="862"/>
      <c r="J67" s="862">
        <v>2</v>
      </c>
      <c r="K67" s="862">
        <v>72</v>
      </c>
      <c r="L67" s="862">
        <v>1</v>
      </c>
      <c r="M67" s="863">
        <f>F67</f>
        <v>38936</v>
      </c>
      <c r="N67" s="862"/>
      <c r="O67" s="862" t="s">
        <v>272</v>
      </c>
      <c r="P67" s="862"/>
      <c r="Q67" s="862"/>
    </row>
    <row r="68" spans="1:17" ht="150">
      <c r="A68" s="620">
        <f t="shared" si="0"/>
        <v>54</v>
      </c>
      <c r="B68" s="864" t="s">
        <v>271</v>
      </c>
      <c r="C68" s="862" t="s">
        <v>179</v>
      </c>
      <c r="D68" s="862" t="s">
        <v>267</v>
      </c>
      <c r="E68" s="865" t="s">
        <v>266</v>
      </c>
      <c r="F68" s="863">
        <v>44176</v>
      </c>
      <c r="G68" s="867" t="s">
        <v>63</v>
      </c>
      <c r="H68" s="862" t="s">
        <v>4945</v>
      </c>
      <c r="I68" s="862"/>
      <c r="J68" s="862">
        <v>4</v>
      </c>
      <c r="K68" s="862">
        <v>50</v>
      </c>
      <c r="L68" s="862">
        <v>4</v>
      </c>
      <c r="M68" s="863">
        <f>F68</f>
        <v>44176</v>
      </c>
      <c r="N68" s="862"/>
      <c r="O68" s="862" t="s">
        <v>269</v>
      </c>
      <c r="P68" s="862"/>
      <c r="Q68" s="862"/>
    </row>
    <row r="69" spans="1:17" ht="150">
      <c r="A69" s="620">
        <f t="shared" si="0"/>
        <v>55</v>
      </c>
      <c r="B69" s="864" t="s">
        <v>270</v>
      </c>
      <c r="C69" s="862" t="s">
        <v>179</v>
      </c>
      <c r="D69" s="862" t="s">
        <v>267</v>
      </c>
      <c r="E69" s="865" t="s">
        <v>266</v>
      </c>
      <c r="F69" s="863">
        <v>44176</v>
      </c>
      <c r="G69" s="867" t="s">
        <v>63</v>
      </c>
      <c r="H69" s="870" t="s">
        <v>10</v>
      </c>
      <c r="I69" s="870"/>
      <c r="J69" s="862">
        <v>4</v>
      </c>
      <c r="K69" s="862">
        <v>50</v>
      </c>
      <c r="L69" s="862">
        <v>4</v>
      </c>
      <c r="M69" s="863">
        <f>F69</f>
        <v>44176</v>
      </c>
      <c r="N69" s="862" t="s">
        <v>10</v>
      </c>
      <c r="O69" s="862" t="s">
        <v>269</v>
      </c>
      <c r="P69" s="862"/>
      <c r="Q69" s="862"/>
    </row>
    <row r="70" spans="1:17" ht="144" customHeight="1">
      <c r="A70" s="620">
        <f t="shared" si="0"/>
        <v>56</v>
      </c>
      <c r="B70" s="864" t="s">
        <v>268</v>
      </c>
      <c r="C70" s="862" t="s">
        <v>179</v>
      </c>
      <c r="D70" s="862" t="s">
        <v>267</v>
      </c>
      <c r="E70" s="865" t="s">
        <v>266</v>
      </c>
      <c r="F70" s="863">
        <v>44176</v>
      </c>
      <c r="G70" s="867" t="s">
        <v>63</v>
      </c>
      <c r="H70" s="862" t="s">
        <v>4946</v>
      </c>
      <c r="I70" s="862"/>
      <c r="J70" s="862">
        <v>4</v>
      </c>
      <c r="K70" s="862">
        <v>12</v>
      </c>
      <c r="L70" s="862">
        <v>4</v>
      </c>
      <c r="M70" s="865" t="s">
        <v>265</v>
      </c>
      <c r="N70" s="862" t="s">
        <v>10</v>
      </c>
      <c r="O70" s="862" t="s">
        <v>264</v>
      </c>
      <c r="P70" s="862"/>
      <c r="Q70" s="862"/>
    </row>
    <row r="71" spans="1:17" ht="120">
      <c r="A71" s="620">
        <f t="shared" si="0"/>
        <v>57</v>
      </c>
      <c r="B71" s="862" t="s">
        <v>263</v>
      </c>
      <c r="C71" s="862" t="s">
        <v>179</v>
      </c>
      <c r="D71" s="862" t="s">
        <v>262</v>
      </c>
      <c r="E71" s="865" t="s">
        <v>261</v>
      </c>
      <c r="F71" s="863">
        <v>44665</v>
      </c>
      <c r="G71" s="867" t="s">
        <v>63</v>
      </c>
      <c r="H71" s="862" t="s">
        <v>10</v>
      </c>
      <c r="I71" s="862"/>
      <c r="J71" s="862">
        <v>9</v>
      </c>
      <c r="K71" s="862">
        <v>62</v>
      </c>
      <c r="L71" s="862">
        <v>1</v>
      </c>
      <c r="M71" s="863">
        <f>F71</f>
        <v>44665</v>
      </c>
      <c r="N71" s="862"/>
      <c r="O71" s="862" t="s">
        <v>260</v>
      </c>
      <c r="P71" s="862"/>
      <c r="Q71" s="862"/>
    </row>
    <row r="72" spans="1:17" s="619" customFormat="1" ht="135">
      <c r="A72" s="620">
        <f t="shared" si="0"/>
        <v>58</v>
      </c>
      <c r="B72" s="864" t="s">
        <v>259</v>
      </c>
      <c r="C72" s="862" t="s">
        <v>179</v>
      </c>
      <c r="D72" s="862" t="s">
        <v>258</v>
      </c>
      <c r="E72" s="865" t="s">
        <v>257</v>
      </c>
      <c r="F72" s="863">
        <v>44331</v>
      </c>
      <c r="G72" s="862" t="s">
        <v>256</v>
      </c>
      <c r="H72" s="862" t="s">
        <v>10</v>
      </c>
      <c r="I72" s="862"/>
      <c r="J72" s="862">
        <v>10</v>
      </c>
      <c r="K72" s="862">
        <v>25</v>
      </c>
      <c r="L72" s="862">
        <v>2</v>
      </c>
      <c r="M72" s="863">
        <f>F72</f>
        <v>44331</v>
      </c>
      <c r="N72" s="862"/>
      <c r="O72" s="862" t="s">
        <v>255</v>
      </c>
      <c r="P72" s="862"/>
      <c r="Q72" s="862"/>
    </row>
    <row r="73" spans="1:17" ht="135">
      <c r="A73" s="620">
        <f t="shared" si="0"/>
        <v>59</v>
      </c>
      <c r="B73" s="864" t="s">
        <v>254</v>
      </c>
      <c r="C73" s="862" t="s">
        <v>179</v>
      </c>
      <c r="D73" s="862" t="s">
        <v>253</v>
      </c>
      <c r="E73" s="865" t="s">
        <v>252</v>
      </c>
      <c r="F73" s="863">
        <v>43216</v>
      </c>
      <c r="G73" s="862" t="s">
        <v>251</v>
      </c>
      <c r="H73" s="862" t="s">
        <v>10</v>
      </c>
      <c r="I73" s="862"/>
      <c r="J73" s="862">
        <v>8</v>
      </c>
      <c r="K73" s="862">
        <v>29</v>
      </c>
      <c r="L73" s="862">
        <v>1</v>
      </c>
      <c r="M73" s="863">
        <f>$F$73</f>
        <v>43216</v>
      </c>
      <c r="N73" s="862"/>
      <c r="O73" s="862" t="s">
        <v>250</v>
      </c>
      <c r="P73" s="862"/>
      <c r="Q73" s="862"/>
    </row>
    <row r="74" spans="1:17" ht="135">
      <c r="A74" s="620">
        <f t="shared" si="0"/>
        <v>60</v>
      </c>
      <c r="B74" s="862" t="s">
        <v>249</v>
      </c>
      <c r="C74" s="862" t="s">
        <v>179</v>
      </c>
      <c r="D74" s="862" t="s">
        <v>248</v>
      </c>
      <c r="E74" s="865" t="s">
        <v>247</v>
      </c>
      <c r="F74" s="863">
        <v>41451</v>
      </c>
      <c r="G74" s="862" t="s">
        <v>246</v>
      </c>
      <c r="H74" s="862" t="s">
        <v>4947</v>
      </c>
      <c r="I74" s="862"/>
      <c r="J74" s="862">
        <v>11</v>
      </c>
      <c r="K74" s="862">
        <v>33</v>
      </c>
      <c r="L74" s="862">
        <v>1</v>
      </c>
      <c r="M74" s="862">
        <v>2021</v>
      </c>
      <c r="N74" s="862" t="s">
        <v>10</v>
      </c>
      <c r="O74" s="862" t="s">
        <v>245</v>
      </c>
      <c r="P74" s="862"/>
      <c r="Q74" s="862"/>
    </row>
    <row r="75" spans="1:17" ht="75">
      <c r="A75" s="620">
        <f t="shared" si="0"/>
        <v>61</v>
      </c>
      <c r="B75" s="866" t="s">
        <v>244</v>
      </c>
      <c r="C75" s="866" t="s">
        <v>15</v>
      </c>
      <c r="D75" s="866" t="s">
        <v>243</v>
      </c>
      <c r="E75" s="869" t="s">
        <v>242</v>
      </c>
      <c r="F75" s="873">
        <v>45119</v>
      </c>
      <c r="G75" s="866" t="s">
        <v>241</v>
      </c>
      <c r="H75" s="866" t="s">
        <v>10</v>
      </c>
      <c r="I75" s="866"/>
      <c r="J75" s="866">
        <v>2</v>
      </c>
      <c r="K75" s="869" t="s">
        <v>1141</v>
      </c>
      <c r="L75" s="866">
        <v>1</v>
      </c>
      <c r="M75" s="866">
        <v>2023</v>
      </c>
      <c r="N75" s="866"/>
      <c r="O75" s="869" t="s">
        <v>4948</v>
      </c>
      <c r="P75" s="875" t="s">
        <v>4949</v>
      </c>
      <c r="Q75" s="862" t="s">
        <v>4950</v>
      </c>
    </row>
    <row r="76" spans="1:17" ht="195">
      <c r="A76" s="620">
        <f t="shared" si="0"/>
        <v>62</v>
      </c>
      <c r="B76" s="862" t="s">
        <v>239</v>
      </c>
      <c r="C76" s="862" t="s">
        <v>15</v>
      </c>
      <c r="D76" s="862" t="s">
        <v>238</v>
      </c>
      <c r="E76" s="865" t="s">
        <v>237</v>
      </c>
      <c r="F76" s="863">
        <v>42703</v>
      </c>
      <c r="G76" s="862" t="s">
        <v>231</v>
      </c>
      <c r="H76" s="862" t="s">
        <v>10</v>
      </c>
      <c r="I76" s="862"/>
      <c r="J76" s="862">
        <v>4</v>
      </c>
      <c r="K76" s="862">
        <v>14</v>
      </c>
      <c r="L76" s="862">
        <v>1</v>
      </c>
      <c r="M76" s="871">
        <v>2021</v>
      </c>
      <c r="N76" s="862"/>
      <c r="O76" s="862" t="s">
        <v>236</v>
      </c>
      <c r="P76" s="862" t="s">
        <v>235</v>
      </c>
      <c r="Q76" s="862"/>
    </row>
    <row r="77" spans="1:17" ht="225">
      <c r="A77" s="620">
        <f t="shared" si="0"/>
        <v>63</v>
      </c>
      <c r="B77" s="862" t="s">
        <v>234</v>
      </c>
      <c r="C77" s="862" t="s">
        <v>179</v>
      </c>
      <c r="D77" s="862" t="s">
        <v>233</v>
      </c>
      <c r="E77" s="865" t="s">
        <v>232</v>
      </c>
      <c r="F77" s="863">
        <v>41269</v>
      </c>
      <c r="G77" s="862" t="s">
        <v>231</v>
      </c>
      <c r="H77" s="862" t="s">
        <v>10</v>
      </c>
      <c r="I77" s="862"/>
      <c r="J77" s="862">
        <v>5</v>
      </c>
      <c r="K77" s="862">
        <v>29</v>
      </c>
      <c r="L77" s="862">
        <v>1</v>
      </c>
      <c r="M77" s="871">
        <v>2012</v>
      </c>
      <c r="N77" s="862"/>
      <c r="O77" s="862" t="s">
        <v>230</v>
      </c>
      <c r="P77" s="862" t="s">
        <v>229</v>
      </c>
      <c r="Q77" s="862"/>
    </row>
    <row r="78" spans="1:17" ht="105">
      <c r="A78" s="620">
        <f t="shared" si="0"/>
        <v>64</v>
      </c>
      <c r="B78" s="862" t="s">
        <v>228</v>
      </c>
      <c r="C78" s="862" t="s">
        <v>944</v>
      </c>
      <c r="D78" s="862" t="s">
        <v>227</v>
      </c>
      <c r="E78" s="865" t="s">
        <v>226</v>
      </c>
      <c r="F78" s="863">
        <v>44564</v>
      </c>
      <c r="G78" s="862"/>
      <c r="H78" s="862" t="s">
        <v>10</v>
      </c>
      <c r="I78" s="862"/>
      <c r="J78" s="862">
        <v>15</v>
      </c>
      <c r="K78" s="862">
        <v>90</v>
      </c>
      <c r="L78" s="862"/>
      <c r="M78" s="862"/>
      <c r="N78" s="862"/>
      <c r="O78" s="862"/>
      <c r="P78" s="862"/>
      <c r="Q78" s="862" t="s">
        <v>225</v>
      </c>
    </row>
    <row r="79" spans="1:17" ht="120">
      <c r="A79" s="620">
        <f t="shared" si="0"/>
        <v>65</v>
      </c>
      <c r="B79" s="862" t="s">
        <v>224</v>
      </c>
      <c r="C79" s="862" t="s">
        <v>179</v>
      </c>
      <c r="D79" s="866" t="s">
        <v>223</v>
      </c>
      <c r="E79" s="865" t="s">
        <v>222</v>
      </c>
      <c r="F79" s="863">
        <v>39315</v>
      </c>
      <c r="G79" s="862" t="s">
        <v>221</v>
      </c>
      <c r="H79" s="866" t="s">
        <v>10</v>
      </c>
      <c r="I79" s="866"/>
      <c r="J79" s="862">
        <v>2</v>
      </c>
      <c r="K79" s="862">
        <v>12</v>
      </c>
      <c r="L79" s="862"/>
      <c r="M79" s="862"/>
      <c r="N79" s="862"/>
      <c r="O79" s="862"/>
      <c r="P79" s="862"/>
      <c r="Q79" s="862" t="s">
        <v>220</v>
      </c>
    </row>
    <row r="80" spans="1:17" ht="75">
      <c r="A80" s="620">
        <f t="shared" si="0"/>
        <v>66</v>
      </c>
      <c r="B80" s="862" t="s">
        <v>219</v>
      </c>
      <c r="C80" s="862" t="s">
        <v>944</v>
      </c>
      <c r="D80" s="862" t="s">
        <v>218</v>
      </c>
      <c r="E80" s="862" t="s">
        <v>217</v>
      </c>
      <c r="F80" s="863">
        <v>45020</v>
      </c>
      <c r="G80" s="862"/>
      <c r="H80" s="862" t="s">
        <v>10</v>
      </c>
      <c r="I80" s="862"/>
      <c r="J80" s="862">
        <v>4</v>
      </c>
      <c r="K80" s="862">
        <v>14</v>
      </c>
      <c r="L80" s="862">
        <v>0</v>
      </c>
      <c r="M80" s="871">
        <v>2020</v>
      </c>
      <c r="N80" s="862"/>
      <c r="O80" s="862"/>
      <c r="P80" s="862"/>
      <c r="Q80" s="862"/>
    </row>
    <row r="81" spans="1:17" ht="60">
      <c r="A81" s="620">
        <f t="shared" si="0"/>
        <v>67</v>
      </c>
      <c r="B81" s="862" t="s">
        <v>216</v>
      </c>
      <c r="C81" s="862" t="s">
        <v>944</v>
      </c>
      <c r="D81" s="862" t="s">
        <v>215</v>
      </c>
      <c r="E81" s="862" t="s">
        <v>214</v>
      </c>
      <c r="F81" s="874">
        <v>44399</v>
      </c>
      <c r="G81" s="862"/>
      <c r="H81" s="862"/>
      <c r="I81" s="862"/>
      <c r="J81" s="862">
        <v>3</v>
      </c>
      <c r="K81" s="862">
        <v>6</v>
      </c>
      <c r="L81" s="862"/>
      <c r="M81" s="871"/>
      <c r="N81" s="862"/>
      <c r="O81" s="862"/>
      <c r="P81" s="862"/>
      <c r="Q81" s="862"/>
    </row>
    <row r="82" spans="1:17" ht="105">
      <c r="A82" s="620">
        <f t="shared" ref="A82:A88" si="4">A81+1</f>
        <v>68</v>
      </c>
      <c r="B82" s="862" t="s">
        <v>213</v>
      </c>
      <c r="C82" s="862" t="s">
        <v>212</v>
      </c>
      <c r="D82" s="862" t="s">
        <v>211</v>
      </c>
      <c r="E82" s="865" t="s">
        <v>210</v>
      </c>
      <c r="F82" s="874">
        <v>43958</v>
      </c>
      <c r="G82" s="862" t="s">
        <v>209</v>
      </c>
      <c r="H82" s="862" t="s">
        <v>10</v>
      </c>
      <c r="I82" s="862"/>
      <c r="J82" s="862">
        <v>4</v>
      </c>
      <c r="K82" s="862">
        <v>12</v>
      </c>
      <c r="L82" s="862">
        <v>6</v>
      </c>
      <c r="M82" s="871">
        <v>2024</v>
      </c>
      <c r="N82" s="862" t="s">
        <v>10</v>
      </c>
      <c r="O82" s="862" t="s">
        <v>208</v>
      </c>
      <c r="P82" s="862"/>
      <c r="Q82" s="862"/>
    </row>
    <row r="83" spans="1:17" ht="120">
      <c r="A83" s="620">
        <f t="shared" si="4"/>
        <v>69</v>
      </c>
      <c r="B83" s="862" t="s">
        <v>207</v>
      </c>
      <c r="C83" s="862" t="s">
        <v>179</v>
      </c>
      <c r="D83" s="862" t="s">
        <v>206</v>
      </c>
      <c r="E83" s="865" t="s">
        <v>205</v>
      </c>
      <c r="F83" s="874">
        <v>44537</v>
      </c>
      <c r="G83" s="862" t="s">
        <v>204</v>
      </c>
      <c r="H83" s="862" t="s">
        <v>4951</v>
      </c>
      <c r="I83" s="862"/>
      <c r="J83" s="862">
        <v>11</v>
      </c>
      <c r="K83" s="862">
        <v>30</v>
      </c>
      <c r="L83" s="862">
        <v>4</v>
      </c>
      <c r="M83" s="871">
        <v>2024</v>
      </c>
      <c r="N83" s="862" t="s">
        <v>10</v>
      </c>
      <c r="O83" s="862" t="s">
        <v>203</v>
      </c>
      <c r="P83" s="862"/>
      <c r="Q83" s="862"/>
    </row>
    <row r="84" spans="1:17" ht="120">
      <c r="A84" s="620">
        <f t="shared" si="4"/>
        <v>70</v>
      </c>
      <c r="B84" s="862" t="s">
        <v>4952</v>
      </c>
      <c r="C84" s="862" t="s">
        <v>179</v>
      </c>
      <c r="D84" s="862" t="s">
        <v>4953</v>
      </c>
      <c r="E84" s="865" t="s">
        <v>4954</v>
      </c>
      <c r="F84" s="874">
        <v>37581</v>
      </c>
      <c r="G84" s="862"/>
      <c r="H84" s="862" t="s">
        <v>4955</v>
      </c>
      <c r="I84" s="862"/>
      <c r="J84" s="862">
        <v>4</v>
      </c>
      <c r="K84" s="862">
        <v>15</v>
      </c>
      <c r="L84" s="862">
        <v>1</v>
      </c>
      <c r="M84" s="871">
        <v>2007</v>
      </c>
      <c r="N84" s="862" t="s">
        <v>10</v>
      </c>
      <c r="O84" s="862"/>
      <c r="P84" s="862"/>
      <c r="Q84" s="862"/>
    </row>
    <row r="85" spans="1:17" ht="47.25" customHeight="1">
      <c r="A85" s="620">
        <f t="shared" si="4"/>
        <v>71</v>
      </c>
      <c r="B85" s="862" t="s">
        <v>4956</v>
      </c>
      <c r="C85" s="862" t="s">
        <v>2543</v>
      </c>
      <c r="D85" s="862" t="s">
        <v>4957</v>
      </c>
      <c r="E85" s="865" t="s">
        <v>4958</v>
      </c>
      <c r="F85" s="874"/>
      <c r="G85" s="862" t="s">
        <v>495</v>
      </c>
      <c r="H85" s="862" t="s">
        <v>4929</v>
      </c>
      <c r="I85" s="862"/>
      <c r="J85" s="862"/>
      <c r="K85" s="862"/>
      <c r="L85" s="862"/>
      <c r="M85" s="871"/>
      <c r="N85" s="862"/>
      <c r="O85" s="862"/>
      <c r="P85" s="862"/>
      <c r="Q85" s="862"/>
    </row>
    <row r="86" spans="1:17" ht="90">
      <c r="A86" s="620">
        <f t="shared" si="4"/>
        <v>72</v>
      </c>
      <c r="B86" s="862" t="s">
        <v>197</v>
      </c>
      <c r="C86" s="862" t="s">
        <v>15</v>
      </c>
      <c r="D86" s="862" t="s">
        <v>4959</v>
      </c>
      <c r="E86" s="865" t="s">
        <v>4960</v>
      </c>
      <c r="F86" s="865" t="s">
        <v>4961</v>
      </c>
      <c r="G86" s="862" t="s">
        <v>4962</v>
      </c>
      <c r="H86" s="862" t="s">
        <v>10</v>
      </c>
      <c r="I86" s="862"/>
      <c r="J86" s="862">
        <v>3</v>
      </c>
      <c r="K86" s="862">
        <v>15</v>
      </c>
      <c r="L86" s="862" t="s">
        <v>4963</v>
      </c>
      <c r="M86" s="871">
        <v>2023</v>
      </c>
      <c r="N86" s="862"/>
      <c r="O86" s="862" t="s">
        <v>4964</v>
      </c>
      <c r="P86" s="862" t="s">
        <v>4965</v>
      </c>
      <c r="Q86" s="862"/>
    </row>
    <row r="87" spans="1:17" ht="120">
      <c r="A87" s="620">
        <f t="shared" si="4"/>
        <v>73</v>
      </c>
      <c r="B87" s="862" t="s">
        <v>4966</v>
      </c>
      <c r="C87" s="862" t="s">
        <v>15</v>
      </c>
      <c r="D87" s="862" t="s">
        <v>4967</v>
      </c>
      <c r="E87" s="865" t="s">
        <v>4968</v>
      </c>
      <c r="F87" s="863">
        <v>44834</v>
      </c>
      <c r="G87" s="862" t="s">
        <v>4969</v>
      </c>
      <c r="H87" s="862" t="s">
        <v>10</v>
      </c>
      <c r="I87" s="862"/>
      <c r="J87" s="862">
        <v>2</v>
      </c>
      <c r="K87" s="862">
        <v>2</v>
      </c>
      <c r="L87" s="862">
        <v>1</v>
      </c>
      <c r="M87" s="862">
        <v>2025</v>
      </c>
      <c r="N87" s="862" t="s">
        <v>10</v>
      </c>
      <c r="O87" s="862" t="s">
        <v>4970</v>
      </c>
      <c r="P87" s="862"/>
      <c r="Q87" s="866" t="s">
        <v>4971</v>
      </c>
    </row>
    <row r="88" spans="1:17" ht="135">
      <c r="A88" s="620">
        <f t="shared" si="4"/>
        <v>74</v>
      </c>
      <c r="B88" s="862" t="s">
        <v>4972</v>
      </c>
      <c r="C88" s="862" t="s">
        <v>944</v>
      </c>
      <c r="D88" s="862" t="s">
        <v>342</v>
      </c>
      <c r="E88" s="865" t="s">
        <v>341</v>
      </c>
      <c r="F88" s="863">
        <v>44055</v>
      </c>
      <c r="G88" s="862" t="s">
        <v>517</v>
      </c>
      <c r="H88" s="862" t="s">
        <v>10</v>
      </c>
      <c r="I88" s="862"/>
      <c r="J88" s="862">
        <v>0</v>
      </c>
      <c r="K88" s="862">
        <v>0</v>
      </c>
      <c r="L88" s="862">
        <v>1</v>
      </c>
      <c r="M88" s="871"/>
      <c r="N88" s="862"/>
      <c r="O88" s="862" t="s">
        <v>4973</v>
      </c>
      <c r="P88" s="862"/>
      <c r="Q88" s="875" t="s">
        <v>4974</v>
      </c>
    </row>
    <row r="89" spans="1:17">
      <c r="A89" s="23"/>
      <c r="B89" s="862"/>
      <c r="C89" s="862"/>
      <c r="D89" s="862"/>
      <c r="E89" s="865"/>
      <c r="F89" s="874"/>
      <c r="G89" s="862"/>
      <c r="H89" s="862"/>
      <c r="I89" s="862"/>
      <c r="J89" s="862"/>
      <c r="K89" s="862"/>
      <c r="L89" s="862"/>
      <c r="M89" s="871"/>
      <c r="N89" s="862"/>
      <c r="O89" s="862"/>
      <c r="P89" s="862"/>
      <c r="Q89" s="862"/>
    </row>
    <row r="90" spans="1:17">
      <c r="A90" s="19"/>
      <c r="B90" s="1188" t="s">
        <v>16</v>
      </c>
      <c r="C90" s="1189"/>
      <c r="D90" s="1189"/>
      <c r="E90" s="1189"/>
      <c r="F90" s="1189"/>
      <c r="G90" s="1189"/>
      <c r="H90" s="1189"/>
      <c r="I90" s="1189"/>
      <c r="J90" s="1189"/>
      <c r="K90" s="1189"/>
      <c r="L90" s="1189"/>
      <c r="M90" s="1189"/>
      <c r="N90" s="1189"/>
      <c r="O90" s="1189"/>
      <c r="P90" s="1189"/>
      <c r="Q90" s="1190"/>
    </row>
    <row r="91" spans="1:17" ht="120">
      <c r="A91" s="620">
        <v>1</v>
      </c>
      <c r="B91" s="864" t="s">
        <v>202</v>
      </c>
      <c r="C91" s="862"/>
      <c r="D91" s="862" t="s">
        <v>201</v>
      </c>
      <c r="E91" s="865" t="s">
        <v>200</v>
      </c>
      <c r="F91" s="865" t="s">
        <v>4975</v>
      </c>
      <c r="G91" s="867" t="s">
        <v>4962</v>
      </c>
      <c r="H91" s="862" t="s">
        <v>10</v>
      </c>
      <c r="I91" s="862"/>
      <c r="J91" s="862" t="s">
        <v>199</v>
      </c>
      <c r="K91" s="862"/>
      <c r="L91" s="862" t="s">
        <v>199</v>
      </c>
      <c r="M91" s="862"/>
      <c r="N91" s="862"/>
      <c r="O91" s="862" t="s">
        <v>199</v>
      </c>
      <c r="P91" s="862" t="s">
        <v>199</v>
      </c>
      <c r="Q91" s="862" t="s">
        <v>198</v>
      </c>
    </row>
    <row r="92" spans="1:17">
      <c r="A92" s="620"/>
      <c r="B92" s="862"/>
      <c r="C92" s="862"/>
      <c r="D92" s="862"/>
      <c r="E92" s="865"/>
      <c r="F92" s="863"/>
      <c r="G92" s="862"/>
      <c r="H92" s="862"/>
      <c r="I92" s="862"/>
      <c r="J92" s="862"/>
      <c r="K92" s="862"/>
      <c r="L92" s="862"/>
      <c r="M92" s="871"/>
      <c r="N92" s="862"/>
      <c r="O92" s="862"/>
      <c r="P92" s="862"/>
      <c r="Q92" s="862"/>
    </row>
    <row r="93" spans="1:17">
      <c r="A93" s="620"/>
      <c r="B93" s="876"/>
      <c r="C93" s="876"/>
      <c r="D93" s="876"/>
      <c r="E93" s="877"/>
      <c r="F93" s="877"/>
      <c r="G93" s="878"/>
      <c r="H93" s="876"/>
      <c r="I93" s="876"/>
      <c r="J93" s="876"/>
      <c r="K93" s="876"/>
      <c r="L93" s="876"/>
      <c r="M93" s="876"/>
      <c r="N93" s="876"/>
      <c r="O93" s="876"/>
      <c r="P93" s="876"/>
      <c r="Q93" s="876"/>
    </row>
    <row r="94" spans="1:17">
      <c r="A94" s="620"/>
      <c r="B94" s="876"/>
      <c r="C94" s="876"/>
      <c r="D94" s="876"/>
      <c r="E94" s="877"/>
      <c r="F94" s="877"/>
      <c r="G94" s="878"/>
      <c r="H94" s="876"/>
      <c r="I94" s="876"/>
      <c r="J94" s="876"/>
      <c r="K94" s="876"/>
      <c r="L94" s="876"/>
      <c r="M94" s="876"/>
      <c r="N94" s="876"/>
      <c r="O94" s="876"/>
      <c r="P94" s="876"/>
      <c r="Q94" s="876"/>
    </row>
    <row r="95" spans="1:17">
      <c r="A95" s="19"/>
      <c r="B95" s="870" t="s">
        <v>195</v>
      </c>
      <c r="C95" s="870"/>
      <c r="D95" s="870"/>
      <c r="E95" s="894"/>
      <c r="F95" s="870"/>
      <c r="G95" s="870"/>
      <c r="H95" s="870"/>
      <c r="I95" s="870"/>
      <c r="J95" s="870"/>
      <c r="K95" s="870"/>
      <c r="L95" s="870"/>
      <c r="M95" s="870"/>
      <c r="N95" s="870"/>
      <c r="O95" s="870"/>
      <c r="P95" s="870"/>
      <c r="Q95" s="870"/>
    </row>
    <row r="96" spans="1:17">
      <c r="A96" s="620"/>
      <c r="B96" s="870"/>
      <c r="C96" s="870"/>
      <c r="D96" s="870"/>
      <c r="E96" s="894"/>
      <c r="F96" s="870"/>
      <c r="G96" s="870"/>
      <c r="H96" s="870"/>
      <c r="I96" s="870"/>
      <c r="J96" s="870"/>
      <c r="K96" s="870"/>
      <c r="L96" s="870"/>
      <c r="M96" s="870"/>
      <c r="N96" s="870"/>
      <c r="O96" s="870"/>
      <c r="P96" s="870"/>
      <c r="Q96" s="870"/>
    </row>
    <row r="97" spans="1:17" ht="105">
      <c r="A97" s="23">
        <v>2</v>
      </c>
      <c r="B97" s="862" t="s">
        <v>194</v>
      </c>
      <c r="C97" s="862"/>
      <c r="D97" s="862" t="s">
        <v>4976</v>
      </c>
      <c r="E97" s="865"/>
      <c r="F97" s="862"/>
      <c r="G97" s="862"/>
      <c r="H97" s="862"/>
      <c r="I97" s="862"/>
      <c r="J97" s="862"/>
      <c r="K97" s="862"/>
      <c r="L97" s="862"/>
      <c r="M97" s="862"/>
      <c r="N97" s="862"/>
      <c r="O97" s="862"/>
      <c r="P97" s="862"/>
      <c r="Q97" s="862"/>
    </row>
    <row r="98" spans="1:17">
      <c r="A98" s="19"/>
      <c r="B98" s="870"/>
      <c r="C98" s="870"/>
      <c r="D98" s="870"/>
      <c r="E98" s="894"/>
      <c r="F98" s="870"/>
      <c r="G98" s="870"/>
      <c r="H98" s="870"/>
      <c r="I98" s="870"/>
      <c r="J98" s="870"/>
      <c r="K98" s="870"/>
      <c r="L98" s="870"/>
      <c r="M98" s="870"/>
      <c r="N98" s="870"/>
      <c r="O98" s="870"/>
      <c r="P98" s="870"/>
      <c r="Q98" s="870"/>
    </row>
    <row r="99" spans="1:17">
      <c r="A99" s="620"/>
      <c r="B99" s="870"/>
      <c r="C99" s="870"/>
      <c r="D99" s="870"/>
      <c r="E99" s="894"/>
      <c r="F99" s="870"/>
      <c r="G99" s="870"/>
      <c r="H99" s="870"/>
      <c r="I99" s="870"/>
      <c r="J99" s="870"/>
      <c r="K99" s="870"/>
      <c r="L99" s="870"/>
      <c r="M99" s="870"/>
      <c r="N99" s="870"/>
      <c r="O99" s="870"/>
      <c r="P99" s="870"/>
      <c r="Q99" s="870"/>
    </row>
    <row r="100" spans="1:17">
      <c r="A100" s="620">
        <v>6</v>
      </c>
      <c r="B100" s="870"/>
      <c r="C100" s="870"/>
      <c r="D100" s="870"/>
      <c r="E100" s="894"/>
      <c r="F100" s="870"/>
      <c r="G100" s="870"/>
      <c r="H100" s="870"/>
      <c r="I100" s="870"/>
      <c r="J100" s="870"/>
      <c r="K100" s="870"/>
      <c r="L100" s="870"/>
      <c r="M100" s="870"/>
      <c r="N100" s="870"/>
      <c r="O100" s="870"/>
      <c r="P100" s="870"/>
      <c r="Q100" s="870"/>
    </row>
    <row r="101" spans="1:17">
      <c r="A101" s="620"/>
      <c r="B101" s="876"/>
      <c r="C101" s="876"/>
      <c r="D101" s="876"/>
      <c r="E101" s="877"/>
      <c r="F101" s="881"/>
      <c r="G101" s="882"/>
      <c r="H101" s="876"/>
      <c r="I101" s="876"/>
      <c r="J101" s="876"/>
      <c r="K101" s="876"/>
      <c r="L101" s="876"/>
      <c r="M101" s="881"/>
      <c r="N101" s="876"/>
      <c r="O101" s="876"/>
      <c r="P101" s="876"/>
      <c r="Q101" s="876"/>
    </row>
    <row r="102" spans="1:17" ht="30">
      <c r="A102" s="19"/>
      <c r="B102" s="870" t="s">
        <v>193</v>
      </c>
      <c r="C102" s="870"/>
      <c r="D102" s="870"/>
      <c r="E102" s="894"/>
      <c r="F102" s="870"/>
      <c r="G102" s="870"/>
      <c r="H102" s="870"/>
      <c r="I102" s="870"/>
      <c r="J102" s="870"/>
      <c r="K102" s="870"/>
      <c r="L102" s="870"/>
      <c r="M102" s="870"/>
      <c r="N102" s="870"/>
      <c r="O102" s="870"/>
      <c r="P102" s="870"/>
      <c r="Q102" s="870"/>
    </row>
    <row r="103" spans="1:17" ht="75">
      <c r="A103" s="19"/>
      <c r="B103" s="862" t="s">
        <v>4977</v>
      </c>
      <c r="C103" s="862" t="s">
        <v>15</v>
      </c>
      <c r="D103" s="862" t="s">
        <v>4978</v>
      </c>
      <c r="E103" s="865" t="s">
        <v>4979</v>
      </c>
      <c r="F103" s="863">
        <v>36925</v>
      </c>
      <c r="G103" s="862"/>
      <c r="H103" s="862"/>
      <c r="I103" s="862"/>
      <c r="J103" s="862">
        <v>2</v>
      </c>
      <c r="K103" s="862">
        <v>16</v>
      </c>
      <c r="L103" s="862"/>
      <c r="M103" s="862" t="s">
        <v>4980</v>
      </c>
      <c r="N103" s="862"/>
      <c r="O103" s="862" t="s">
        <v>4981</v>
      </c>
      <c r="P103" s="862"/>
      <c r="Q103" s="862"/>
    </row>
    <row r="104" spans="1:17" ht="75">
      <c r="A104" s="19"/>
      <c r="B104" s="862" t="s">
        <v>192</v>
      </c>
      <c r="C104" s="862" t="s">
        <v>179</v>
      </c>
      <c r="D104" s="862" t="s">
        <v>191</v>
      </c>
      <c r="E104" s="865"/>
      <c r="F104" s="862"/>
      <c r="G104" s="862"/>
      <c r="H104" s="862"/>
      <c r="I104" s="862"/>
      <c r="J104" s="862">
        <v>20</v>
      </c>
      <c r="K104" s="862" t="s">
        <v>190</v>
      </c>
      <c r="L104" s="862"/>
      <c r="M104" s="862" t="s">
        <v>4980</v>
      </c>
      <c r="N104" s="862"/>
      <c r="O104" s="862" t="s">
        <v>4982</v>
      </c>
      <c r="P104" s="862"/>
      <c r="Q104" s="862"/>
    </row>
    <row r="105" spans="1:17" ht="60">
      <c r="A105" s="19"/>
      <c r="B105" s="876" t="s">
        <v>4983</v>
      </c>
      <c r="C105" s="876"/>
      <c r="D105" s="876"/>
      <c r="E105" s="877"/>
      <c r="F105" s="881"/>
      <c r="G105" s="895"/>
      <c r="H105" s="876"/>
      <c r="I105" s="876"/>
      <c r="J105" s="876">
        <v>7</v>
      </c>
      <c r="K105" s="876">
        <v>28</v>
      </c>
      <c r="L105" s="876"/>
      <c r="M105" s="876"/>
      <c r="N105" s="876"/>
      <c r="O105" s="876"/>
      <c r="P105" s="876"/>
      <c r="Q105" s="882"/>
    </row>
    <row r="106" spans="1:17">
      <c r="A106" s="19"/>
      <c r="B106" s="876"/>
      <c r="C106" s="876"/>
      <c r="D106" s="876"/>
      <c r="E106" s="877"/>
      <c r="F106" s="876"/>
      <c r="G106" s="876"/>
      <c r="H106" s="876"/>
      <c r="I106" s="876"/>
      <c r="J106" s="876"/>
      <c r="K106" s="876"/>
      <c r="L106" s="876"/>
      <c r="M106" s="876"/>
      <c r="N106" s="876"/>
      <c r="O106" s="876"/>
      <c r="P106" s="876"/>
      <c r="Q106" s="882"/>
    </row>
    <row r="107" spans="1:17" ht="30">
      <c r="A107" s="19"/>
      <c r="B107" s="896" t="s">
        <v>189</v>
      </c>
      <c r="C107" s="870"/>
      <c r="D107" s="870"/>
      <c r="E107" s="894"/>
      <c r="F107" s="870"/>
      <c r="G107" s="870"/>
      <c r="H107" s="870"/>
      <c r="I107" s="870"/>
      <c r="J107" s="870"/>
      <c r="K107" s="870"/>
      <c r="L107" s="870"/>
      <c r="M107" s="870"/>
      <c r="N107" s="870"/>
      <c r="O107" s="870"/>
      <c r="P107" s="870"/>
      <c r="Q107" s="870"/>
    </row>
    <row r="108" spans="1:17">
      <c r="A108" s="19"/>
      <c r="B108" s="870"/>
      <c r="C108" s="870"/>
      <c r="D108" s="870"/>
      <c r="E108" s="894"/>
      <c r="F108" s="870"/>
      <c r="G108" s="870"/>
      <c r="H108" s="870"/>
      <c r="I108" s="870"/>
      <c r="J108" s="870"/>
      <c r="K108" s="870"/>
      <c r="L108" s="870"/>
      <c r="M108" s="870"/>
      <c r="N108" s="870"/>
      <c r="O108" s="870"/>
      <c r="P108" s="870"/>
      <c r="Q108" s="870"/>
    </row>
    <row r="109" spans="1:17">
      <c r="A109" s="19"/>
      <c r="B109" s="897" t="s">
        <v>188</v>
      </c>
      <c r="C109" s="870"/>
      <c r="D109" s="870"/>
      <c r="E109" s="894"/>
      <c r="F109" s="870"/>
      <c r="G109" s="870"/>
      <c r="H109" s="870"/>
      <c r="I109" s="870"/>
      <c r="J109" s="870"/>
      <c r="K109" s="870"/>
      <c r="L109" s="870"/>
      <c r="M109" s="870"/>
      <c r="N109" s="870"/>
      <c r="O109" s="870"/>
      <c r="P109" s="870"/>
      <c r="Q109" s="870"/>
    </row>
    <row r="110" spans="1:17">
      <c r="A110" s="19"/>
      <c r="B110" s="870"/>
      <c r="C110" s="870"/>
      <c r="D110" s="870"/>
      <c r="E110" s="894"/>
      <c r="F110" s="870"/>
      <c r="G110" s="870"/>
      <c r="H110" s="870"/>
      <c r="I110" s="870"/>
      <c r="J110" s="870"/>
      <c r="K110" s="870"/>
      <c r="L110" s="870"/>
      <c r="M110" s="870"/>
      <c r="N110" s="870"/>
      <c r="O110" s="870"/>
      <c r="P110" s="870"/>
      <c r="Q110" s="870"/>
    </row>
    <row r="111" spans="1:17">
      <c r="A111" s="19"/>
      <c r="B111" s="870"/>
      <c r="C111" s="870"/>
      <c r="D111" s="870"/>
      <c r="E111" s="894"/>
      <c r="F111" s="870"/>
      <c r="G111" s="870"/>
      <c r="H111" s="870"/>
      <c r="I111" s="870"/>
      <c r="J111" s="870"/>
      <c r="K111" s="870"/>
      <c r="L111" s="870"/>
      <c r="M111" s="870"/>
      <c r="N111" s="870"/>
      <c r="O111" s="870"/>
      <c r="P111" s="870"/>
      <c r="Q111" s="870"/>
    </row>
    <row r="112" spans="1:17">
      <c r="A112" s="19"/>
      <c r="B112" s="870"/>
      <c r="C112" s="870"/>
      <c r="D112" s="870"/>
      <c r="E112" s="894"/>
      <c r="F112" s="870"/>
      <c r="G112" s="870"/>
      <c r="H112" s="870"/>
      <c r="I112" s="870"/>
      <c r="J112" s="870"/>
      <c r="K112" s="870"/>
      <c r="L112" s="870"/>
      <c r="M112" s="870"/>
      <c r="N112" s="870"/>
      <c r="O112" s="870"/>
      <c r="P112" s="870"/>
      <c r="Q112" s="870"/>
    </row>
    <row r="113" spans="1:17">
      <c r="A113" s="19"/>
      <c r="B113" s="870"/>
      <c r="C113" s="870"/>
      <c r="D113" s="870"/>
      <c r="E113" s="894"/>
      <c r="F113" s="870"/>
      <c r="G113" s="870"/>
      <c r="H113" s="870"/>
      <c r="I113" s="870"/>
      <c r="J113" s="870"/>
      <c r="K113" s="870"/>
      <c r="L113" s="870"/>
      <c r="M113" s="870"/>
      <c r="N113" s="870"/>
      <c r="O113" s="870"/>
      <c r="P113" s="870"/>
      <c r="Q113" s="870"/>
    </row>
    <row r="114" spans="1:17">
      <c r="A114" s="19"/>
      <c r="B114" s="870"/>
      <c r="C114" s="870"/>
      <c r="D114" s="870"/>
      <c r="E114" s="894"/>
      <c r="F114" s="870"/>
      <c r="G114" s="870"/>
      <c r="H114" s="870"/>
      <c r="I114" s="870"/>
      <c r="J114" s="870"/>
      <c r="K114" s="870"/>
      <c r="L114" s="870"/>
      <c r="M114" s="870"/>
      <c r="N114" s="870"/>
      <c r="O114" s="870"/>
      <c r="P114" s="870"/>
      <c r="Q114" s="870"/>
    </row>
    <row r="115" spans="1:17">
      <c r="A115" s="19"/>
      <c r="B115" s="870"/>
      <c r="C115" s="870"/>
      <c r="D115" s="870"/>
      <c r="E115" s="894"/>
      <c r="F115" s="870"/>
      <c r="G115" s="870"/>
      <c r="H115" s="870"/>
      <c r="I115" s="870"/>
      <c r="J115" s="870"/>
      <c r="K115" s="870"/>
      <c r="L115" s="870"/>
      <c r="M115" s="870"/>
      <c r="N115" s="870"/>
      <c r="O115" s="870"/>
      <c r="P115" s="870"/>
      <c r="Q115" s="870"/>
    </row>
    <row r="116" spans="1:17">
      <c r="A116" s="19"/>
      <c r="B116" s="870"/>
      <c r="C116" s="870"/>
      <c r="D116" s="870"/>
      <c r="E116" s="894"/>
      <c r="F116" s="870"/>
      <c r="G116" s="870"/>
      <c r="H116" s="870"/>
      <c r="I116" s="870"/>
      <c r="J116" s="870"/>
      <c r="K116" s="870"/>
      <c r="L116" s="870"/>
      <c r="M116" s="870"/>
      <c r="N116" s="870"/>
      <c r="O116" s="870"/>
      <c r="P116" s="870"/>
      <c r="Q116" s="870"/>
    </row>
    <row r="117" spans="1:17">
      <c r="A117" s="19"/>
      <c r="B117" s="870"/>
      <c r="C117" s="870"/>
      <c r="D117" s="870"/>
      <c r="E117" s="894"/>
      <c r="F117" s="870"/>
      <c r="G117" s="870"/>
      <c r="H117" s="870"/>
      <c r="I117" s="870"/>
      <c r="J117" s="870"/>
      <c r="K117" s="870"/>
      <c r="L117" s="870"/>
      <c r="M117" s="870"/>
      <c r="N117" s="870"/>
      <c r="O117" s="870"/>
      <c r="P117" s="870"/>
      <c r="Q117" s="870"/>
    </row>
    <row r="118" spans="1:17">
      <c r="A118" s="19"/>
      <c r="B118" s="870"/>
      <c r="C118" s="870"/>
      <c r="D118" s="870"/>
      <c r="E118" s="894"/>
      <c r="F118" s="870"/>
      <c r="G118" s="870"/>
      <c r="H118" s="870"/>
      <c r="I118" s="870"/>
      <c r="J118" s="870"/>
      <c r="K118" s="870"/>
      <c r="L118" s="870"/>
      <c r="M118" s="870"/>
      <c r="N118" s="870"/>
      <c r="O118" s="870"/>
      <c r="P118" s="870"/>
      <c r="Q118" s="870"/>
    </row>
    <row r="119" spans="1:17">
      <c r="A119" s="19"/>
      <c r="B119" s="870"/>
      <c r="C119" s="870"/>
      <c r="D119" s="870"/>
      <c r="E119" s="894"/>
      <c r="F119" s="870"/>
      <c r="G119" s="870"/>
      <c r="H119" s="870"/>
      <c r="I119" s="870"/>
      <c r="J119" s="870"/>
      <c r="K119" s="870"/>
      <c r="L119" s="870"/>
      <c r="M119" s="870"/>
      <c r="N119" s="870"/>
      <c r="O119" s="870"/>
      <c r="P119" s="870"/>
      <c r="Q119" s="870"/>
    </row>
    <row r="120" spans="1:17">
      <c r="A120" s="19"/>
      <c r="B120" s="879"/>
      <c r="C120" s="879"/>
      <c r="D120" s="879"/>
      <c r="E120" s="880"/>
      <c r="F120" s="879"/>
      <c r="G120" s="879"/>
      <c r="H120" s="870"/>
      <c r="I120" s="870"/>
      <c r="J120" s="879"/>
      <c r="K120" s="879"/>
      <c r="L120" s="879"/>
      <c r="M120" s="879"/>
      <c r="N120" s="879"/>
      <c r="O120" s="879"/>
      <c r="P120" s="879"/>
      <c r="Q120" s="879"/>
    </row>
    <row r="121" spans="1:17">
      <c r="A121" s="19"/>
      <c r="B121" s="879"/>
      <c r="C121" s="879"/>
      <c r="D121" s="879"/>
      <c r="E121" s="879"/>
      <c r="F121" s="879"/>
      <c r="G121" s="879"/>
      <c r="H121" s="879"/>
      <c r="I121" s="879"/>
      <c r="J121" s="879"/>
      <c r="K121" s="879"/>
      <c r="L121" s="879"/>
      <c r="M121" s="879"/>
      <c r="N121" s="879"/>
      <c r="O121" s="879"/>
      <c r="P121" s="879"/>
      <c r="Q121" s="879"/>
    </row>
    <row r="122" spans="1:17">
      <c r="A122" s="19"/>
      <c r="E122" s="19"/>
    </row>
    <row r="123" spans="1:17">
      <c r="A123" s="19"/>
      <c r="E123" s="19"/>
    </row>
    <row r="124" spans="1:17">
      <c r="A124" s="19"/>
      <c r="E124" s="19"/>
    </row>
    <row r="125" spans="1:17">
      <c r="A125" s="19"/>
      <c r="E125" s="19"/>
    </row>
    <row r="126" spans="1:17">
      <c r="A126" s="19"/>
      <c r="E126" s="19"/>
    </row>
    <row r="127" spans="1:17">
      <c r="A127" s="19"/>
      <c r="E127" s="19"/>
    </row>
    <row r="128" spans="1:17">
      <c r="A128" s="19"/>
      <c r="E128" s="19"/>
    </row>
    <row r="129" spans="1:5">
      <c r="A129" s="19"/>
      <c r="E129" s="19"/>
    </row>
    <row r="130" spans="1:5">
      <c r="A130" s="19"/>
      <c r="E130" s="19"/>
    </row>
    <row r="131" spans="1:5">
      <c r="A131" s="19"/>
      <c r="E131" s="19"/>
    </row>
  </sheetData>
  <autoFilter ref="A14:R88"/>
  <mergeCells count="6">
    <mergeCell ref="B90:Q90"/>
    <mergeCell ref="A1:O1"/>
    <mergeCell ref="E8:F8"/>
    <mergeCell ref="B10:Q10"/>
    <mergeCell ref="B12:Q12"/>
    <mergeCell ref="B13:Q13"/>
  </mergeCells>
  <hyperlinks>
    <hyperlink ref="O91" r:id="rId1" display="https://egrp365.org/reestr?egrp=10:12:0022201:26"/>
    <hyperlink ref="B107" r:id="rId2"/>
    <hyperlink ref="B109" r:id="rId3"/>
    <hyperlink ref="P75" r:id="rId4"/>
  </hyperlinks>
  <pageMargins left="0.7" right="0.7" top="0.75" bottom="0.75" header="0.3" footer="0.3"/>
  <pageSetup paperSize="9" orientation="portrait" r:id="rId5"/>
</worksheet>
</file>

<file path=xl/worksheets/sheet11.xml><?xml version="1.0" encoding="utf-8"?>
<worksheet xmlns="http://schemas.openxmlformats.org/spreadsheetml/2006/main" xmlns:r="http://schemas.openxmlformats.org/officeDocument/2006/relationships">
  <sheetPr>
    <tabColor theme="0"/>
    <pageSetUpPr fitToPage="1"/>
  </sheetPr>
  <dimension ref="A1:XEC113"/>
  <sheetViews>
    <sheetView topLeftCell="A4" zoomScaleNormal="100" workbookViewId="0">
      <selection activeCell="H11" sqref="H11"/>
    </sheetView>
  </sheetViews>
  <sheetFormatPr defaultColWidth="9.140625" defaultRowHeight="15"/>
  <cols>
    <col min="1" max="1" width="6.42578125" style="84" customWidth="1"/>
    <col min="2" max="2" width="25.5703125" style="83" customWidth="1"/>
    <col min="3" max="3" width="11.42578125" style="69" customWidth="1"/>
    <col min="4" max="4" width="22.5703125" style="83" customWidth="1"/>
    <col min="5" max="5" width="17.42578125" style="82" customWidth="1"/>
    <col min="6" max="6" width="14.28515625" style="83" customWidth="1"/>
    <col min="7" max="7" width="19.5703125" style="83" customWidth="1"/>
    <col min="8" max="9" width="23.42578125" style="69" customWidth="1"/>
    <col min="10" max="10" width="13" style="69" customWidth="1"/>
    <col min="11" max="11" width="12.85546875" style="69" customWidth="1"/>
    <col min="12" max="13" width="12.140625" style="69" customWidth="1"/>
    <col min="14" max="14" width="18.85546875" style="69" customWidth="1"/>
    <col min="15" max="15" width="22" style="86" customWidth="1"/>
    <col min="16" max="16" width="14.7109375" style="83" customWidth="1"/>
    <col min="17" max="17" width="16.5703125" style="71" customWidth="1"/>
    <col min="18" max="16384" width="9.140625" style="83"/>
  </cols>
  <sheetData>
    <row r="1" spans="1:17" s="898" customFormat="1" ht="31.5" customHeight="1">
      <c r="A1" s="1201" t="s">
        <v>3852</v>
      </c>
      <c r="B1" s="1201"/>
      <c r="C1" s="1201"/>
      <c r="D1" s="1201"/>
      <c r="E1" s="1201"/>
      <c r="F1" s="1201"/>
      <c r="G1" s="1201"/>
      <c r="H1" s="1201"/>
      <c r="I1" s="1201"/>
      <c r="J1" s="1201"/>
      <c r="K1" s="1201"/>
      <c r="L1" s="1201"/>
      <c r="M1" s="1201"/>
      <c r="N1" s="1201"/>
      <c r="O1" s="1201"/>
    </row>
    <row r="2" spans="1:17" s="898" customFormat="1" ht="79.5" customHeight="1">
      <c r="A2" s="899" t="s">
        <v>173</v>
      </c>
      <c r="B2" s="900" t="s">
        <v>186</v>
      </c>
      <c r="C2" s="900" t="s">
        <v>184</v>
      </c>
      <c r="E2" s="899" t="s">
        <v>185</v>
      </c>
      <c r="F2" s="900" t="s">
        <v>184</v>
      </c>
      <c r="H2" s="901"/>
      <c r="I2" s="901"/>
      <c r="K2" s="901"/>
      <c r="L2" s="901"/>
      <c r="M2" s="901"/>
      <c r="N2" s="901"/>
      <c r="O2" s="901"/>
      <c r="P2" s="901"/>
    </row>
    <row r="3" spans="1:17" s="898" customFormat="1" ht="36" customHeight="1">
      <c r="A3" s="902"/>
      <c r="B3" s="900" t="s">
        <v>183</v>
      </c>
      <c r="C3" s="900">
        <f>SUM(C4:C5)</f>
        <v>62</v>
      </c>
      <c r="E3" s="899" t="s">
        <v>182</v>
      </c>
      <c r="F3" s="900">
        <f>SUM(F4:F6)</f>
        <v>49</v>
      </c>
      <c r="H3" s="901"/>
      <c r="I3" s="901"/>
      <c r="K3" s="901"/>
      <c r="L3" s="901"/>
      <c r="M3" s="901"/>
      <c r="N3" s="901"/>
      <c r="O3" s="901"/>
      <c r="P3" s="901"/>
    </row>
    <row r="4" spans="1:17" s="898" customFormat="1" ht="37.5" customHeight="1">
      <c r="A4" s="902" t="s">
        <v>181</v>
      </c>
      <c r="B4" s="903" t="s">
        <v>180</v>
      </c>
      <c r="C4" s="903">
        <v>49</v>
      </c>
      <c r="E4" s="902" t="s">
        <v>179</v>
      </c>
      <c r="F4" s="903">
        <v>18</v>
      </c>
      <c r="H4" s="901"/>
      <c r="I4" s="901"/>
      <c r="K4" s="901"/>
      <c r="L4" s="901"/>
      <c r="M4" s="901"/>
      <c r="N4" s="901"/>
      <c r="O4" s="901"/>
      <c r="P4" s="901"/>
    </row>
    <row r="5" spans="1:17" s="898" customFormat="1" ht="33" customHeight="1">
      <c r="A5" s="902" t="s">
        <v>178</v>
      </c>
      <c r="B5" s="903" t="s">
        <v>177</v>
      </c>
      <c r="C5" s="903">
        <v>13</v>
      </c>
      <c r="E5" s="902" t="s">
        <v>15</v>
      </c>
      <c r="F5" s="903">
        <v>15</v>
      </c>
      <c r="H5" s="901"/>
      <c r="I5" s="901"/>
      <c r="K5" s="901"/>
      <c r="L5" s="901"/>
      <c r="M5" s="901"/>
      <c r="N5" s="901"/>
      <c r="O5" s="901"/>
      <c r="P5" s="901"/>
    </row>
    <row r="6" spans="1:17" s="898" customFormat="1" ht="23.25" customHeight="1">
      <c r="A6" s="904"/>
      <c r="E6" s="902" t="s">
        <v>27</v>
      </c>
      <c r="F6" s="903">
        <v>16</v>
      </c>
      <c r="H6" s="901"/>
      <c r="I6" s="901"/>
      <c r="K6" s="901"/>
      <c r="L6" s="901"/>
      <c r="M6" s="901"/>
      <c r="N6" s="901"/>
      <c r="O6" s="901"/>
      <c r="P6" s="901"/>
    </row>
    <row r="7" spans="1:17" s="898" customFormat="1" ht="52.5" customHeight="1">
      <c r="A7" s="904"/>
      <c r="E7" s="903" t="s">
        <v>176</v>
      </c>
      <c r="F7" s="903">
        <v>2</v>
      </c>
      <c r="H7" s="901" t="s">
        <v>4199</v>
      </c>
      <c r="I7" s="901"/>
      <c r="J7" s="898">
        <f>SUM(J43+J44+J45+J46+J47+J59)</f>
        <v>72</v>
      </c>
      <c r="K7" s="901"/>
      <c r="L7" s="901"/>
      <c r="M7" s="901"/>
      <c r="N7" s="901"/>
      <c r="O7" s="901"/>
      <c r="P7" s="901"/>
    </row>
    <row r="8" spans="1:17" s="898" customFormat="1" ht="63" customHeight="1">
      <c r="A8" s="904"/>
      <c r="E8" s="1202" t="s">
        <v>175</v>
      </c>
      <c r="F8" s="1203"/>
      <c r="H8" s="905">
        <v>6</v>
      </c>
      <c r="I8" s="1084"/>
      <c r="J8" s="906">
        <f>SUM(J15:J63)</f>
        <v>168</v>
      </c>
      <c r="K8" s="906">
        <f>SUM(K15:K63)</f>
        <v>788</v>
      </c>
      <c r="L8" s="901"/>
      <c r="M8" s="901"/>
      <c r="N8" s="901"/>
      <c r="O8" s="901"/>
      <c r="P8" s="901"/>
    </row>
    <row r="9" spans="1:17" s="908" customFormat="1" ht="16.5">
      <c r="A9" s="907"/>
      <c r="B9" s="908">
        <v>19</v>
      </c>
      <c r="C9" s="907"/>
      <c r="E9" s="909"/>
      <c r="H9" s="907"/>
      <c r="I9" s="907"/>
      <c r="J9" s="907"/>
      <c r="K9" s="907"/>
      <c r="L9" s="907"/>
      <c r="M9" s="907"/>
      <c r="N9" s="907"/>
      <c r="O9" s="907"/>
      <c r="Q9" s="898"/>
    </row>
    <row r="10" spans="1:17" s="908" customFormat="1" ht="18.75" customHeight="1">
      <c r="A10" s="910"/>
      <c r="B10" s="1204" t="s">
        <v>174</v>
      </c>
      <c r="C10" s="1204"/>
      <c r="D10" s="1204"/>
      <c r="E10" s="1204"/>
      <c r="F10" s="1204"/>
      <c r="G10" s="1204"/>
      <c r="H10" s="1205"/>
      <c r="I10" s="1206"/>
      <c r="J10" s="1205"/>
      <c r="K10" s="1205"/>
      <c r="L10" s="1205"/>
      <c r="M10" s="1205"/>
      <c r="N10" s="1205"/>
      <c r="O10" s="1205"/>
      <c r="P10" s="1205"/>
      <c r="Q10" s="1205"/>
    </row>
    <row r="11" spans="1:17" s="908" customFormat="1" ht="103.5" customHeight="1">
      <c r="A11" s="903" t="s">
        <v>173</v>
      </c>
      <c r="B11" s="911" t="s">
        <v>172</v>
      </c>
      <c r="C11" s="911" t="s">
        <v>171</v>
      </c>
      <c r="D11" s="911" t="s">
        <v>170</v>
      </c>
      <c r="E11" s="902" t="s">
        <v>169</v>
      </c>
      <c r="F11" s="903" t="s">
        <v>168</v>
      </c>
      <c r="G11" s="903" t="s">
        <v>167</v>
      </c>
      <c r="H11" s="1064" t="s">
        <v>5073</v>
      </c>
      <c r="I11" s="1065" t="s">
        <v>5075</v>
      </c>
      <c r="J11" s="903" t="s">
        <v>166</v>
      </c>
      <c r="K11" s="903" t="s">
        <v>165</v>
      </c>
      <c r="L11" s="903" t="s">
        <v>164</v>
      </c>
      <c r="M11" s="903" t="s">
        <v>163</v>
      </c>
      <c r="N11" s="903" t="s">
        <v>162</v>
      </c>
      <c r="O11" s="903" t="s">
        <v>161</v>
      </c>
      <c r="P11" s="903" t="s">
        <v>160</v>
      </c>
      <c r="Q11" s="903" t="s">
        <v>159</v>
      </c>
    </row>
    <row r="12" spans="1:17" s="908" customFormat="1" ht="16.5">
      <c r="A12" s="910"/>
      <c r="B12" s="1199" t="s">
        <v>3853</v>
      </c>
      <c r="C12" s="1199"/>
      <c r="D12" s="1199"/>
      <c r="E12" s="1199"/>
      <c r="F12" s="1199"/>
      <c r="G12" s="1199"/>
      <c r="H12" s="1205"/>
      <c r="I12" s="1206"/>
      <c r="J12" s="1205"/>
      <c r="K12" s="1205"/>
      <c r="L12" s="1205"/>
      <c r="M12" s="1205"/>
      <c r="N12" s="1205"/>
      <c r="O12" s="1205"/>
      <c r="P12" s="1205"/>
      <c r="Q12" s="1205"/>
    </row>
    <row r="13" spans="1:17" s="908" customFormat="1" ht="16.5">
      <c r="A13" s="910"/>
      <c r="B13" s="1199" t="s">
        <v>157</v>
      </c>
      <c r="C13" s="1205"/>
      <c r="D13" s="1205"/>
      <c r="E13" s="1205"/>
      <c r="F13" s="1205"/>
      <c r="G13" s="1205"/>
      <c r="H13" s="1205"/>
      <c r="I13" s="1206"/>
      <c r="J13" s="1205"/>
      <c r="K13" s="1205"/>
      <c r="L13" s="1205"/>
      <c r="M13" s="1205"/>
      <c r="N13" s="1205"/>
      <c r="O13" s="1205"/>
      <c r="P13" s="1205"/>
      <c r="Q13" s="1205"/>
    </row>
    <row r="14" spans="1:17" s="908" customFormat="1" ht="16.5">
      <c r="A14" s="910">
        <v>1</v>
      </c>
      <c r="B14" s="910">
        <v>2</v>
      </c>
      <c r="C14" s="910">
        <v>3</v>
      </c>
      <c r="D14" s="910">
        <v>4</v>
      </c>
      <c r="E14" s="913">
        <v>5</v>
      </c>
      <c r="F14" s="910">
        <v>6</v>
      </c>
      <c r="G14" s="910">
        <v>7</v>
      </c>
      <c r="H14" s="910">
        <v>8</v>
      </c>
      <c r="I14" s="1085"/>
      <c r="J14" s="910">
        <v>9</v>
      </c>
      <c r="K14" s="910">
        <v>10</v>
      </c>
      <c r="L14" s="910">
        <v>11</v>
      </c>
      <c r="M14" s="910"/>
      <c r="N14" s="910"/>
      <c r="O14" s="910">
        <v>12</v>
      </c>
      <c r="P14" s="910">
        <v>13</v>
      </c>
      <c r="Q14" s="903">
        <v>14</v>
      </c>
    </row>
    <row r="15" spans="1:17" s="908" customFormat="1" ht="120" customHeight="1">
      <c r="A15" s="910">
        <v>1</v>
      </c>
      <c r="B15" s="902" t="s">
        <v>3854</v>
      </c>
      <c r="C15" s="902" t="s">
        <v>511</v>
      </c>
      <c r="D15" s="902" t="s">
        <v>3855</v>
      </c>
      <c r="E15" s="902" t="s">
        <v>3856</v>
      </c>
      <c r="F15" s="918">
        <v>44363</v>
      </c>
      <c r="G15" s="902"/>
      <c r="H15" s="902" t="s">
        <v>10</v>
      </c>
      <c r="I15" s="1086"/>
      <c r="J15" s="919">
        <v>1</v>
      </c>
      <c r="K15" s="903">
        <v>6</v>
      </c>
      <c r="L15" s="902">
        <v>0</v>
      </c>
      <c r="M15" s="902"/>
      <c r="N15" s="902"/>
      <c r="O15" s="903" t="s">
        <v>3857</v>
      </c>
      <c r="P15" s="926"/>
      <c r="Q15" s="903"/>
    </row>
    <row r="16" spans="1:17" s="908" customFormat="1" ht="120" customHeight="1">
      <c r="A16" s="910">
        <f>A15+1</f>
        <v>2</v>
      </c>
      <c r="B16" s="902" t="s">
        <v>3858</v>
      </c>
      <c r="C16" s="902" t="s">
        <v>511</v>
      </c>
      <c r="D16" s="902" t="s">
        <v>3855</v>
      </c>
      <c r="E16" s="902" t="s">
        <v>3856</v>
      </c>
      <c r="F16" s="918">
        <v>44363</v>
      </c>
      <c r="G16" s="902"/>
      <c r="H16" s="902" t="s">
        <v>10</v>
      </c>
      <c r="I16" s="1086"/>
      <c r="J16" s="919">
        <v>1</v>
      </c>
      <c r="K16" s="903">
        <v>8</v>
      </c>
      <c r="L16" s="902">
        <v>0</v>
      </c>
      <c r="M16" s="902"/>
      <c r="N16" s="902"/>
      <c r="O16" s="903" t="s">
        <v>3857</v>
      </c>
      <c r="P16" s="926"/>
      <c r="Q16" s="903"/>
    </row>
    <row r="17" spans="1:16357" s="908" customFormat="1" ht="120" customHeight="1">
      <c r="A17" s="912">
        <f t="shared" ref="A17:A63" si="0">A16+1</f>
        <v>3</v>
      </c>
      <c r="B17" s="902" t="s">
        <v>3859</v>
      </c>
      <c r="C17" s="902" t="s">
        <v>511</v>
      </c>
      <c r="D17" s="902" t="s">
        <v>3855</v>
      </c>
      <c r="E17" s="902" t="s">
        <v>3856</v>
      </c>
      <c r="F17" s="918">
        <v>44363</v>
      </c>
      <c r="G17" s="902"/>
      <c r="H17" s="902" t="s">
        <v>10</v>
      </c>
      <c r="I17" s="1086"/>
      <c r="J17" s="919">
        <v>1</v>
      </c>
      <c r="K17" s="903">
        <v>8</v>
      </c>
      <c r="L17" s="902">
        <v>0</v>
      </c>
      <c r="M17" s="902"/>
      <c r="N17" s="902"/>
      <c r="O17" s="903" t="s">
        <v>3857</v>
      </c>
      <c r="P17" s="916"/>
      <c r="Q17" s="903"/>
      <c r="R17" s="927"/>
      <c r="S17" s="927"/>
      <c r="T17" s="927"/>
      <c r="U17" s="927"/>
      <c r="V17" s="927"/>
      <c r="W17" s="927"/>
      <c r="X17" s="927"/>
      <c r="Y17" s="927"/>
      <c r="Z17" s="927"/>
      <c r="AA17" s="927"/>
      <c r="AB17" s="927"/>
      <c r="AC17" s="927"/>
      <c r="AD17" s="927"/>
      <c r="AE17" s="927"/>
      <c r="AF17" s="927"/>
      <c r="AG17" s="927"/>
      <c r="AH17" s="927"/>
      <c r="AI17" s="927"/>
      <c r="AJ17" s="927"/>
      <c r="AK17" s="927"/>
      <c r="AL17" s="927"/>
      <c r="AM17" s="927"/>
      <c r="AN17" s="927"/>
      <c r="AO17" s="927"/>
      <c r="AP17" s="927"/>
      <c r="AQ17" s="927"/>
      <c r="AR17" s="927"/>
      <c r="AS17" s="927"/>
      <c r="AT17" s="927"/>
      <c r="AU17" s="927"/>
      <c r="AV17" s="927" t="s">
        <v>3816</v>
      </c>
      <c r="AW17" s="927" t="s">
        <v>3816</v>
      </c>
      <c r="AX17" s="927" t="s">
        <v>3816</v>
      </c>
      <c r="AY17" s="927" t="s">
        <v>3816</v>
      </c>
      <c r="AZ17" s="927" t="s">
        <v>3816</v>
      </c>
      <c r="BA17" s="927" t="s">
        <v>3816</v>
      </c>
      <c r="BB17" s="927" t="s">
        <v>3816</v>
      </c>
      <c r="BC17" s="927" t="s">
        <v>3816</v>
      </c>
      <c r="BD17" s="927" t="s">
        <v>3816</v>
      </c>
      <c r="BE17" s="927" t="s">
        <v>3816</v>
      </c>
      <c r="BF17" s="927" t="s">
        <v>3816</v>
      </c>
      <c r="BG17" s="928" t="s">
        <v>3816</v>
      </c>
      <c r="BH17" s="916" t="s">
        <v>3816</v>
      </c>
      <c r="BI17" s="916" t="s">
        <v>3816</v>
      </c>
      <c r="BJ17" s="916" t="s">
        <v>3816</v>
      </c>
      <c r="BK17" s="916" t="s">
        <v>3816</v>
      </c>
      <c r="BL17" s="916" t="s">
        <v>3816</v>
      </c>
      <c r="BM17" s="916" t="s">
        <v>3816</v>
      </c>
      <c r="BN17" s="916" t="s">
        <v>3816</v>
      </c>
      <c r="BO17" s="916" t="s">
        <v>3816</v>
      </c>
      <c r="BP17" s="916" t="s">
        <v>3816</v>
      </c>
      <c r="BQ17" s="916" t="s">
        <v>3816</v>
      </c>
      <c r="BR17" s="916" t="s">
        <v>3816</v>
      </c>
      <c r="BS17" s="916" t="s">
        <v>3816</v>
      </c>
      <c r="BT17" s="916" t="s">
        <v>3816</v>
      </c>
      <c r="BU17" s="916" t="s">
        <v>3816</v>
      </c>
      <c r="BV17" s="916" t="s">
        <v>3816</v>
      </c>
      <c r="BW17" s="916" t="s">
        <v>3816</v>
      </c>
      <c r="BX17" s="916" t="s">
        <v>3816</v>
      </c>
      <c r="BY17" s="916" t="s">
        <v>3816</v>
      </c>
      <c r="BZ17" s="916" t="s">
        <v>3816</v>
      </c>
      <c r="CA17" s="916" t="s">
        <v>3816</v>
      </c>
      <c r="CB17" s="916" t="s">
        <v>3816</v>
      </c>
      <c r="CC17" s="916" t="s">
        <v>3816</v>
      </c>
      <c r="CD17" s="916" t="s">
        <v>3816</v>
      </c>
      <c r="CE17" s="916" t="s">
        <v>3816</v>
      </c>
      <c r="CF17" s="916" t="s">
        <v>3816</v>
      </c>
      <c r="CG17" s="916" t="s">
        <v>3816</v>
      </c>
      <c r="CH17" s="916" t="s">
        <v>3816</v>
      </c>
      <c r="CI17" s="916" t="s">
        <v>3816</v>
      </c>
      <c r="CJ17" s="916" t="s">
        <v>3816</v>
      </c>
      <c r="CK17" s="916" t="s">
        <v>3816</v>
      </c>
      <c r="CL17" s="916" t="s">
        <v>3816</v>
      </c>
      <c r="CM17" s="916" t="s">
        <v>3816</v>
      </c>
      <c r="CN17" s="916" t="s">
        <v>3816</v>
      </c>
      <c r="CO17" s="916" t="s">
        <v>3816</v>
      </c>
      <c r="CP17" s="916" t="s">
        <v>3816</v>
      </c>
      <c r="CQ17" s="916" t="s">
        <v>3816</v>
      </c>
      <c r="CR17" s="916" t="s">
        <v>3816</v>
      </c>
      <c r="CS17" s="916" t="s">
        <v>3816</v>
      </c>
      <c r="CT17" s="916" t="s">
        <v>3816</v>
      </c>
      <c r="CU17" s="916" t="s">
        <v>3816</v>
      </c>
      <c r="CV17" s="916" t="s">
        <v>3816</v>
      </c>
      <c r="CW17" s="916" t="s">
        <v>3816</v>
      </c>
      <c r="CX17" s="916" t="s">
        <v>3816</v>
      </c>
      <c r="CY17" s="916" t="s">
        <v>3816</v>
      </c>
      <c r="CZ17" s="916" t="s">
        <v>3816</v>
      </c>
      <c r="DA17" s="916" t="s">
        <v>3816</v>
      </c>
      <c r="DB17" s="916" t="s">
        <v>3816</v>
      </c>
      <c r="DC17" s="916" t="s">
        <v>3816</v>
      </c>
      <c r="DD17" s="916" t="s">
        <v>3816</v>
      </c>
      <c r="DE17" s="916" t="s">
        <v>3816</v>
      </c>
      <c r="DF17" s="916" t="s">
        <v>3816</v>
      </c>
      <c r="DG17" s="916" t="s">
        <v>3816</v>
      </c>
      <c r="DH17" s="916" t="s">
        <v>3816</v>
      </c>
      <c r="DI17" s="916" t="s">
        <v>3816</v>
      </c>
      <c r="DJ17" s="916" t="s">
        <v>3816</v>
      </c>
      <c r="DK17" s="916" t="s">
        <v>3816</v>
      </c>
      <c r="DL17" s="916" t="s">
        <v>3816</v>
      </c>
      <c r="DM17" s="916" t="s">
        <v>3816</v>
      </c>
      <c r="DN17" s="916" t="s">
        <v>3816</v>
      </c>
      <c r="DO17" s="916" t="s">
        <v>3816</v>
      </c>
      <c r="DP17" s="916" t="s">
        <v>3816</v>
      </c>
      <c r="DQ17" s="916" t="s">
        <v>3816</v>
      </c>
      <c r="DR17" s="916" t="s">
        <v>3816</v>
      </c>
      <c r="DS17" s="916" t="s">
        <v>3816</v>
      </c>
      <c r="DT17" s="916" t="s">
        <v>3816</v>
      </c>
      <c r="DU17" s="916" t="s">
        <v>3816</v>
      </c>
      <c r="DV17" s="916" t="s">
        <v>3816</v>
      </c>
      <c r="DW17" s="916" t="s">
        <v>3816</v>
      </c>
      <c r="DX17" s="916" t="s">
        <v>3816</v>
      </c>
      <c r="DY17" s="916" t="s">
        <v>3816</v>
      </c>
      <c r="DZ17" s="916" t="s">
        <v>3816</v>
      </c>
      <c r="EA17" s="916" t="s">
        <v>3816</v>
      </c>
      <c r="EB17" s="916" t="s">
        <v>3816</v>
      </c>
      <c r="EC17" s="916" t="s">
        <v>3816</v>
      </c>
      <c r="ED17" s="916" t="s">
        <v>3816</v>
      </c>
      <c r="EE17" s="916" t="s">
        <v>3816</v>
      </c>
      <c r="EF17" s="916" t="s">
        <v>3816</v>
      </c>
      <c r="EG17" s="916" t="s">
        <v>3816</v>
      </c>
      <c r="EH17" s="916" t="s">
        <v>3816</v>
      </c>
      <c r="EI17" s="916" t="s">
        <v>3816</v>
      </c>
      <c r="EJ17" s="916" t="s">
        <v>3816</v>
      </c>
      <c r="EK17" s="916" t="s">
        <v>3816</v>
      </c>
      <c r="EL17" s="916" t="s">
        <v>3816</v>
      </c>
      <c r="EM17" s="916" t="s">
        <v>3816</v>
      </c>
      <c r="EN17" s="916" t="s">
        <v>3816</v>
      </c>
      <c r="EO17" s="916" t="s">
        <v>3816</v>
      </c>
      <c r="EP17" s="916" t="s">
        <v>3816</v>
      </c>
      <c r="EQ17" s="916" t="s">
        <v>3816</v>
      </c>
      <c r="ER17" s="916" t="s">
        <v>3816</v>
      </c>
      <c r="ES17" s="916" t="s">
        <v>3816</v>
      </c>
      <c r="ET17" s="916" t="s">
        <v>3816</v>
      </c>
      <c r="EU17" s="916" t="s">
        <v>3816</v>
      </c>
      <c r="EV17" s="916" t="s">
        <v>3816</v>
      </c>
      <c r="EW17" s="916" t="s">
        <v>3816</v>
      </c>
      <c r="EX17" s="916" t="s">
        <v>3816</v>
      </c>
      <c r="EY17" s="916" t="s">
        <v>3816</v>
      </c>
      <c r="EZ17" s="916" t="s">
        <v>3816</v>
      </c>
      <c r="FA17" s="916" t="s">
        <v>3816</v>
      </c>
      <c r="FB17" s="916" t="s">
        <v>3816</v>
      </c>
      <c r="FC17" s="916" t="s">
        <v>3816</v>
      </c>
      <c r="FD17" s="916" t="s">
        <v>3816</v>
      </c>
      <c r="FE17" s="916" t="s">
        <v>3816</v>
      </c>
      <c r="FF17" s="916" t="s">
        <v>3816</v>
      </c>
      <c r="FG17" s="916" t="s">
        <v>3816</v>
      </c>
      <c r="FH17" s="916" t="s">
        <v>3816</v>
      </c>
      <c r="FI17" s="916" t="s">
        <v>3816</v>
      </c>
      <c r="FJ17" s="916" t="s">
        <v>3816</v>
      </c>
      <c r="FK17" s="916" t="s">
        <v>3816</v>
      </c>
      <c r="FL17" s="916" t="s">
        <v>3816</v>
      </c>
      <c r="FM17" s="916" t="s">
        <v>3816</v>
      </c>
      <c r="FN17" s="916" t="s">
        <v>3816</v>
      </c>
      <c r="FO17" s="916" t="s">
        <v>3816</v>
      </c>
      <c r="FP17" s="916" t="s">
        <v>3816</v>
      </c>
      <c r="FQ17" s="916" t="s">
        <v>3816</v>
      </c>
      <c r="FR17" s="916" t="s">
        <v>3816</v>
      </c>
      <c r="FS17" s="916" t="s">
        <v>3816</v>
      </c>
      <c r="FT17" s="916" t="s">
        <v>3816</v>
      </c>
      <c r="FU17" s="916" t="s">
        <v>3816</v>
      </c>
      <c r="FV17" s="916" t="s">
        <v>3816</v>
      </c>
      <c r="FW17" s="916" t="s">
        <v>3816</v>
      </c>
      <c r="FX17" s="916" t="s">
        <v>3816</v>
      </c>
      <c r="FY17" s="916" t="s">
        <v>3816</v>
      </c>
      <c r="FZ17" s="916" t="s">
        <v>3816</v>
      </c>
      <c r="GA17" s="916" t="s">
        <v>3816</v>
      </c>
      <c r="GB17" s="916" t="s">
        <v>3816</v>
      </c>
      <c r="GC17" s="916" t="s">
        <v>3816</v>
      </c>
      <c r="GD17" s="916" t="s">
        <v>3816</v>
      </c>
      <c r="GE17" s="916" t="s">
        <v>3816</v>
      </c>
      <c r="GF17" s="916" t="s">
        <v>3816</v>
      </c>
      <c r="GG17" s="916" t="s">
        <v>3816</v>
      </c>
      <c r="GH17" s="916" t="s">
        <v>3816</v>
      </c>
      <c r="GI17" s="916" t="s">
        <v>3816</v>
      </c>
      <c r="GJ17" s="916" t="s">
        <v>3816</v>
      </c>
      <c r="GK17" s="916" t="s">
        <v>3816</v>
      </c>
      <c r="GL17" s="916" t="s">
        <v>3816</v>
      </c>
      <c r="GM17" s="916" t="s">
        <v>3816</v>
      </c>
      <c r="GN17" s="916" t="s">
        <v>3816</v>
      </c>
      <c r="GO17" s="916" t="s">
        <v>3816</v>
      </c>
      <c r="GP17" s="916" t="s">
        <v>3816</v>
      </c>
      <c r="GQ17" s="916" t="s">
        <v>3816</v>
      </c>
      <c r="GR17" s="916" t="s">
        <v>3816</v>
      </c>
      <c r="GS17" s="916" t="s">
        <v>3816</v>
      </c>
      <c r="GT17" s="916" t="s">
        <v>3816</v>
      </c>
      <c r="GU17" s="916" t="s">
        <v>3816</v>
      </c>
      <c r="GV17" s="916" t="s">
        <v>3816</v>
      </c>
      <c r="GW17" s="916" t="s">
        <v>3816</v>
      </c>
      <c r="GX17" s="916" t="s">
        <v>3816</v>
      </c>
      <c r="GY17" s="916" t="s">
        <v>3816</v>
      </c>
      <c r="GZ17" s="916" t="s">
        <v>3816</v>
      </c>
      <c r="HA17" s="916" t="s">
        <v>3816</v>
      </c>
      <c r="HB17" s="916" t="s">
        <v>3816</v>
      </c>
      <c r="HC17" s="916" t="s">
        <v>3816</v>
      </c>
      <c r="HD17" s="916" t="s">
        <v>3816</v>
      </c>
      <c r="HE17" s="916" t="s">
        <v>3816</v>
      </c>
      <c r="HF17" s="916" t="s">
        <v>3816</v>
      </c>
      <c r="HG17" s="916" t="s">
        <v>3816</v>
      </c>
      <c r="HH17" s="916" t="s">
        <v>3816</v>
      </c>
      <c r="HI17" s="916" t="s">
        <v>3816</v>
      </c>
      <c r="HJ17" s="916" t="s">
        <v>3816</v>
      </c>
      <c r="HK17" s="916" t="s">
        <v>3816</v>
      </c>
      <c r="HL17" s="916" t="s">
        <v>3816</v>
      </c>
      <c r="HM17" s="916" t="s">
        <v>3816</v>
      </c>
      <c r="HN17" s="916" t="s">
        <v>3816</v>
      </c>
      <c r="HO17" s="916" t="s">
        <v>3816</v>
      </c>
      <c r="HP17" s="916" t="s">
        <v>3816</v>
      </c>
      <c r="HQ17" s="916" t="s">
        <v>3816</v>
      </c>
      <c r="HR17" s="916" t="s">
        <v>3816</v>
      </c>
      <c r="HS17" s="916" t="s">
        <v>3816</v>
      </c>
      <c r="HT17" s="916" t="s">
        <v>3816</v>
      </c>
      <c r="HU17" s="916" t="s">
        <v>3816</v>
      </c>
      <c r="HV17" s="916" t="s">
        <v>3816</v>
      </c>
      <c r="HW17" s="916" t="s">
        <v>3816</v>
      </c>
      <c r="HX17" s="916" t="s">
        <v>3816</v>
      </c>
      <c r="HY17" s="916" t="s">
        <v>3816</v>
      </c>
      <c r="HZ17" s="916" t="s">
        <v>3816</v>
      </c>
      <c r="IA17" s="916" t="s">
        <v>3816</v>
      </c>
      <c r="IB17" s="916" t="s">
        <v>3816</v>
      </c>
      <c r="IC17" s="916" t="s">
        <v>3816</v>
      </c>
      <c r="ID17" s="916" t="s">
        <v>3816</v>
      </c>
      <c r="IE17" s="916" t="s">
        <v>3816</v>
      </c>
      <c r="IF17" s="916" t="s">
        <v>3816</v>
      </c>
      <c r="IG17" s="916" t="s">
        <v>3816</v>
      </c>
      <c r="IH17" s="916" t="s">
        <v>3816</v>
      </c>
      <c r="II17" s="916" t="s">
        <v>3816</v>
      </c>
      <c r="IJ17" s="916" t="s">
        <v>3816</v>
      </c>
      <c r="IK17" s="916" t="s">
        <v>3816</v>
      </c>
      <c r="IL17" s="916" t="s">
        <v>3816</v>
      </c>
      <c r="IM17" s="916" t="s">
        <v>3816</v>
      </c>
      <c r="IN17" s="916" t="s">
        <v>3816</v>
      </c>
      <c r="IO17" s="916" t="s">
        <v>3816</v>
      </c>
      <c r="IP17" s="916" t="s">
        <v>3816</v>
      </c>
      <c r="IQ17" s="916" t="s">
        <v>3816</v>
      </c>
      <c r="IR17" s="916" t="s">
        <v>3816</v>
      </c>
      <c r="IS17" s="916" t="s">
        <v>3816</v>
      </c>
      <c r="IT17" s="916" t="s">
        <v>3816</v>
      </c>
      <c r="IU17" s="916" t="s">
        <v>3816</v>
      </c>
      <c r="IV17" s="916" t="s">
        <v>3816</v>
      </c>
      <c r="IW17" s="916" t="s">
        <v>3816</v>
      </c>
      <c r="IX17" s="916" t="s">
        <v>3816</v>
      </c>
      <c r="IY17" s="916" t="s">
        <v>3816</v>
      </c>
      <c r="IZ17" s="916" t="s">
        <v>3816</v>
      </c>
      <c r="JA17" s="916" t="s">
        <v>3816</v>
      </c>
      <c r="JB17" s="916" t="s">
        <v>3816</v>
      </c>
      <c r="JC17" s="916" t="s">
        <v>3816</v>
      </c>
      <c r="JD17" s="916" t="s">
        <v>3816</v>
      </c>
      <c r="JE17" s="916" t="s">
        <v>3816</v>
      </c>
      <c r="JF17" s="916" t="s">
        <v>3816</v>
      </c>
      <c r="JG17" s="916" t="s">
        <v>3816</v>
      </c>
      <c r="JH17" s="916" t="s">
        <v>3816</v>
      </c>
      <c r="JI17" s="916" t="s">
        <v>3816</v>
      </c>
      <c r="JJ17" s="916" t="s">
        <v>3816</v>
      </c>
      <c r="JK17" s="916" t="s">
        <v>3816</v>
      </c>
      <c r="JL17" s="916" t="s">
        <v>3816</v>
      </c>
      <c r="JM17" s="916" t="s">
        <v>3816</v>
      </c>
      <c r="JN17" s="916" t="s">
        <v>3816</v>
      </c>
      <c r="JO17" s="916" t="s">
        <v>3816</v>
      </c>
      <c r="JP17" s="916" t="s">
        <v>3816</v>
      </c>
      <c r="JQ17" s="916" t="s">
        <v>3816</v>
      </c>
      <c r="JR17" s="916" t="s">
        <v>3816</v>
      </c>
      <c r="JS17" s="916" t="s">
        <v>3816</v>
      </c>
      <c r="JT17" s="916" t="s">
        <v>3816</v>
      </c>
      <c r="JU17" s="916" t="s">
        <v>3816</v>
      </c>
      <c r="JV17" s="916" t="s">
        <v>3816</v>
      </c>
      <c r="JW17" s="916" t="s">
        <v>3816</v>
      </c>
      <c r="JX17" s="916" t="s">
        <v>3816</v>
      </c>
      <c r="JY17" s="916" t="s">
        <v>3816</v>
      </c>
      <c r="JZ17" s="916" t="s">
        <v>3816</v>
      </c>
      <c r="KA17" s="916" t="s">
        <v>3816</v>
      </c>
      <c r="KB17" s="916" t="s">
        <v>3816</v>
      </c>
      <c r="KC17" s="916" t="s">
        <v>3816</v>
      </c>
      <c r="KD17" s="916" t="s">
        <v>3816</v>
      </c>
      <c r="KE17" s="916" t="s">
        <v>3816</v>
      </c>
      <c r="KF17" s="916" t="s">
        <v>3816</v>
      </c>
      <c r="KG17" s="916" t="s">
        <v>3816</v>
      </c>
      <c r="KH17" s="916" t="s">
        <v>3816</v>
      </c>
      <c r="KI17" s="916" t="s">
        <v>3816</v>
      </c>
      <c r="KJ17" s="916" t="s">
        <v>3816</v>
      </c>
      <c r="KK17" s="916" t="s">
        <v>3816</v>
      </c>
      <c r="KL17" s="916" t="s">
        <v>3816</v>
      </c>
      <c r="KM17" s="916" t="s">
        <v>3816</v>
      </c>
      <c r="KN17" s="916" t="s">
        <v>3816</v>
      </c>
      <c r="KO17" s="916" t="s">
        <v>3816</v>
      </c>
      <c r="KP17" s="916" t="s">
        <v>3816</v>
      </c>
      <c r="KQ17" s="916" t="s">
        <v>3816</v>
      </c>
      <c r="KR17" s="916" t="s">
        <v>3816</v>
      </c>
      <c r="KS17" s="916" t="s">
        <v>3816</v>
      </c>
      <c r="KT17" s="916" t="s">
        <v>3816</v>
      </c>
      <c r="KU17" s="916" t="s">
        <v>3816</v>
      </c>
      <c r="KV17" s="916" t="s">
        <v>3816</v>
      </c>
      <c r="KW17" s="916" t="s">
        <v>3816</v>
      </c>
      <c r="KX17" s="916" t="s">
        <v>3816</v>
      </c>
      <c r="KY17" s="916" t="s">
        <v>3816</v>
      </c>
      <c r="KZ17" s="916" t="s">
        <v>3816</v>
      </c>
      <c r="LA17" s="916" t="s">
        <v>3816</v>
      </c>
      <c r="LB17" s="916" t="s">
        <v>3816</v>
      </c>
      <c r="LC17" s="916" t="s">
        <v>3816</v>
      </c>
      <c r="LD17" s="916" t="s">
        <v>3816</v>
      </c>
      <c r="LE17" s="916" t="s">
        <v>3816</v>
      </c>
      <c r="LF17" s="916" t="s">
        <v>3816</v>
      </c>
      <c r="LG17" s="916" t="s">
        <v>3816</v>
      </c>
      <c r="LH17" s="916" t="s">
        <v>3816</v>
      </c>
      <c r="LI17" s="916" t="s">
        <v>3816</v>
      </c>
      <c r="LJ17" s="916" t="s">
        <v>3816</v>
      </c>
      <c r="LK17" s="916" t="s">
        <v>3816</v>
      </c>
      <c r="LL17" s="916" t="s">
        <v>3816</v>
      </c>
      <c r="LM17" s="916" t="s">
        <v>3816</v>
      </c>
      <c r="LN17" s="916" t="s">
        <v>3816</v>
      </c>
      <c r="LO17" s="916" t="s">
        <v>3816</v>
      </c>
      <c r="LP17" s="916" t="s">
        <v>3816</v>
      </c>
      <c r="LQ17" s="916" t="s">
        <v>3816</v>
      </c>
      <c r="LR17" s="916" t="s">
        <v>3816</v>
      </c>
      <c r="LS17" s="916" t="s">
        <v>3816</v>
      </c>
      <c r="LT17" s="916" t="s">
        <v>3816</v>
      </c>
      <c r="LU17" s="916" t="s">
        <v>3816</v>
      </c>
      <c r="LV17" s="916" t="s">
        <v>3816</v>
      </c>
      <c r="LW17" s="916" t="s">
        <v>3816</v>
      </c>
      <c r="LX17" s="916" t="s">
        <v>3816</v>
      </c>
      <c r="LY17" s="916" t="s">
        <v>3816</v>
      </c>
      <c r="LZ17" s="916" t="s">
        <v>3816</v>
      </c>
      <c r="MA17" s="916" t="s">
        <v>3816</v>
      </c>
      <c r="MB17" s="916" t="s">
        <v>3816</v>
      </c>
      <c r="MC17" s="916" t="s">
        <v>3816</v>
      </c>
      <c r="MD17" s="916" t="s">
        <v>3816</v>
      </c>
      <c r="ME17" s="916" t="s">
        <v>3816</v>
      </c>
      <c r="MF17" s="916" t="s">
        <v>3816</v>
      </c>
      <c r="MG17" s="916" t="s">
        <v>3816</v>
      </c>
      <c r="MH17" s="916" t="s">
        <v>3816</v>
      </c>
      <c r="MI17" s="916" t="s">
        <v>3816</v>
      </c>
      <c r="MJ17" s="916" t="s">
        <v>3816</v>
      </c>
      <c r="MK17" s="916" t="s">
        <v>3816</v>
      </c>
      <c r="ML17" s="916" t="s">
        <v>3816</v>
      </c>
      <c r="MM17" s="916" t="s">
        <v>3816</v>
      </c>
      <c r="MN17" s="916" t="s">
        <v>3816</v>
      </c>
      <c r="MO17" s="916" t="s">
        <v>3816</v>
      </c>
      <c r="MP17" s="916" t="s">
        <v>3816</v>
      </c>
      <c r="MQ17" s="916" t="s">
        <v>3816</v>
      </c>
      <c r="MR17" s="916" t="s">
        <v>3816</v>
      </c>
      <c r="MS17" s="916" t="s">
        <v>3816</v>
      </c>
      <c r="MT17" s="916" t="s">
        <v>3816</v>
      </c>
      <c r="MU17" s="916" t="s">
        <v>3816</v>
      </c>
      <c r="MV17" s="916" t="s">
        <v>3816</v>
      </c>
      <c r="MW17" s="916" t="s">
        <v>3816</v>
      </c>
      <c r="MX17" s="916" t="s">
        <v>3816</v>
      </c>
      <c r="MY17" s="916" t="s">
        <v>3816</v>
      </c>
      <c r="MZ17" s="916" t="s">
        <v>3816</v>
      </c>
      <c r="NA17" s="916" t="s">
        <v>3816</v>
      </c>
      <c r="NB17" s="916" t="s">
        <v>3816</v>
      </c>
      <c r="NC17" s="916" t="s">
        <v>3816</v>
      </c>
      <c r="ND17" s="916" t="s">
        <v>3816</v>
      </c>
      <c r="NE17" s="916" t="s">
        <v>3816</v>
      </c>
      <c r="NF17" s="916" t="s">
        <v>3816</v>
      </c>
      <c r="NG17" s="916" t="s">
        <v>3816</v>
      </c>
      <c r="NH17" s="916" t="s">
        <v>3816</v>
      </c>
      <c r="NI17" s="916" t="s">
        <v>3816</v>
      </c>
      <c r="NJ17" s="916" t="s">
        <v>3816</v>
      </c>
      <c r="NK17" s="916" t="s">
        <v>3816</v>
      </c>
      <c r="NL17" s="916" t="s">
        <v>3816</v>
      </c>
      <c r="NM17" s="916" t="s">
        <v>3816</v>
      </c>
      <c r="NN17" s="916" t="s">
        <v>3816</v>
      </c>
      <c r="NO17" s="916" t="s">
        <v>3816</v>
      </c>
      <c r="NP17" s="916" t="s">
        <v>3816</v>
      </c>
      <c r="NQ17" s="916" t="s">
        <v>3816</v>
      </c>
      <c r="NR17" s="916" t="s">
        <v>3816</v>
      </c>
      <c r="NS17" s="916" t="s">
        <v>3816</v>
      </c>
      <c r="NT17" s="916" t="s">
        <v>3816</v>
      </c>
      <c r="NU17" s="916" t="s">
        <v>3816</v>
      </c>
      <c r="NV17" s="916" t="s">
        <v>3816</v>
      </c>
      <c r="NW17" s="916" t="s">
        <v>3816</v>
      </c>
      <c r="NX17" s="916" t="s">
        <v>3816</v>
      </c>
      <c r="NY17" s="916" t="s">
        <v>3816</v>
      </c>
      <c r="NZ17" s="916" t="s">
        <v>3816</v>
      </c>
      <c r="OA17" s="916" t="s">
        <v>3816</v>
      </c>
      <c r="OB17" s="916" t="s">
        <v>3816</v>
      </c>
      <c r="OC17" s="916" t="s">
        <v>3816</v>
      </c>
      <c r="OD17" s="916" t="s">
        <v>3816</v>
      </c>
      <c r="OE17" s="916" t="s">
        <v>3816</v>
      </c>
      <c r="OF17" s="916" t="s">
        <v>3816</v>
      </c>
      <c r="OG17" s="916" t="s">
        <v>3816</v>
      </c>
      <c r="OH17" s="916" t="s">
        <v>3816</v>
      </c>
      <c r="OI17" s="916" t="s">
        <v>3816</v>
      </c>
      <c r="OJ17" s="916" t="s">
        <v>3816</v>
      </c>
      <c r="OK17" s="916" t="s">
        <v>3816</v>
      </c>
      <c r="OL17" s="916" t="s">
        <v>3816</v>
      </c>
      <c r="OM17" s="916" t="s">
        <v>3816</v>
      </c>
      <c r="ON17" s="916" t="s">
        <v>3816</v>
      </c>
      <c r="OO17" s="916" t="s">
        <v>3816</v>
      </c>
      <c r="OP17" s="916" t="s">
        <v>3816</v>
      </c>
      <c r="OQ17" s="916" t="s">
        <v>3816</v>
      </c>
      <c r="OR17" s="916" t="s">
        <v>3816</v>
      </c>
      <c r="OS17" s="916" t="s">
        <v>3816</v>
      </c>
      <c r="OT17" s="916" t="s">
        <v>3816</v>
      </c>
      <c r="OU17" s="916" t="s">
        <v>3816</v>
      </c>
      <c r="OV17" s="916" t="s">
        <v>3816</v>
      </c>
      <c r="OW17" s="916" t="s">
        <v>3816</v>
      </c>
      <c r="OX17" s="916" t="s">
        <v>3816</v>
      </c>
      <c r="OY17" s="916" t="s">
        <v>3816</v>
      </c>
      <c r="OZ17" s="916" t="s">
        <v>3816</v>
      </c>
      <c r="PA17" s="916" t="s">
        <v>3816</v>
      </c>
      <c r="PB17" s="916" t="s">
        <v>3816</v>
      </c>
      <c r="PC17" s="916" t="s">
        <v>3816</v>
      </c>
      <c r="PD17" s="916" t="s">
        <v>3816</v>
      </c>
      <c r="PE17" s="916" t="s">
        <v>3816</v>
      </c>
      <c r="PF17" s="916" t="s">
        <v>3816</v>
      </c>
      <c r="PG17" s="916" t="s">
        <v>3816</v>
      </c>
      <c r="PH17" s="916" t="s">
        <v>3816</v>
      </c>
      <c r="PI17" s="916" t="s">
        <v>3816</v>
      </c>
      <c r="PJ17" s="916" t="s">
        <v>3816</v>
      </c>
      <c r="PK17" s="916" t="s">
        <v>3816</v>
      </c>
      <c r="PL17" s="916" t="s">
        <v>3816</v>
      </c>
      <c r="PM17" s="916" t="s">
        <v>3816</v>
      </c>
      <c r="PN17" s="916" t="s">
        <v>3816</v>
      </c>
      <c r="PO17" s="916" t="s">
        <v>3816</v>
      </c>
      <c r="PP17" s="916" t="s">
        <v>3816</v>
      </c>
      <c r="PQ17" s="916" t="s">
        <v>3816</v>
      </c>
      <c r="PR17" s="916" t="s">
        <v>3816</v>
      </c>
      <c r="PS17" s="916" t="s">
        <v>3816</v>
      </c>
      <c r="PT17" s="916" t="s">
        <v>3816</v>
      </c>
      <c r="PU17" s="916" t="s">
        <v>3816</v>
      </c>
      <c r="PV17" s="916" t="s">
        <v>3816</v>
      </c>
      <c r="PW17" s="916" t="s">
        <v>3816</v>
      </c>
      <c r="PX17" s="916" t="s">
        <v>3816</v>
      </c>
      <c r="PY17" s="916" t="s">
        <v>3816</v>
      </c>
      <c r="PZ17" s="916" t="s">
        <v>3816</v>
      </c>
      <c r="QA17" s="916" t="s">
        <v>3816</v>
      </c>
      <c r="QB17" s="916" t="s">
        <v>3816</v>
      </c>
      <c r="QC17" s="916" t="s">
        <v>3816</v>
      </c>
      <c r="QD17" s="916" t="s">
        <v>3816</v>
      </c>
      <c r="QE17" s="916" t="s">
        <v>3816</v>
      </c>
      <c r="QF17" s="916" t="s">
        <v>3816</v>
      </c>
      <c r="QG17" s="916" t="s">
        <v>3816</v>
      </c>
      <c r="QH17" s="916" t="s">
        <v>3816</v>
      </c>
      <c r="QI17" s="916" t="s">
        <v>3816</v>
      </c>
      <c r="QJ17" s="916" t="s">
        <v>3816</v>
      </c>
      <c r="QK17" s="916" t="s">
        <v>3816</v>
      </c>
      <c r="QL17" s="916" t="s">
        <v>3816</v>
      </c>
      <c r="QM17" s="916" t="s">
        <v>3816</v>
      </c>
      <c r="QN17" s="916" t="s">
        <v>3816</v>
      </c>
      <c r="QO17" s="916" t="s">
        <v>3816</v>
      </c>
      <c r="QP17" s="916" t="s">
        <v>3816</v>
      </c>
      <c r="QQ17" s="916" t="s">
        <v>3816</v>
      </c>
      <c r="QR17" s="916" t="s">
        <v>3816</v>
      </c>
      <c r="QS17" s="916" t="s">
        <v>3816</v>
      </c>
      <c r="QT17" s="916" t="s">
        <v>3816</v>
      </c>
      <c r="QU17" s="916" t="s">
        <v>3816</v>
      </c>
      <c r="QV17" s="916" t="s">
        <v>3816</v>
      </c>
      <c r="QW17" s="916" t="s">
        <v>3816</v>
      </c>
      <c r="QX17" s="916" t="s">
        <v>3816</v>
      </c>
      <c r="QY17" s="916" t="s">
        <v>3816</v>
      </c>
      <c r="QZ17" s="916" t="s">
        <v>3816</v>
      </c>
      <c r="RA17" s="916" t="s">
        <v>3816</v>
      </c>
      <c r="RB17" s="916" t="s">
        <v>3816</v>
      </c>
      <c r="RC17" s="916" t="s">
        <v>3816</v>
      </c>
      <c r="RD17" s="916" t="s">
        <v>3816</v>
      </c>
      <c r="RE17" s="916" t="s">
        <v>3816</v>
      </c>
      <c r="RF17" s="916" t="s">
        <v>3816</v>
      </c>
      <c r="RG17" s="916" t="s">
        <v>3816</v>
      </c>
      <c r="RH17" s="916" t="s">
        <v>3816</v>
      </c>
      <c r="RI17" s="916" t="s">
        <v>3816</v>
      </c>
      <c r="RJ17" s="916" t="s">
        <v>3816</v>
      </c>
      <c r="RK17" s="916" t="s">
        <v>3816</v>
      </c>
      <c r="RL17" s="916" t="s">
        <v>3816</v>
      </c>
      <c r="RM17" s="916" t="s">
        <v>3816</v>
      </c>
      <c r="RN17" s="916" t="s">
        <v>3816</v>
      </c>
      <c r="RO17" s="916" t="s">
        <v>3816</v>
      </c>
      <c r="RP17" s="916" t="s">
        <v>3816</v>
      </c>
      <c r="RQ17" s="916" t="s">
        <v>3816</v>
      </c>
      <c r="RR17" s="916" t="s">
        <v>3816</v>
      </c>
      <c r="RS17" s="916" t="s">
        <v>3816</v>
      </c>
      <c r="RT17" s="916" t="s">
        <v>3816</v>
      </c>
      <c r="RU17" s="916" t="s">
        <v>3816</v>
      </c>
      <c r="RV17" s="916" t="s">
        <v>3816</v>
      </c>
      <c r="RW17" s="916" t="s">
        <v>3816</v>
      </c>
      <c r="RX17" s="916" t="s">
        <v>3816</v>
      </c>
      <c r="RY17" s="916" t="s">
        <v>3816</v>
      </c>
      <c r="RZ17" s="916" t="s">
        <v>3816</v>
      </c>
      <c r="SA17" s="916" t="s">
        <v>3816</v>
      </c>
      <c r="SB17" s="916" t="s">
        <v>3816</v>
      </c>
      <c r="SC17" s="916" t="s">
        <v>3816</v>
      </c>
      <c r="SD17" s="916" t="s">
        <v>3816</v>
      </c>
      <c r="SE17" s="916" t="s">
        <v>3816</v>
      </c>
      <c r="SF17" s="916" t="s">
        <v>3816</v>
      </c>
      <c r="SG17" s="916" t="s">
        <v>3816</v>
      </c>
      <c r="SH17" s="916" t="s">
        <v>3816</v>
      </c>
      <c r="SI17" s="916" t="s">
        <v>3816</v>
      </c>
      <c r="SJ17" s="916" t="s">
        <v>3816</v>
      </c>
      <c r="SK17" s="916" t="s">
        <v>3816</v>
      </c>
      <c r="SL17" s="916" t="s">
        <v>3816</v>
      </c>
      <c r="SM17" s="916" t="s">
        <v>3816</v>
      </c>
      <c r="SN17" s="916" t="s">
        <v>3816</v>
      </c>
      <c r="SO17" s="916" t="s">
        <v>3816</v>
      </c>
      <c r="SP17" s="916" t="s">
        <v>3816</v>
      </c>
      <c r="SQ17" s="916" t="s">
        <v>3816</v>
      </c>
      <c r="SR17" s="916" t="s">
        <v>3816</v>
      </c>
      <c r="SS17" s="916" t="s">
        <v>3816</v>
      </c>
      <c r="ST17" s="916" t="s">
        <v>3816</v>
      </c>
      <c r="SU17" s="916" t="s">
        <v>3816</v>
      </c>
      <c r="SV17" s="916" t="s">
        <v>3816</v>
      </c>
      <c r="SW17" s="916" t="s">
        <v>3816</v>
      </c>
      <c r="SX17" s="916" t="s">
        <v>3816</v>
      </c>
      <c r="SY17" s="916" t="s">
        <v>3816</v>
      </c>
      <c r="SZ17" s="916" t="s">
        <v>3816</v>
      </c>
      <c r="TA17" s="916" t="s">
        <v>3816</v>
      </c>
      <c r="TB17" s="916" t="s">
        <v>3816</v>
      </c>
      <c r="TC17" s="916" t="s">
        <v>3816</v>
      </c>
      <c r="TD17" s="916" t="s">
        <v>3816</v>
      </c>
      <c r="TE17" s="916" t="s">
        <v>3816</v>
      </c>
      <c r="TF17" s="916" t="s">
        <v>3816</v>
      </c>
      <c r="TG17" s="916" t="s">
        <v>3816</v>
      </c>
      <c r="TH17" s="916" t="s">
        <v>3816</v>
      </c>
      <c r="TI17" s="916" t="s">
        <v>3816</v>
      </c>
      <c r="TJ17" s="916" t="s">
        <v>3816</v>
      </c>
      <c r="TK17" s="916" t="s">
        <v>3816</v>
      </c>
      <c r="TL17" s="916" t="s">
        <v>3816</v>
      </c>
      <c r="TM17" s="916" t="s">
        <v>3816</v>
      </c>
      <c r="TN17" s="916" t="s">
        <v>3816</v>
      </c>
      <c r="TO17" s="916" t="s">
        <v>3816</v>
      </c>
      <c r="TP17" s="916" t="s">
        <v>3816</v>
      </c>
      <c r="TQ17" s="916" t="s">
        <v>3816</v>
      </c>
      <c r="TR17" s="916" t="s">
        <v>3816</v>
      </c>
      <c r="TS17" s="916" t="s">
        <v>3816</v>
      </c>
      <c r="TT17" s="916" t="s">
        <v>3816</v>
      </c>
      <c r="TU17" s="916" t="s">
        <v>3816</v>
      </c>
      <c r="TV17" s="916" t="s">
        <v>3816</v>
      </c>
      <c r="TW17" s="916" t="s">
        <v>3816</v>
      </c>
      <c r="TX17" s="916" t="s">
        <v>3816</v>
      </c>
      <c r="TY17" s="916" t="s">
        <v>3816</v>
      </c>
      <c r="TZ17" s="916" t="s">
        <v>3816</v>
      </c>
      <c r="UA17" s="916" t="s">
        <v>3816</v>
      </c>
      <c r="UB17" s="916" t="s">
        <v>3816</v>
      </c>
      <c r="UC17" s="916" t="s">
        <v>3816</v>
      </c>
      <c r="UD17" s="916" t="s">
        <v>3816</v>
      </c>
      <c r="UE17" s="916" t="s">
        <v>3816</v>
      </c>
      <c r="UF17" s="916" t="s">
        <v>3816</v>
      </c>
      <c r="UG17" s="916" t="s">
        <v>3816</v>
      </c>
      <c r="UH17" s="916" t="s">
        <v>3816</v>
      </c>
      <c r="UI17" s="916" t="s">
        <v>3816</v>
      </c>
      <c r="UJ17" s="916" t="s">
        <v>3816</v>
      </c>
      <c r="UK17" s="916" t="s">
        <v>3816</v>
      </c>
      <c r="UL17" s="916" t="s">
        <v>3816</v>
      </c>
      <c r="UM17" s="916" t="s">
        <v>3816</v>
      </c>
      <c r="UN17" s="916" t="s">
        <v>3816</v>
      </c>
      <c r="UO17" s="916" t="s">
        <v>3816</v>
      </c>
      <c r="UP17" s="916" t="s">
        <v>3816</v>
      </c>
      <c r="UQ17" s="916" t="s">
        <v>3816</v>
      </c>
      <c r="UR17" s="916" t="s">
        <v>3816</v>
      </c>
      <c r="US17" s="916" t="s">
        <v>3816</v>
      </c>
      <c r="UT17" s="916" t="s">
        <v>3816</v>
      </c>
      <c r="UU17" s="916" t="s">
        <v>3816</v>
      </c>
      <c r="UV17" s="916" t="s">
        <v>3816</v>
      </c>
      <c r="UW17" s="916" t="s">
        <v>3816</v>
      </c>
      <c r="UX17" s="916" t="s">
        <v>3816</v>
      </c>
      <c r="UY17" s="916" t="s">
        <v>3816</v>
      </c>
      <c r="UZ17" s="916" t="s">
        <v>3816</v>
      </c>
      <c r="VA17" s="916" t="s">
        <v>3816</v>
      </c>
      <c r="VB17" s="916" t="s">
        <v>3816</v>
      </c>
      <c r="VC17" s="916" t="s">
        <v>3816</v>
      </c>
      <c r="VD17" s="916" t="s">
        <v>3816</v>
      </c>
      <c r="VE17" s="916" t="s">
        <v>3816</v>
      </c>
      <c r="VF17" s="916" t="s">
        <v>3816</v>
      </c>
      <c r="VG17" s="916" t="s">
        <v>3816</v>
      </c>
      <c r="VH17" s="916" t="s">
        <v>3816</v>
      </c>
      <c r="VI17" s="916" t="s">
        <v>3816</v>
      </c>
      <c r="VJ17" s="916" t="s">
        <v>3816</v>
      </c>
      <c r="VK17" s="916" t="s">
        <v>3816</v>
      </c>
      <c r="VL17" s="916" t="s">
        <v>3816</v>
      </c>
      <c r="VM17" s="916" t="s">
        <v>3816</v>
      </c>
      <c r="VN17" s="916" t="s">
        <v>3816</v>
      </c>
      <c r="VO17" s="916" t="s">
        <v>3816</v>
      </c>
      <c r="VP17" s="916" t="s">
        <v>3816</v>
      </c>
      <c r="VQ17" s="916" t="s">
        <v>3816</v>
      </c>
      <c r="VR17" s="916" t="s">
        <v>3816</v>
      </c>
      <c r="VS17" s="916" t="s">
        <v>3816</v>
      </c>
      <c r="VT17" s="916" t="s">
        <v>3816</v>
      </c>
      <c r="VU17" s="916" t="s">
        <v>3816</v>
      </c>
      <c r="VV17" s="916" t="s">
        <v>3816</v>
      </c>
      <c r="VW17" s="916" t="s">
        <v>3816</v>
      </c>
      <c r="VX17" s="916" t="s">
        <v>3816</v>
      </c>
      <c r="VY17" s="916" t="s">
        <v>3816</v>
      </c>
      <c r="VZ17" s="916" t="s">
        <v>3816</v>
      </c>
      <c r="WA17" s="916" t="s">
        <v>3816</v>
      </c>
      <c r="WB17" s="916" t="s">
        <v>3816</v>
      </c>
      <c r="WC17" s="916" t="s">
        <v>3816</v>
      </c>
      <c r="WD17" s="916" t="s">
        <v>3816</v>
      </c>
      <c r="WE17" s="916" t="s">
        <v>3816</v>
      </c>
      <c r="WF17" s="916" t="s">
        <v>3816</v>
      </c>
      <c r="WG17" s="916" t="s">
        <v>3816</v>
      </c>
      <c r="WH17" s="916" t="s">
        <v>3816</v>
      </c>
      <c r="WI17" s="916" t="s">
        <v>3816</v>
      </c>
      <c r="WJ17" s="916" t="s">
        <v>3816</v>
      </c>
      <c r="WK17" s="916" t="s">
        <v>3816</v>
      </c>
      <c r="WL17" s="916" t="s">
        <v>3816</v>
      </c>
      <c r="WM17" s="916" t="s">
        <v>3816</v>
      </c>
      <c r="WN17" s="916" t="s">
        <v>3816</v>
      </c>
      <c r="WO17" s="916" t="s">
        <v>3816</v>
      </c>
      <c r="WP17" s="916" t="s">
        <v>3816</v>
      </c>
      <c r="WQ17" s="916" t="s">
        <v>3816</v>
      </c>
      <c r="WR17" s="916" t="s">
        <v>3816</v>
      </c>
      <c r="WS17" s="916" t="s">
        <v>3816</v>
      </c>
      <c r="WT17" s="916" t="s">
        <v>3816</v>
      </c>
      <c r="WU17" s="916" t="s">
        <v>3816</v>
      </c>
      <c r="WV17" s="916" t="s">
        <v>3816</v>
      </c>
      <c r="WW17" s="916" t="s">
        <v>3816</v>
      </c>
      <c r="WX17" s="916" t="s">
        <v>3816</v>
      </c>
      <c r="WY17" s="916" t="s">
        <v>3816</v>
      </c>
      <c r="WZ17" s="916" t="s">
        <v>3816</v>
      </c>
      <c r="XA17" s="916" t="s">
        <v>3816</v>
      </c>
      <c r="XB17" s="916" t="s">
        <v>3816</v>
      </c>
      <c r="XC17" s="916" t="s">
        <v>3816</v>
      </c>
      <c r="XD17" s="916" t="s">
        <v>3816</v>
      </c>
      <c r="XE17" s="916" t="s">
        <v>3816</v>
      </c>
      <c r="XF17" s="916" t="s">
        <v>3816</v>
      </c>
      <c r="XG17" s="916" t="s">
        <v>3816</v>
      </c>
      <c r="XH17" s="916" t="s">
        <v>3816</v>
      </c>
      <c r="XI17" s="916" t="s">
        <v>3816</v>
      </c>
      <c r="XJ17" s="916" t="s">
        <v>3816</v>
      </c>
      <c r="XK17" s="916" t="s">
        <v>3816</v>
      </c>
      <c r="XL17" s="916" t="s">
        <v>3816</v>
      </c>
      <c r="XM17" s="916" t="s">
        <v>3816</v>
      </c>
      <c r="XN17" s="916" t="s">
        <v>3816</v>
      </c>
      <c r="XO17" s="916" t="s">
        <v>3816</v>
      </c>
      <c r="XP17" s="916" t="s">
        <v>3816</v>
      </c>
      <c r="XQ17" s="916" t="s">
        <v>3816</v>
      </c>
      <c r="XR17" s="916" t="s">
        <v>3816</v>
      </c>
      <c r="XS17" s="916" t="s">
        <v>3816</v>
      </c>
      <c r="XT17" s="916" t="s">
        <v>3816</v>
      </c>
      <c r="XU17" s="916" t="s">
        <v>3816</v>
      </c>
      <c r="XV17" s="916" t="s">
        <v>3816</v>
      </c>
      <c r="XW17" s="916" t="s">
        <v>3816</v>
      </c>
      <c r="XX17" s="916" t="s">
        <v>3816</v>
      </c>
      <c r="XY17" s="916" t="s">
        <v>3816</v>
      </c>
      <c r="XZ17" s="916" t="s">
        <v>3816</v>
      </c>
      <c r="YA17" s="916" t="s">
        <v>3816</v>
      </c>
      <c r="YB17" s="916" t="s">
        <v>3816</v>
      </c>
      <c r="YC17" s="916" t="s">
        <v>3816</v>
      </c>
      <c r="YD17" s="916" t="s">
        <v>3816</v>
      </c>
      <c r="YE17" s="916" t="s">
        <v>3816</v>
      </c>
      <c r="YF17" s="916" t="s">
        <v>3816</v>
      </c>
      <c r="YG17" s="916" t="s">
        <v>3816</v>
      </c>
      <c r="YH17" s="916" t="s">
        <v>3816</v>
      </c>
      <c r="YI17" s="916" t="s">
        <v>3816</v>
      </c>
      <c r="YJ17" s="916" t="s">
        <v>3816</v>
      </c>
      <c r="YK17" s="916" t="s">
        <v>3816</v>
      </c>
      <c r="YL17" s="916" t="s">
        <v>3816</v>
      </c>
      <c r="YM17" s="916" t="s">
        <v>3816</v>
      </c>
      <c r="YN17" s="916" t="s">
        <v>3816</v>
      </c>
      <c r="YO17" s="916" t="s">
        <v>3816</v>
      </c>
      <c r="YP17" s="916" t="s">
        <v>3816</v>
      </c>
      <c r="YQ17" s="916" t="s">
        <v>3816</v>
      </c>
      <c r="YR17" s="916" t="s">
        <v>3816</v>
      </c>
      <c r="YS17" s="916" t="s">
        <v>3816</v>
      </c>
      <c r="YT17" s="916" t="s">
        <v>3816</v>
      </c>
      <c r="YU17" s="916" t="s">
        <v>3816</v>
      </c>
      <c r="YV17" s="916" t="s">
        <v>3816</v>
      </c>
      <c r="YW17" s="916" t="s">
        <v>3816</v>
      </c>
      <c r="YX17" s="916" t="s">
        <v>3816</v>
      </c>
      <c r="YY17" s="916" t="s">
        <v>3816</v>
      </c>
      <c r="YZ17" s="916" t="s">
        <v>3816</v>
      </c>
      <c r="ZA17" s="916" t="s">
        <v>3816</v>
      </c>
      <c r="ZB17" s="916" t="s">
        <v>3816</v>
      </c>
      <c r="ZC17" s="916" t="s">
        <v>3816</v>
      </c>
      <c r="ZD17" s="916" t="s">
        <v>3816</v>
      </c>
      <c r="ZE17" s="916" t="s">
        <v>3816</v>
      </c>
      <c r="ZF17" s="916" t="s">
        <v>3816</v>
      </c>
      <c r="ZG17" s="916" t="s">
        <v>3816</v>
      </c>
      <c r="ZH17" s="916" t="s">
        <v>3816</v>
      </c>
      <c r="ZI17" s="916" t="s">
        <v>3816</v>
      </c>
      <c r="ZJ17" s="916" t="s">
        <v>3816</v>
      </c>
      <c r="ZK17" s="916" t="s">
        <v>3816</v>
      </c>
      <c r="ZL17" s="916" t="s">
        <v>3816</v>
      </c>
      <c r="ZM17" s="916" t="s">
        <v>3816</v>
      </c>
      <c r="ZN17" s="916" t="s">
        <v>3816</v>
      </c>
      <c r="ZO17" s="916" t="s">
        <v>3816</v>
      </c>
      <c r="ZP17" s="916" t="s">
        <v>3816</v>
      </c>
      <c r="ZQ17" s="916" t="s">
        <v>3816</v>
      </c>
      <c r="ZR17" s="916" t="s">
        <v>3816</v>
      </c>
      <c r="ZS17" s="916" t="s">
        <v>3816</v>
      </c>
      <c r="ZT17" s="916" t="s">
        <v>3816</v>
      </c>
      <c r="ZU17" s="916" t="s">
        <v>3816</v>
      </c>
      <c r="ZV17" s="916" t="s">
        <v>3816</v>
      </c>
      <c r="ZW17" s="916" t="s">
        <v>3816</v>
      </c>
      <c r="ZX17" s="916" t="s">
        <v>3816</v>
      </c>
      <c r="ZY17" s="916" t="s">
        <v>3816</v>
      </c>
      <c r="ZZ17" s="916" t="s">
        <v>3816</v>
      </c>
      <c r="AAA17" s="916" t="s">
        <v>3816</v>
      </c>
      <c r="AAB17" s="916" t="s">
        <v>3816</v>
      </c>
      <c r="AAC17" s="916" t="s">
        <v>3816</v>
      </c>
      <c r="AAD17" s="916" t="s">
        <v>3816</v>
      </c>
      <c r="AAE17" s="916" t="s">
        <v>3816</v>
      </c>
      <c r="AAF17" s="916" t="s">
        <v>3816</v>
      </c>
      <c r="AAG17" s="916" t="s">
        <v>3816</v>
      </c>
      <c r="AAH17" s="916" t="s">
        <v>3816</v>
      </c>
      <c r="AAI17" s="916" t="s">
        <v>3816</v>
      </c>
      <c r="AAJ17" s="916" t="s">
        <v>3816</v>
      </c>
      <c r="AAK17" s="916" t="s">
        <v>3816</v>
      </c>
      <c r="AAL17" s="916" t="s">
        <v>3816</v>
      </c>
      <c r="AAM17" s="916" t="s">
        <v>3816</v>
      </c>
      <c r="AAN17" s="916" t="s">
        <v>3816</v>
      </c>
      <c r="AAO17" s="916" t="s">
        <v>3816</v>
      </c>
      <c r="AAP17" s="916" t="s">
        <v>3816</v>
      </c>
      <c r="AAQ17" s="916" t="s">
        <v>3816</v>
      </c>
      <c r="AAR17" s="916" t="s">
        <v>3816</v>
      </c>
      <c r="AAS17" s="916" t="s">
        <v>3816</v>
      </c>
      <c r="AAT17" s="916" t="s">
        <v>3816</v>
      </c>
      <c r="AAU17" s="916" t="s">
        <v>3816</v>
      </c>
      <c r="AAV17" s="916" t="s">
        <v>3816</v>
      </c>
      <c r="AAW17" s="916" t="s">
        <v>3816</v>
      </c>
      <c r="AAX17" s="916" t="s">
        <v>3816</v>
      </c>
      <c r="AAY17" s="916" t="s">
        <v>3816</v>
      </c>
      <c r="AAZ17" s="916" t="s">
        <v>3816</v>
      </c>
      <c r="ABA17" s="916" t="s">
        <v>3816</v>
      </c>
      <c r="ABB17" s="916" t="s">
        <v>3816</v>
      </c>
      <c r="ABC17" s="916" t="s">
        <v>3816</v>
      </c>
      <c r="ABD17" s="916" t="s">
        <v>3816</v>
      </c>
      <c r="ABE17" s="916" t="s">
        <v>3816</v>
      </c>
      <c r="ABF17" s="916" t="s">
        <v>3816</v>
      </c>
      <c r="ABG17" s="916" t="s">
        <v>3816</v>
      </c>
      <c r="ABH17" s="916" t="s">
        <v>3816</v>
      </c>
      <c r="ABI17" s="916" t="s">
        <v>3816</v>
      </c>
      <c r="ABJ17" s="916" t="s">
        <v>3816</v>
      </c>
      <c r="ABK17" s="916" t="s">
        <v>3816</v>
      </c>
      <c r="ABL17" s="916" t="s">
        <v>3816</v>
      </c>
      <c r="ABM17" s="916" t="s">
        <v>3816</v>
      </c>
      <c r="ABN17" s="916" t="s">
        <v>3816</v>
      </c>
      <c r="ABO17" s="916" t="s">
        <v>3816</v>
      </c>
      <c r="ABP17" s="916" t="s">
        <v>3816</v>
      </c>
      <c r="ABQ17" s="916" t="s">
        <v>3816</v>
      </c>
      <c r="ABR17" s="916" t="s">
        <v>3816</v>
      </c>
      <c r="ABS17" s="916" t="s">
        <v>3816</v>
      </c>
      <c r="ABT17" s="916" t="s">
        <v>3816</v>
      </c>
      <c r="ABU17" s="916" t="s">
        <v>3816</v>
      </c>
      <c r="ABV17" s="916" t="s">
        <v>3816</v>
      </c>
      <c r="ABW17" s="916" t="s">
        <v>3816</v>
      </c>
      <c r="ABX17" s="916" t="s">
        <v>3816</v>
      </c>
      <c r="ABY17" s="916" t="s">
        <v>3816</v>
      </c>
      <c r="ABZ17" s="916" t="s">
        <v>3816</v>
      </c>
      <c r="ACA17" s="916" t="s">
        <v>3816</v>
      </c>
      <c r="ACB17" s="916" t="s">
        <v>3816</v>
      </c>
      <c r="ACC17" s="916" t="s">
        <v>3816</v>
      </c>
      <c r="ACD17" s="916" t="s">
        <v>3816</v>
      </c>
      <c r="ACE17" s="916" t="s">
        <v>3816</v>
      </c>
      <c r="ACF17" s="916" t="s">
        <v>3816</v>
      </c>
      <c r="ACG17" s="916" t="s">
        <v>3816</v>
      </c>
      <c r="ACH17" s="916" t="s">
        <v>3816</v>
      </c>
      <c r="ACI17" s="916" t="s">
        <v>3816</v>
      </c>
      <c r="ACJ17" s="916" t="s">
        <v>3816</v>
      </c>
      <c r="ACK17" s="916" t="s">
        <v>3816</v>
      </c>
      <c r="ACL17" s="916" t="s">
        <v>3816</v>
      </c>
      <c r="ACM17" s="916" t="s">
        <v>3816</v>
      </c>
      <c r="ACN17" s="916" t="s">
        <v>3816</v>
      </c>
      <c r="ACO17" s="916" t="s">
        <v>3816</v>
      </c>
      <c r="ACP17" s="916" t="s">
        <v>3816</v>
      </c>
      <c r="ACQ17" s="916" t="s">
        <v>3816</v>
      </c>
      <c r="ACR17" s="916" t="s">
        <v>3816</v>
      </c>
      <c r="ACS17" s="916" t="s">
        <v>3816</v>
      </c>
      <c r="ACT17" s="916" t="s">
        <v>3816</v>
      </c>
      <c r="ACU17" s="916" t="s">
        <v>3816</v>
      </c>
      <c r="ACV17" s="916" t="s">
        <v>3816</v>
      </c>
      <c r="ACW17" s="916" t="s">
        <v>3816</v>
      </c>
      <c r="ACX17" s="916" t="s">
        <v>3816</v>
      </c>
      <c r="ACY17" s="916" t="s">
        <v>3816</v>
      </c>
      <c r="ACZ17" s="916" t="s">
        <v>3816</v>
      </c>
      <c r="ADA17" s="916" t="s">
        <v>3816</v>
      </c>
      <c r="ADB17" s="916" t="s">
        <v>3816</v>
      </c>
      <c r="ADC17" s="916" t="s">
        <v>3816</v>
      </c>
      <c r="ADD17" s="916" t="s">
        <v>3816</v>
      </c>
      <c r="ADE17" s="916" t="s">
        <v>3816</v>
      </c>
      <c r="ADF17" s="916" t="s">
        <v>3816</v>
      </c>
      <c r="ADG17" s="916" t="s">
        <v>3816</v>
      </c>
      <c r="ADH17" s="916" t="s">
        <v>3816</v>
      </c>
      <c r="ADI17" s="916" t="s">
        <v>3816</v>
      </c>
      <c r="ADJ17" s="916" t="s">
        <v>3816</v>
      </c>
      <c r="ADK17" s="916" t="s">
        <v>3816</v>
      </c>
      <c r="ADL17" s="916" t="s">
        <v>3816</v>
      </c>
      <c r="ADM17" s="916" t="s">
        <v>3816</v>
      </c>
      <c r="ADN17" s="916" t="s">
        <v>3816</v>
      </c>
      <c r="ADO17" s="916" t="s">
        <v>3816</v>
      </c>
      <c r="ADP17" s="916" t="s">
        <v>3816</v>
      </c>
      <c r="ADQ17" s="916" t="s">
        <v>3816</v>
      </c>
      <c r="ADR17" s="916" t="s">
        <v>3816</v>
      </c>
      <c r="ADS17" s="916" t="s">
        <v>3816</v>
      </c>
      <c r="ADT17" s="916" t="s">
        <v>3816</v>
      </c>
      <c r="ADU17" s="916" t="s">
        <v>3816</v>
      </c>
      <c r="ADV17" s="916" t="s">
        <v>3816</v>
      </c>
      <c r="ADW17" s="916" t="s">
        <v>3816</v>
      </c>
      <c r="ADX17" s="916" t="s">
        <v>3816</v>
      </c>
      <c r="ADY17" s="916" t="s">
        <v>3816</v>
      </c>
      <c r="ADZ17" s="916" t="s">
        <v>3816</v>
      </c>
      <c r="AEA17" s="916" t="s">
        <v>3816</v>
      </c>
      <c r="AEB17" s="916" t="s">
        <v>3816</v>
      </c>
      <c r="AEC17" s="916" t="s">
        <v>3816</v>
      </c>
      <c r="AED17" s="916" t="s">
        <v>3816</v>
      </c>
      <c r="AEE17" s="916" t="s">
        <v>3816</v>
      </c>
      <c r="AEF17" s="916" t="s">
        <v>3816</v>
      </c>
      <c r="AEG17" s="916" t="s">
        <v>3816</v>
      </c>
      <c r="AEH17" s="916" t="s">
        <v>3816</v>
      </c>
      <c r="AEI17" s="916" t="s">
        <v>3816</v>
      </c>
      <c r="AEJ17" s="916" t="s">
        <v>3816</v>
      </c>
      <c r="AEK17" s="916" t="s">
        <v>3816</v>
      </c>
      <c r="AEL17" s="916" t="s">
        <v>3816</v>
      </c>
      <c r="AEM17" s="916" t="s">
        <v>3816</v>
      </c>
      <c r="AEN17" s="916" t="s">
        <v>3816</v>
      </c>
      <c r="AEO17" s="916" t="s">
        <v>3816</v>
      </c>
      <c r="AEP17" s="916" t="s">
        <v>3816</v>
      </c>
      <c r="AEQ17" s="916" t="s">
        <v>3816</v>
      </c>
      <c r="AER17" s="916" t="s">
        <v>3816</v>
      </c>
      <c r="AES17" s="916" t="s">
        <v>3816</v>
      </c>
      <c r="AET17" s="916" t="s">
        <v>3816</v>
      </c>
      <c r="AEU17" s="916" t="s">
        <v>3816</v>
      </c>
      <c r="AEV17" s="916" t="s">
        <v>3816</v>
      </c>
      <c r="AEW17" s="916" t="s">
        <v>3816</v>
      </c>
      <c r="AEX17" s="916" t="s">
        <v>3816</v>
      </c>
      <c r="AEY17" s="916" t="s">
        <v>3816</v>
      </c>
      <c r="AEZ17" s="916" t="s">
        <v>3816</v>
      </c>
      <c r="AFA17" s="916" t="s">
        <v>3816</v>
      </c>
      <c r="AFB17" s="916" t="s">
        <v>3816</v>
      </c>
      <c r="AFC17" s="916" t="s">
        <v>3816</v>
      </c>
      <c r="AFD17" s="916" t="s">
        <v>3816</v>
      </c>
      <c r="AFE17" s="916" t="s">
        <v>3816</v>
      </c>
      <c r="AFF17" s="916" t="s">
        <v>3816</v>
      </c>
      <c r="AFG17" s="916" t="s">
        <v>3816</v>
      </c>
      <c r="AFH17" s="916" t="s">
        <v>3816</v>
      </c>
      <c r="AFI17" s="916" t="s">
        <v>3816</v>
      </c>
      <c r="AFJ17" s="916" t="s">
        <v>3816</v>
      </c>
      <c r="AFK17" s="916" t="s">
        <v>3816</v>
      </c>
      <c r="AFL17" s="916" t="s">
        <v>3816</v>
      </c>
      <c r="AFM17" s="916" t="s">
        <v>3816</v>
      </c>
      <c r="AFN17" s="916" t="s">
        <v>3816</v>
      </c>
      <c r="AFO17" s="916" t="s">
        <v>3816</v>
      </c>
      <c r="AFP17" s="916" t="s">
        <v>3816</v>
      </c>
      <c r="AFQ17" s="916" t="s">
        <v>3816</v>
      </c>
      <c r="AFR17" s="916" t="s">
        <v>3816</v>
      </c>
      <c r="AFS17" s="916" t="s">
        <v>3816</v>
      </c>
      <c r="AFT17" s="916" t="s">
        <v>3816</v>
      </c>
      <c r="AFU17" s="916" t="s">
        <v>3816</v>
      </c>
      <c r="AFV17" s="916" t="s">
        <v>3816</v>
      </c>
      <c r="AFW17" s="916" t="s">
        <v>3816</v>
      </c>
      <c r="AFX17" s="916" t="s">
        <v>3816</v>
      </c>
      <c r="AFY17" s="916" t="s">
        <v>3816</v>
      </c>
      <c r="AFZ17" s="916" t="s">
        <v>3816</v>
      </c>
      <c r="AGA17" s="916" t="s">
        <v>3816</v>
      </c>
      <c r="AGB17" s="916" t="s">
        <v>3816</v>
      </c>
      <c r="AGC17" s="916" t="s">
        <v>3816</v>
      </c>
      <c r="AGD17" s="916" t="s">
        <v>3816</v>
      </c>
      <c r="AGE17" s="916" t="s">
        <v>3816</v>
      </c>
      <c r="AGF17" s="916" t="s">
        <v>3816</v>
      </c>
      <c r="AGG17" s="916" t="s">
        <v>3816</v>
      </c>
      <c r="AGH17" s="916" t="s">
        <v>3816</v>
      </c>
      <c r="AGI17" s="916" t="s">
        <v>3816</v>
      </c>
      <c r="AGJ17" s="916" t="s">
        <v>3816</v>
      </c>
      <c r="AGK17" s="916" t="s">
        <v>3816</v>
      </c>
      <c r="AGL17" s="916" t="s">
        <v>3816</v>
      </c>
      <c r="AGM17" s="916" t="s">
        <v>3816</v>
      </c>
      <c r="AGN17" s="916" t="s">
        <v>3816</v>
      </c>
      <c r="AGO17" s="916" t="s">
        <v>3816</v>
      </c>
      <c r="AGP17" s="916" t="s">
        <v>3816</v>
      </c>
      <c r="AGQ17" s="916" t="s">
        <v>3816</v>
      </c>
      <c r="AGR17" s="916" t="s">
        <v>3816</v>
      </c>
      <c r="AGS17" s="916" t="s">
        <v>3816</v>
      </c>
      <c r="AGT17" s="916" t="s">
        <v>3816</v>
      </c>
      <c r="AGU17" s="916" t="s">
        <v>3816</v>
      </c>
      <c r="AGV17" s="916" t="s">
        <v>3816</v>
      </c>
      <c r="AGW17" s="916" t="s">
        <v>3816</v>
      </c>
      <c r="AGX17" s="916" t="s">
        <v>3816</v>
      </c>
      <c r="AGY17" s="916" t="s">
        <v>3816</v>
      </c>
      <c r="AGZ17" s="916" t="s">
        <v>3816</v>
      </c>
      <c r="AHA17" s="916" t="s">
        <v>3816</v>
      </c>
      <c r="AHB17" s="916" t="s">
        <v>3816</v>
      </c>
      <c r="AHC17" s="916" t="s">
        <v>3816</v>
      </c>
      <c r="AHD17" s="916" t="s">
        <v>3816</v>
      </c>
      <c r="AHE17" s="916" t="s">
        <v>3816</v>
      </c>
      <c r="AHF17" s="916" t="s">
        <v>3816</v>
      </c>
      <c r="AHG17" s="916" t="s">
        <v>3816</v>
      </c>
      <c r="AHH17" s="916" t="s">
        <v>3816</v>
      </c>
      <c r="AHI17" s="916" t="s">
        <v>3816</v>
      </c>
      <c r="AHJ17" s="916" t="s">
        <v>3816</v>
      </c>
      <c r="AHK17" s="916" t="s">
        <v>3816</v>
      </c>
      <c r="AHL17" s="916" t="s">
        <v>3816</v>
      </c>
      <c r="AHM17" s="916" t="s">
        <v>3816</v>
      </c>
      <c r="AHN17" s="916" t="s">
        <v>3816</v>
      </c>
      <c r="AHO17" s="916" t="s">
        <v>3816</v>
      </c>
      <c r="AHP17" s="916" t="s">
        <v>3816</v>
      </c>
      <c r="AHQ17" s="916" t="s">
        <v>3816</v>
      </c>
      <c r="AHR17" s="916" t="s">
        <v>3816</v>
      </c>
      <c r="AHS17" s="916" t="s">
        <v>3816</v>
      </c>
      <c r="AHT17" s="916" t="s">
        <v>3816</v>
      </c>
      <c r="AHU17" s="916" t="s">
        <v>3816</v>
      </c>
      <c r="AHV17" s="916" t="s">
        <v>3816</v>
      </c>
      <c r="AHW17" s="916" t="s">
        <v>3816</v>
      </c>
      <c r="AHX17" s="916" t="s">
        <v>3816</v>
      </c>
      <c r="AHY17" s="916" t="s">
        <v>3816</v>
      </c>
      <c r="AHZ17" s="916" t="s">
        <v>3816</v>
      </c>
      <c r="AIA17" s="916" t="s">
        <v>3816</v>
      </c>
      <c r="AIB17" s="916" t="s">
        <v>3816</v>
      </c>
      <c r="AIC17" s="916" t="s">
        <v>3816</v>
      </c>
      <c r="AID17" s="916" t="s">
        <v>3816</v>
      </c>
      <c r="AIE17" s="916" t="s">
        <v>3816</v>
      </c>
      <c r="AIF17" s="916" t="s">
        <v>3816</v>
      </c>
      <c r="AIG17" s="916" t="s">
        <v>3816</v>
      </c>
      <c r="AIH17" s="916" t="s">
        <v>3816</v>
      </c>
      <c r="AII17" s="916" t="s">
        <v>3816</v>
      </c>
      <c r="AIJ17" s="916" t="s">
        <v>3816</v>
      </c>
      <c r="AIK17" s="916" t="s">
        <v>3816</v>
      </c>
      <c r="AIL17" s="916" t="s">
        <v>3816</v>
      </c>
      <c r="AIM17" s="916" t="s">
        <v>3816</v>
      </c>
      <c r="AIN17" s="916" t="s">
        <v>3816</v>
      </c>
      <c r="AIO17" s="916" t="s">
        <v>3816</v>
      </c>
      <c r="AIP17" s="916" t="s">
        <v>3816</v>
      </c>
      <c r="AIQ17" s="916" t="s">
        <v>3816</v>
      </c>
      <c r="AIR17" s="916" t="s">
        <v>3816</v>
      </c>
      <c r="AIS17" s="916" t="s">
        <v>3816</v>
      </c>
      <c r="AIT17" s="916" t="s">
        <v>3816</v>
      </c>
      <c r="AIU17" s="916" t="s">
        <v>3816</v>
      </c>
      <c r="AIV17" s="916" t="s">
        <v>3816</v>
      </c>
      <c r="AIW17" s="916" t="s">
        <v>3816</v>
      </c>
      <c r="AIX17" s="916" t="s">
        <v>3816</v>
      </c>
      <c r="AIY17" s="916" t="s">
        <v>3816</v>
      </c>
      <c r="AIZ17" s="916" t="s">
        <v>3816</v>
      </c>
      <c r="AJA17" s="916" t="s">
        <v>3816</v>
      </c>
      <c r="AJB17" s="916" t="s">
        <v>3816</v>
      </c>
      <c r="AJC17" s="916" t="s">
        <v>3816</v>
      </c>
      <c r="AJD17" s="916" t="s">
        <v>3816</v>
      </c>
      <c r="AJE17" s="916" t="s">
        <v>3816</v>
      </c>
      <c r="AJF17" s="916" t="s">
        <v>3816</v>
      </c>
      <c r="AJG17" s="916" t="s">
        <v>3816</v>
      </c>
      <c r="AJH17" s="916" t="s">
        <v>3816</v>
      </c>
      <c r="AJI17" s="916" t="s">
        <v>3816</v>
      </c>
      <c r="AJJ17" s="916" t="s">
        <v>3816</v>
      </c>
      <c r="AJK17" s="916" t="s">
        <v>3816</v>
      </c>
      <c r="AJL17" s="916" t="s">
        <v>3816</v>
      </c>
      <c r="AJM17" s="916" t="s">
        <v>3816</v>
      </c>
      <c r="AJN17" s="916" t="s">
        <v>3816</v>
      </c>
      <c r="AJO17" s="916" t="s">
        <v>3816</v>
      </c>
      <c r="AJP17" s="916" t="s">
        <v>3816</v>
      </c>
      <c r="AJQ17" s="916" t="s">
        <v>3816</v>
      </c>
      <c r="AJR17" s="916" t="s">
        <v>3816</v>
      </c>
      <c r="AJS17" s="916" t="s">
        <v>3816</v>
      </c>
      <c r="AJT17" s="916" t="s">
        <v>3816</v>
      </c>
      <c r="AJU17" s="916" t="s">
        <v>3816</v>
      </c>
      <c r="AJV17" s="916" t="s">
        <v>3816</v>
      </c>
      <c r="AJW17" s="916" t="s">
        <v>3816</v>
      </c>
      <c r="AJX17" s="916" t="s">
        <v>3816</v>
      </c>
      <c r="AJY17" s="916" t="s">
        <v>3816</v>
      </c>
      <c r="AJZ17" s="916" t="s">
        <v>3816</v>
      </c>
      <c r="AKA17" s="916" t="s">
        <v>3816</v>
      </c>
      <c r="AKB17" s="916" t="s">
        <v>3816</v>
      </c>
      <c r="AKC17" s="916" t="s">
        <v>3816</v>
      </c>
      <c r="AKD17" s="916" t="s">
        <v>3816</v>
      </c>
      <c r="AKE17" s="916" t="s">
        <v>3816</v>
      </c>
      <c r="AKF17" s="916" t="s">
        <v>3816</v>
      </c>
      <c r="AKG17" s="916" t="s">
        <v>3816</v>
      </c>
      <c r="AKH17" s="916" t="s">
        <v>3816</v>
      </c>
      <c r="AKI17" s="916" t="s">
        <v>3816</v>
      </c>
      <c r="AKJ17" s="916" t="s">
        <v>3816</v>
      </c>
      <c r="AKK17" s="916" t="s">
        <v>3816</v>
      </c>
      <c r="AKL17" s="916" t="s">
        <v>3816</v>
      </c>
      <c r="AKM17" s="916" t="s">
        <v>3816</v>
      </c>
      <c r="AKN17" s="916" t="s">
        <v>3816</v>
      </c>
      <c r="AKO17" s="916" t="s">
        <v>3816</v>
      </c>
      <c r="AKP17" s="916" t="s">
        <v>3816</v>
      </c>
      <c r="AKQ17" s="916" t="s">
        <v>3816</v>
      </c>
      <c r="AKR17" s="916" t="s">
        <v>3816</v>
      </c>
      <c r="AKS17" s="916" t="s">
        <v>3816</v>
      </c>
      <c r="AKT17" s="916" t="s">
        <v>3816</v>
      </c>
      <c r="AKU17" s="916" t="s">
        <v>3816</v>
      </c>
      <c r="AKV17" s="916" t="s">
        <v>3816</v>
      </c>
      <c r="AKW17" s="916" t="s">
        <v>3816</v>
      </c>
      <c r="AKX17" s="916" t="s">
        <v>3816</v>
      </c>
      <c r="AKY17" s="916" t="s">
        <v>3816</v>
      </c>
      <c r="AKZ17" s="916" t="s">
        <v>3816</v>
      </c>
      <c r="ALA17" s="916" t="s">
        <v>3816</v>
      </c>
      <c r="ALB17" s="916" t="s">
        <v>3816</v>
      </c>
      <c r="ALC17" s="916" t="s">
        <v>3816</v>
      </c>
      <c r="ALD17" s="916" t="s">
        <v>3816</v>
      </c>
      <c r="ALE17" s="916" t="s">
        <v>3816</v>
      </c>
      <c r="ALF17" s="916" t="s">
        <v>3816</v>
      </c>
      <c r="ALG17" s="916" t="s">
        <v>3816</v>
      </c>
      <c r="ALH17" s="916" t="s">
        <v>3816</v>
      </c>
      <c r="ALI17" s="916" t="s">
        <v>3816</v>
      </c>
      <c r="ALJ17" s="916" t="s">
        <v>3816</v>
      </c>
      <c r="ALK17" s="916" t="s">
        <v>3816</v>
      </c>
      <c r="ALL17" s="916" t="s">
        <v>3816</v>
      </c>
      <c r="ALM17" s="916" t="s">
        <v>3816</v>
      </c>
      <c r="ALN17" s="916" t="s">
        <v>3816</v>
      </c>
      <c r="ALO17" s="916" t="s">
        <v>3816</v>
      </c>
      <c r="ALP17" s="916" t="s">
        <v>3816</v>
      </c>
      <c r="ALQ17" s="916" t="s">
        <v>3816</v>
      </c>
      <c r="ALR17" s="916" t="s">
        <v>3816</v>
      </c>
      <c r="ALS17" s="916" t="s">
        <v>3816</v>
      </c>
      <c r="ALT17" s="916" t="s">
        <v>3816</v>
      </c>
      <c r="ALU17" s="916" t="s">
        <v>3816</v>
      </c>
      <c r="ALV17" s="916" t="s">
        <v>3816</v>
      </c>
      <c r="ALW17" s="916" t="s">
        <v>3816</v>
      </c>
      <c r="ALX17" s="916" t="s">
        <v>3816</v>
      </c>
      <c r="ALY17" s="916" t="s">
        <v>3816</v>
      </c>
      <c r="ALZ17" s="916" t="s">
        <v>3816</v>
      </c>
      <c r="AMA17" s="916" t="s">
        <v>3816</v>
      </c>
      <c r="AMB17" s="916" t="s">
        <v>3816</v>
      </c>
      <c r="AMC17" s="916" t="s">
        <v>3816</v>
      </c>
      <c r="AMD17" s="916" t="s">
        <v>3816</v>
      </c>
      <c r="AME17" s="916" t="s">
        <v>3816</v>
      </c>
      <c r="AMF17" s="916" t="s">
        <v>3816</v>
      </c>
      <c r="AMG17" s="916" t="s">
        <v>3816</v>
      </c>
      <c r="AMH17" s="916" t="s">
        <v>3816</v>
      </c>
      <c r="AMI17" s="916" t="s">
        <v>3816</v>
      </c>
      <c r="AMJ17" s="916" t="s">
        <v>3816</v>
      </c>
      <c r="AMK17" s="916" t="s">
        <v>3816</v>
      </c>
      <c r="AML17" s="916" t="s">
        <v>3816</v>
      </c>
      <c r="AMM17" s="916" t="s">
        <v>3816</v>
      </c>
      <c r="AMN17" s="916" t="s">
        <v>3816</v>
      </c>
      <c r="AMO17" s="916" t="s">
        <v>3816</v>
      </c>
      <c r="AMP17" s="916" t="s">
        <v>3816</v>
      </c>
      <c r="AMQ17" s="916" t="s">
        <v>3816</v>
      </c>
      <c r="AMR17" s="916" t="s">
        <v>3816</v>
      </c>
      <c r="AMS17" s="916" t="s">
        <v>3816</v>
      </c>
      <c r="AMT17" s="916" t="s">
        <v>3816</v>
      </c>
      <c r="AMU17" s="916" t="s">
        <v>3816</v>
      </c>
      <c r="AMV17" s="916" t="s">
        <v>3816</v>
      </c>
      <c r="AMW17" s="916" t="s">
        <v>3816</v>
      </c>
      <c r="AMX17" s="916" t="s">
        <v>3816</v>
      </c>
      <c r="AMY17" s="916" t="s">
        <v>3816</v>
      </c>
      <c r="AMZ17" s="916" t="s">
        <v>3816</v>
      </c>
      <c r="ANA17" s="916" t="s">
        <v>3816</v>
      </c>
      <c r="ANB17" s="916" t="s">
        <v>3816</v>
      </c>
      <c r="ANC17" s="916" t="s">
        <v>3816</v>
      </c>
      <c r="AND17" s="916" t="s">
        <v>3816</v>
      </c>
      <c r="ANE17" s="916" t="s">
        <v>3816</v>
      </c>
      <c r="ANF17" s="916" t="s">
        <v>3816</v>
      </c>
      <c r="ANG17" s="916" t="s">
        <v>3816</v>
      </c>
      <c r="ANH17" s="916" t="s">
        <v>3816</v>
      </c>
      <c r="ANI17" s="916" t="s">
        <v>3816</v>
      </c>
      <c r="ANJ17" s="916" t="s">
        <v>3816</v>
      </c>
      <c r="ANK17" s="916" t="s">
        <v>3816</v>
      </c>
      <c r="ANL17" s="916" t="s">
        <v>3816</v>
      </c>
      <c r="ANM17" s="916" t="s">
        <v>3816</v>
      </c>
      <c r="ANN17" s="916" t="s">
        <v>3816</v>
      </c>
      <c r="ANO17" s="916" t="s">
        <v>3816</v>
      </c>
      <c r="ANP17" s="916" t="s">
        <v>3816</v>
      </c>
      <c r="ANQ17" s="916" t="s">
        <v>3816</v>
      </c>
      <c r="ANR17" s="916" t="s">
        <v>3816</v>
      </c>
      <c r="ANS17" s="916" t="s">
        <v>3816</v>
      </c>
      <c r="ANT17" s="916" t="s">
        <v>3816</v>
      </c>
      <c r="ANU17" s="916" t="s">
        <v>3816</v>
      </c>
      <c r="ANV17" s="916" t="s">
        <v>3816</v>
      </c>
      <c r="ANW17" s="916" t="s">
        <v>3816</v>
      </c>
      <c r="ANX17" s="916" t="s">
        <v>3816</v>
      </c>
      <c r="ANY17" s="916" t="s">
        <v>3816</v>
      </c>
      <c r="ANZ17" s="916" t="s">
        <v>3816</v>
      </c>
      <c r="AOA17" s="916" t="s">
        <v>3816</v>
      </c>
      <c r="AOB17" s="916" t="s">
        <v>3816</v>
      </c>
      <c r="AOC17" s="916" t="s">
        <v>3816</v>
      </c>
      <c r="AOD17" s="916" t="s">
        <v>3816</v>
      </c>
      <c r="AOE17" s="916" t="s">
        <v>3816</v>
      </c>
      <c r="AOF17" s="916" t="s">
        <v>3816</v>
      </c>
      <c r="AOG17" s="916" t="s">
        <v>3816</v>
      </c>
      <c r="AOH17" s="916" t="s">
        <v>3816</v>
      </c>
      <c r="AOI17" s="916" t="s">
        <v>3816</v>
      </c>
      <c r="AOJ17" s="916" t="s">
        <v>3816</v>
      </c>
      <c r="AOK17" s="916" t="s">
        <v>3816</v>
      </c>
      <c r="AOL17" s="916" t="s">
        <v>3816</v>
      </c>
      <c r="AOM17" s="916" t="s">
        <v>3816</v>
      </c>
      <c r="AON17" s="916" t="s">
        <v>3816</v>
      </c>
      <c r="AOO17" s="916" t="s">
        <v>3816</v>
      </c>
      <c r="AOP17" s="916" t="s">
        <v>3816</v>
      </c>
      <c r="AOQ17" s="916" t="s">
        <v>3816</v>
      </c>
      <c r="AOR17" s="916" t="s">
        <v>3816</v>
      </c>
      <c r="AOS17" s="916" t="s">
        <v>3816</v>
      </c>
      <c r="AOT17" s="916" t="s">
        <v>3816</v>
      </c>
      <c r="AOU17" s="916" t="s">
        <v>3816</v>
      </c>
      <c r="AOV17" s="916" t="s">
        <v>3816</v>
      </c>
      <c r="AOW17" s="916" t="s">
        <v>3816</v>
      </c>
      <c r="AOX17" s="916" t="s">
        <v>3816</v>
      </c>
      <c r="AOY17" s="916" t="s">
        <v>3816</v>
      </c>
      <c r="AOZ17" s="916" t="s">
        <v>3816</v>
      </c>
      <c r="APA17" s="916" t="s">
        <v>3816</v>
      </c>
      <c r="APB17" s="916" t="s">
        <v>3816</v>
      </c>
      <c r="APC17" s="916" t="s">
        <v>3816</v>
      </c>
      <c r="APD17" s="916" t="s">
        <v>3816</v>
      </c>
      <c r="APE17" s="916" t="s">
        <v>3816</v>
      </c>
      <c r="APF17" s="916" t="s">
        <v>3816</v>
      </c>
      <c r="APG17" s="916" t="s">
        <v>3816</v>
      </c>
      <c r="APH17" s="916" t="s">
        <v>3816</v>
      </c>
      <c r="API17" s="916" t="s">
        <v>3816</v>
      </c>
      <c r="APJ17" s="916" t="s">
        <v>3816</v>
      </c>
      <c r="APK17" s="916" t="s">
        <v>3816</v>
      </c>
      <c r="APL17" s="916" t="s">
        <v>3816</v>
      </c>
      <c r="APM17" s="916" t="s">
        <v>3816</v>
      </c>
      <c r="APN17" s="916" t="s">
        <v>3816</v>
      </c>
      <c r="APO17" s="916" t="s">
        <v>3816</v>
      </c>
      <c r="APP17" s="916" t="s">
        <v>3816</v>
      </c>
      <c r="APQ17" s="916" t="s">
        <v>3816</v>
      </c>
      <c r="APR17" s="916" t="s">
        <v>3816</v>
      </c>
      <c r="APS17" s="916" t="s">
        <v>3816</v>
      </c>
      <c r="APT17" s="916" t="s">
        <v>3816</v>
      </c>
      <c r="APU17" s="916" t="s">
        <v>3816</v>
      </c>
      <c r="APV17" s="916" t="s">
        <v>3816</v>
      </c>
      <c r="APW17" s="916" t="s">
        <v>3816</v>
      </c>
      <c r="APX17" s="916" t="s">
        <v>3816</v>
      </c>
      <c r="APY17" s="916" t="s">
        <v>3816</v>
      </c>
      <c r="APZ17" s="916" t="s">
        <v>3816</v>
      </c>
      <c r="AQA17" s="916" t="s">
        <v>3816</v>
      </c>
      <c r="AQB17" s="916" t="s">
        <v>3816</v>
      </c>
      <c r="AQC17" s="916" t="s">
        <v>3816</v>
      </c>
      <c r="AQD17" s="916" t="s">
        <v>3816</v>
      </c>
      <c r="AQE17" s="916" t="s">
        <v>3816</v>
      </c>
      <c r="AQF17" s="916" t="s">
        <v>3816</v>
      </c>
      <c r="AQG17" s="916" t="s">
        <v>3816</v>
      </c>
      <c r="AQH17" s="916" t="s">
        <v>3816</v>
      </c>
      <c r="AQI17" s="916" t="s">
        <v>3816</v>
      </c>
      <c r="AQJ17" s="916" t="s">
        <v>3816</v>
      </c>
      <c r="AQK17" s="916" t="s">
        <v>3816</v>
      </c>
      <c r="AQL17" s="916" t="s">
        <v>3816</v>
      </c>
      <c r="AQM17" s="916" t="s">
        <v>3816</v>
      </c>
      <c r="AQN17" s="916" t="s">
        <v>3816</v>
      </c>
      <c r="AQO17" s="916" t="s">
        <v>3816</v>
      </c>
      <c r="AQP17" s="916" t="s">
        <v>3816</v>
      </c>
      <c r="AQQ17" s="916" t="s">
        <v>3816</v>
      </c>
      <c r="AQR17" s="916" t="s">
        <v>3816</v>
      </c>
      <c r="AQS17" s="916" t="s">
        <v>3816</v>
      </c>
      <c r="AQT17" s="916" t="s">
        <v>3816</v>
      </c>
      <c r="AQU17" s="916" t="s">
        <v>3816</v>
      </c>
      <c r="AQV17" s="916" t="s">
        <v>3816</v>
      </c>
      <c r="AQW17" s="916" t="s">
        <v>3816</v>
      </c>
      <c r="AQX17" s="916" t="s">
        <v>3816</v>
      </c>
      <c r="AQY17" s="916" t="s">
        <v>3816</v>
      </c>
      <c r="AQZ17" s="916" t="s">
        <v>3816</v>
      </c>
      <c r="ARA17" s="916" t="s">
        <v>3816</v>
      </c>
      <c r="ARB17" s="916" t="s">
        <v>3816</v>
      </c>
      <c r="ARC17" s="916" t="s">
        <v>3816</v>
      </c>
      <c r="ARD17" s="916" t="s">
        <v>3816</v>
      </c>
      <c r="ARE17" s="916" t="s">
        <v>3816</v>
      </c>
      <c r="ARF17" s="916" t="s">
        <v>3816</v>
      </c>
      <c r="ARG17" s="916" t="s">
        <v>3816</v>
      </c>
      <c r="ARH17" s="916" t="s">
        <v>3816</v>
      </c>
      <c r="ARI17" s="916" t="s">
        <v>3816</v>
      </c>
      <c r="ARJ17" s="916" t="s">
        <v>3816</v>
      </c>
      <c r="ARK17" s="916" t="s">
        <v>3816</v>
      </c>
      <c r="ARL17" s="916" t="s">
        <v>3816</v>
      </c>
      <c r="ARM17" s="916" t="s">
        <v>3816</v>
      </c>
      <c r="ARN17" s="916" t="s">
        <v>3816</v>
      </c>
      <c r="ARO17" s="916" t="s">
        <v>3816</v>
      </c>
      <c r="ARP17" s="916" t="s">
        <v>3816</v>
      </c>
      <c r="ARQ17" s="916" t="s">
        <v>3816</v>
      </c>
      <c r="ARR17" s="916" t="s">
        <v>3816</v>
      </c>
      <c r="ARS17" s="916" t="s">
        <v>3816</v>
      </c>
      <c r="ART17" s="916" t="s">
        <v>3816</v>
      </c>
      <c r="ARU17" s="916" t="s">
        <v>3816</v>
      </c>
      <c r="ARV17" s="916" t="s">
        <v>3816</v>
      </c>
      <c r="ARW17" s="916" t="s">
        <v>3816</v>
      </c>
      <c r="ARX17" s="916" t="s">
        <v>3816</v>
      </c>
      <c r="ARY17" s="916" t="s">
        <v>3816</v>
      </c>
      <c r="ARZ17" s="916" t="s">
        <v>3816</v>
      </c>
      <c r="ASA17" s="916" t="s">
        <v>3816</v>
      </c>
      <c r="ASB17" s="916" t="s">
        <v>3816</v>
      </c>
      <c r="ASC17" s="916" t="s">
        <v>3816</v>
      </c>
      <c r="ASD17" s="916" t="s">
        <v>3816</v>
      </c>
      <c r="ASE17" s="916" t="s">
        <v>3816</v>
      </c>
      <c r="ASF17" s="916" t="s">
        <v>3816</v>
      </c>
      <c r="ASG17" s="916" t="s">
        <v>3816</v>
      </c>
      <c r="ASH17" s="916" t="s">
        <v>3816</v>
      </c>
      <c r="ASI17" s="916" t="s">
        <v>3816</v>
      </c>
      <c r="ASJ17" s="916" t="s">
        <v>3816</v>
      </c>
      <c r="ASK17" s="916" t="s">
        <v>3816</v>
      </c>
      <c r="ASL17" s="916" t="s">
        <v>3816</v>
      </c>
      <c r="ASM17" s="916" t="s">
        <v>3816</v>
      </c>
      <c r="ASN17" s="916" t="s">
        <v>3816</v>
      </c>
      <c r="ASO17" s="916" t="s">
        <v>3816</v>
      </c>
      <c r="ASP17" s="916" t="s">
        <v>3816</v>
      </c>
      <c r="ASQ17" s="916" t="s">
        <v>3816</v>
      </c>
      <c r="ASR17" s="916" t="s">
        <v>3816</v>
      </c>
      <c r="ASS17" s="916" t="s">
        <v>3816</v>
      </c>
      <c r="AST17" s="916" t="s">
        <v>3816</v>
      </c>
      <c r="ASU17" s="916" t="s">
        <v>3816</v>
      </c>
      <c r="ASV17" s="916" t="s">
        <v>3816</v>
      </c>
      <c r="ASW17" s="916" t="s">
        <v>3816</v>
      </c>
      <c r="ASX17" s="916" t="s">
        <v>3816</v>
      </c>
      <c r="ASY17" s="916" t="s">
        <v>3816</v>
      </c>
      <c r="ASZ17" s="916" t="s">
        <v>3816</v>
      </c>
      <c r="ATA17" s="916" t="s">
        <v>3816</v>
      </c>
      <c r="ATB17" s="916" t="s">
        <v>3816</v>
      </c>
      <c r="ATC17" s="916" t="s">
        <v>3816</v>
      </c>
      <c r="ATD17" s="916" t="s">
        <v>3816</v>
      </c>
      <c r="ATE17" s="916" t="s">
        <v>3816</v>
      </c>
      <c r="ATF17" s="916" t="s">
        <v>3816</v>
      </c>
      <c r="ATG17" s="916" t="s">
        <v>3816</v>
      </c>
      <c r="ATH17" s="916" t="s">
        <v>3816</v>
      </c>
      <c r="ATI17" s="916" t="s">
        <v>3816</v>
      </c>
      <c r="ATJ17" s="916" t="s">
        <v>3816</v>
      </c>
      <c r="ATK17" s="916" t="s">
        <v>3816</v>
      </c>
      <c r="ATL17" s="916" t="s">
        <v>3816</v>
      </c>
      <c r="ATM17" s="916" t="s">
        <v>3816</v>
      </c>
      <c r="ATN17" s="916" t="s">
        <v>3816</v>
      </c>
      <c r="ATO17" s="916" t="s">
        <v>3816</v>
      </c>
      <c r="ATP17" s="916" t="s">
        <v>3816</v>
      </c>
      <c r="ATQ17" s="916" t="s">
        <v>3816</v>
      </c>
      <c r="ATR17" s="916" t="s">
        <v>3816</v>
      </c>
      <c r="ATS17" s="916" t="s">
        <v>3816</v>
      </c>
      <c r="ATT17" s="916" t="s">
        <v>3816</v>
      </c>
      <c r="ATU17" s="916" t="s">
        <v>3816</v>
      </c>
      <c r="ATV17" s="916" t="s">
        <v>3816</v>
      </c>
      <c r="ATW17" s="916" t="s">
        <v>3816</v>
      </c>
      <c r="ATX17" s="916" t="s">
        <v>3816</v>
      </c>
      <c r="ATY17" s="916" t="s">
        <v>3816</v>
      </c>
      <c r="ATZ17" s="916" t="s">
        <v>3816</v>
      </c>
      <c r="AUA17" s="916" t="s">
        <v>3816</v>
      </c>
      <c r="AUB17" s="916" t="s">
        <v>3816</v>
      </c>
      <c r="AUC17" s="916" t="s">
        <v>3816</v>
      </c>
      <c r="AUD17" s="916" t="s">
        <v>3816</v>
      </c>
      <c r="AUE17" s="916" t="s">
        <v>3816</v>
      </c>
      <c r="AUF17" s="916" t="s">
        <v>3816</v>
      </c>
      <c r="AUG17" s="916" t="s">
        <v>3816</v>
      </c>
      <c r="AUH17" s="916" t="s">
        <v>3816</v>
      </c>
      <c r="AUI17" s="916" t="s">
        <v>3816</v>
      </c>
      <c r="AUJ17" s="916" t="s">
        <v>3816</v>
      </c>
      <c r="AUK17" s="916" t="s">
        <v>3816</v>
      </c>
      <c r="AUL17" s="916" t="s">
        <v>3816</v>
      </c>
      <c r="AUM17" s="916" t="s">
        <v>3816</v>
      </c>
      <c r="AUN17" s="916" t="s">
        <v>3816</v>
      </c>
      <c r="AUO17" s="916" t="s">
        <v>3816</v>
      </c>
      <c r="AUP17" s="916" t="s">
        <v>3816</v>
      </c>
      <c r="AUQ17" s="916" t="s">
        <v>3816</v>
      </c>
      <c r="AUR17" s="916" t="s">
        <v>3816</v>
      </c>
      <c r="AUS17" s="916" t="s">
        <v>3816</v>
      </c>
      <c r="AUT17" s="916" t="s">
        <v>3816</v>
      </c>
      <c r="AUU17" s="916" t="s">
        <v>3816</v>
      </c>
      <c r="AUV17" s="916" t="s">
        <v>3816</v>
      </c>
      <c r="AUW17" s="916" t="s">
        <v>3816</v>
      </c>
      <c r="AUX17" s="916" t="s">
        <v>3816</v>
      </c>
      <c r="AUY17" s="916" t="s">
        <v>3816</v>
      </c>
      <c r="AUZ17" s="916" t="s">
        <v>3816</v>
      </c>
      <c r="AVA17" s="916" t="s">
        <v>3816</v>
      </c>
      <c r="AVB17" s="916" t="s">
        <v>3816</v>
      </c>
      <c r="AVC17" s="916" t="s">
        <v>3816</v>
      </c>
      <c r="AVD17" s="916" t="s">
        <v>3816</v>
      </c>
      <c r="AVE17" s="916" t="s">
        <v>3816</v>
      </c>
      <c r="AVF17" s="916" t="s">
        <v>3816</v>
      </c>
      <c r="AVG17" s="916" t="s">
        <v>3816</v>
      </c>
      <c r="AVH17" s="916" t="s">
        <v>3816</v>
      </c>
      <c r="AVI17" s="916" t="s">
        <v>3816</v>
      </c>
      <c r="AVJ17" s="916" t="s">
        <v>3816</v>
      </c>
      <c r="AVK17" s="916" t="s">
        <v>3816</v>
      </c>
      <c r="AVL17" s="916" t="s">
        <v>3816</v>
      </c>
      <c r="AVM17" s="916" t="s">
        <v>3816</v>
      </c>
      <c r="AVN17" s="916" t="s">
        <v>3816</v>
      </c>
      <c r="AVO17" s="916" t="s">
        <v>3816</v>
      </c>
      <c r="AVP17" s="916" t="s">
        <v>3816</v>
      </c>
      <c r="AVQ17" s="916" t="s">
        <v>3816</v>
      </c>
      <c r="AVR17" s="916" t="s">
        <v>3816</v>
      </c>
      <c r="AVS17" s="916" t="s">
        <v>3816</v>
      </c>
      <c r="AVT17" s="916" t="s">
        <v>3816</v>
      </c>
      <c r="AVU17" s="916" t="s">
        <v>3816</v>
      </c>
      <c r="AVV17" s="916" t="s">
        <v>3816</v>
      </c>
      <c r="AVW17" s="916" t="s">
        <v>3816</v>
      </c>
      <c r="AVX17" s="916" t="s">
        <v>3816</v>
      </c>
      <c r="AVY17" s="916" t="s">
        <v>3816</v>
      </c>
      <c r="AVZ17" s="916" t="s">
        <v>3816</v>
      </c>
      <c r="AWA17" s="916" t="s">
        <v>3816</v>
      </c>
      <c r="AWB17" s="916" t="s">
        <v>3816</v>
      </c>
      <c r="AWC17" s="916" t="s">
        <v>3816</v>
      </c>
      <c r="AWD17" s="916" t="s">
        <v>3816</v>
      </c>
      <c r="AWE17" s="916" t="s">
        <v>3816</v>
      </c>
      <c r="AWF17" s="916" t="s">
        <v>3816</v>
      </c>
      <c r="AWG17" s="916" t="s">
        <v>3816</v>
      </c>
      <c r="AWH17" s="916" t="s">
        <v>3816</v>
      </c>
      <c r="AWI17" s="916" t="s">
        <v>3816</v>
      </c>
      <c r="AWJ17" s="916" t="s">
        <v>3816</v>
      </c>
      <c r="AWK17" s="916" t="s">
        <v>3816</v>
      </c>
      <c r="AWL17" s="916" t="s">
        <v>3816</v>
      </c>
      <c r="AWM17" s="916" t="s">
        <v>3816</v>
      </c>
      <c r="AWN17" s="916" t="s">
        <v>3816</v>
      </c>
      <c r="AWO17" s="916" t="s">
        <v>3816</v>
      </c>
      <c r="AWP17" s="916" t="s">
        <v>3816</v>
      </c>
      <c r="AWQ17" s="916" t="s">
        <v>3816</v>
      </c>
      <c r="AWR17" s="916" t="s">
        <v>3816</v>
      </c>
      <c r="AWS17" s="916" t="s">
        <v>3816</v>
      </c>
      <c r="AWT17" s="916" t="s">
        <v>3816</v>
      </c>
      <c r="AWU17" s="916" t="s">
        <v>3816</v>
      </c>
      <c r="AWV17" s="916" t="s">
        <v>3816</v>
      </c>
      <c r="AWW17" s="916" t="s">
        <v>3816</v>
      </c>
      <c r="AWX17" s="916" t="s">
        <v>3816</v>
      </c>
      <c r="AWY17" s="916" t="s">
        <v>3816</v>
      </c>
      <c r="AWZ17" s="916" t="s">
        <v>3816</v>
      </c>
      <c r="AXA17" s="916" t="s">
        <v>3816</v>
      </c>
      <c r="AXB17" s="916" t="s">
        <v>3816</v>
      </c>
      <c r="AXC17" s="916" t="s">
        <v>3816</v>
      </c>
      <c r="AXD17" s="916" t="s">
        <v>3816</v>
      </c>
      <c r="AXE17" s="916" t="s">
        <v>3816</v>
      </c>
      <c r="AXF17" s="916" t="s">
        <v>3816</v>
      </c>
      <c r="AXG17" s="916" t="s">
        <v>3816</v>
      </c>
      <c r="AXH17" s="916" t="s">
        <v>3816</v>
      </c>
      <c r="AXI17" s="916" t="s">
        <v>3816</v>
      </c>
      <c r="AXJ17" s="916" t="s">
        <v>3816</v>
      </c>
      <c r="AXK17" s="916" t="s">
        <v>3816</v>
      </c>
      <c r="AXL17" s="916" t="s">
        <v>3816</v>
      </c>
      <c r="AXM17" s="916" t="s">
        <v>3816</v>
      </c>
      <c r="AXN17" s="916" t="s">
        <v>3816</v>
      </c>
      <c r="AXO17" s="916" t="s">
        <v>3816</v>
      </c>
      <c r="AXP17" s="916" t="s">
        <v>3816</v>
      </c>
      <c r="AXQ17" s="916" t="s">
        <v>3816</v>
      </c>
      <c r="AXR17" s="916" t="s">
        <v>3816</v>
      </c>
      <c r="AXS17" s="916" t="s">
        <v>3816</v>
      </c>
      <c r="AXT17" s="916" t="s">
        <v>3816</v>
      </c>
      <c r="AXU17" s="916" t="s">
        <v>3816</v>
      </c>
      <c r="AXV17" s="916" t="s">
        <v>3816</v>
      </c>
      <c r="AXW17" s="916" t="s">
        <v>3816</v>
      </c>
      <c r="AXX17" s="916" t="s">
        <v>3816</v>
      </c>
      <c r="AXY17" s="916" t="s">
        <v>3816</v>
      </c>
      <c r="AXZ17" s="916" t="s">
        <v>3816</v>
      </c>
      <c r="AYA17" s="916" t="s">
        <v>3816</v>
      </c>
      <c r="AYB17" s="916" t="s">
        <v>3816</v>
      </c>
      <c r="AYC17" s="916" t="s">
        <v>3816</v>
      </c>
      <c r="AYD17" s="916" t="s">
        <v>3816</v>
      </c>
      <c r="AYE17" s="916" t="s">
        <v>3816</v>
      </c>
      <c r="AYF17" s="916" t="s">
        <v>3816</v>
      </c>
      <c r="AYG17" s="916" t="s">
        <v>3816</v>
      </c>
      <c r="AYH17" s="916" t="s">
        <v>3816</v>
      </c>
      <c r="AYI17" s="916" t="s">
        <v>3816</v>
      </c>
      <c r="AYJ17" s="916" t="s">
        <v>3816</v>
      </c>
      <c r="AYK17" s="916" t="s">
        <v>3816</v>
      </c>
      <c r="AYL17" s="916" t="s">
        <v>3816</v>
      </c>
      <c r="AYM17" s="916" t="s">
        <v>3816</v>
      </c>
      <c r="AYN17" s="916" t="s">
        <v>3816</v>
      </c>
      <c r="AYO17" s="916" t="s">
        <v>3816</v>
      </c>
      <c r="AYP17" s="916" t="s">
        <v>3816</v>
      </c>
      <c r="AYQ17" s="916" t="s">
        <v>3816</v>
      </c>
      <c r="AYR17" s="916" t="s">
        <v>3816</v>
      </c>
      <c r="AYS17" s="916" t="s">
        <v>3816</v>
      </c>
      <c r="AYT17" s="916" t="s">
        <v>3816</v>
      </c>
      <c r="AYU17" s="916" t="s">
        <v>3816</v>
      </c>
      <c r="AYV17" s="916" t="s">
        <v>3816</v>
      </c>
      <c r="AYW17" s="916" t="s">
        <v>3816</v>
      </c>
      <c r="AYX17" s="916" t="s">
        <v>3816</v>
      </c>
      <c r="AYY17" s="916" t="s">
        <v>3816</v>
      </c>
      <c r="AYZ17" s="916" t="s">
        <v>3816</v>
      </c>
      <c r="AZA17" s="916" t="s">
        <v>3816</v>
      </c>
      <c r="AZB17" s="916" t="s">
        <v>3816</v>
      </c>
      <c r="AZC17" s="916" t="s">
        <v>3816</v>
      </c>
      <c r="AZD17" s="916" t="s">
        <v>3816</v>
      </c>
      <c r="AZE17" s="916" t="s">
        <v>3816</v>
      </c>
      <c r="AZF17" s="916" t="s">
        <v>3816</v>
      </c>
      <c r="AZG17" s="916" t="s">
        <v>3816</v>
      </c>
      <c r="AZH17" s="916" t="s">
        <v>3816</v>
      </c>
      <c r="AZI17" s="916" t="s">
        <v>3816</v>
      </c>
      <c r="AZJ17" s="916" t="s">
        <v>3816</v>
      </c>
      <c r="AZK17" s="916" t="s">
        <v>3816</v>
      </c>
      <c r="AZL17" s="916" t="s">
        <v>3816</v>
      </c>
      <c r="AZM17" s="916" t="s">
        <v>3816</v>
      </c>
      <c r="AZN17" s="916" t="s">
        <v>3816</v>
      </c>
      <c r="AZO17" s="916" t="s">
        <v>3816</v>
      </c>
      <c r="AZP17" s="916" t="s">
        <v>3816</v>
      </c>
      <c r="AZQ17" s="916" t="s">
        <v>3816</v>
      </c>
      <c r="AZR17" s="916" t="s">
        <v>3816</v>
      </c>
      <c r="AZS17" s="916" t="s">
        <v>3816</v>
      </c>
      <c r="AZT17" s="916" t="s">
        <v>3816</v>
      </c>
      <c r="AZU17" s="916" t="s">
        <v>3816</v>
      </c>
      <c r="AZV17" s="916" t="s">
        <v>3816</v>
      </c>
      <c r="AZW17" s="916" t="s">
        <v>3816</v>
      </c>
      <c r="AZX17" s="916" t="s">
        <v>3816</v>
      </c>
      <c r="AZY17" s="916" t="s">
        <v>3816</v>
      </c>
      <c r="AZZ17" s="916" t="s">
        <v>3816</v>
      </c>
      <c r="BAA17" s="916" t="s">
        <v>3816</v>
      </c>
      <c r="BAB17" s="916" t="s">
        <v>3816</v>
      </c>
      <c r="BAC17" s="916" t="s">
        <v>3816</v>
      </c>
      <c r="BAD17" s="916" t="s">
        <v>3816</v>
      </c>
      <c r="BAE17" s="916" t="s">
        <v>3816</v>
      </c>
      <c r="BAF17" s="916" t="s">
        <v>3816</v>
      </c>
      <c r="BAG17" s="916" t="s">
        <v>3816</v>
      </c>
      <c r="BAH17" s="916" t="s">
        <v>3816</v>
      </c>
      <c r="BAI17" s="916" t="s">
        <v>3816</v>
      </c>
      <c r="BAJ17" s="916" t="s">
        <v>3816</v>
      </c>
      <c r="BAK17" s="916" t="s">
        <v>3816</v>
      </c>
      <c r="BAL17" s="916" t="s">
        <v>3816</v>
      </c>
      <c r="BAM17" s="916" t="s">
        <v>3816</v>
      </c>
      <c r="BAN17" s="916" t="s">
        <v>3816</v>
      </c>
      <c r="BAO17" s="916" t="s">
        <v>3816</v>
      </c>
      <c r="BAP17" s="916" t="s">
        <v>3816</v>
      </c>
      <c r="BAQ17" s="916" t="s">
        <v>3816</v>
      </c>
      <c r="BAR17" s="916" t="s">
        <v>3816</v>
      </c>
      <c r="BAS17" s="916" t="s">
        <v>3816</v>
      </c>
      <c r="BAT17" s="916" t="s">
        <v>3816</v>
      </c>
      <c r="BAU17" s="916" t="s">
        <v>3816</v>
      </c>
      <c r="BAV17" s="916" t="s">
        <v>3816</v>
      </c>
      <c r="BAW17" s="916" t="s">
        <v>3816</v>
      </c>
      <c r="BAX17" s="916" t="s">
        <v>3816</v>
      </c>
      <c r="BAY17" s="916" t="s">
        <v>3816</v>
      </c>
      <c r="BAZ17" s="916" t="s">
        <v>3816</v>
      </c>
      <c r="BBA17" s="916" t="s">
        <v>3816</v>
      </c>
      <c r="BBB17" s="916" t="s">
        <v>3816</v>
      </c>
      <c r="BBC17" s="916" t="s">
        <v>3816</v>
      </c>
      <c r="BBD17" s="916" t="s">
        <v>3816</v>
      </c>
      <c r="BBE17" s="916" t="s">
        <v>3816</v>
      </c>
      <c r="BBF17" s="916" t="s">
        <v>3816</v>
      </c>
      <c r="BBG17" s="916" t="s">
        <v>3816</v>
      </c>
      <c r="BBH17" s="916" t="s">
        <v>3816</v>
      </c>
      <c r="BBI17" s="916" t="s">
        <v>3816</v>
      </c>
      <c r="BBJ17" s="916" t="s">
        <v>3816</v>
      </c>
      <c r="BBK17" s="916" t="s">
        <v>3816</v>
      </c>
      <c r="BBL17" s="916" t="s">
        <v>3816</v>
      </c>
      <c r="BBM17" s="916" t="s">
        <v>3816</v>
      </c>
      <c r="BBN17" s="916" t="s">
        <v>3816</v>
      </c>
      <c r="BBO17" s="916" t="s">
        <v>3816</v>
      </c>
      <c r="BBP17" s="916" t="s">
        <v>3816</v>
      </c>
      <c r="BBQ17" s="916" t="s">
        <v>3816</v>
      </c>
      <c r="BBR17" s="916" t="s">
        <v>3816</v>
      </c>
      <c r="BBS17" s="916" t="s">
        <v>3816</v>
      </c>
      <c r="BBT17" s="916" t="s">
        <v>3816</v>
      </c>
      <c r="BBU17" s="916" t="s">
        <v>3816</v>
      </c>
      <c r="BBV17" s="916" t="s">
        <v>3816</v>
      </c>
      <c r="BBW17" s="916" t="s">
        <v>3816</v>
      </c>
      <c r="BBX17" s="916" t="s">
        <v>3816</v>
      </c>
      <c r="BBY17" s="916" t="s">
        <v>3816</v>
      </c>
      <c r="BBZ17" s="916" t="s">
        <v>3816</v>
      </c>
      <c r="BCA17" s="916" t="s">
        <v>3816</v>
      </c>
      <c r="BCB17" s="916" t="s">
        <v>3816</v>
      </c>
      <c r="BCC17" s="916" t="s">
        <v>3816</v>
      </c>
      <c r="BCD17" s="916" t="s">
        <v>3816</v>
      </c>
      <c r="BCE17" s="916" t="s">
        <v>3816</v>
      </c>
      <c r="BCF17" s="916" t="s">
        <v>3816</v>
      </c>
      <c r="BCG17" s="916" t="s">
        <v>3816</v>
      </c>
      <c r="BCH17" s="916" t="s">
        <v>3816</v>
      </c>
      <c r="BCI17" s="916" t="s">
        <v>3816</v>
      </c>
      <c r="BCJ17" s="916" t="s">
        <v>3816</v>
      </c>
      <c r="BCK17" s="916" t="s">
        <v>3816</v>
      </c>
      <c r="BCL17" s="916" t="s">
        <v>3816</v>
      </c>
      <c r="BCM17" s="916" t="s">
        <v>3816</v>
      </c>
      <c r="BCN17" s="916" t="s">
        <v>3816</v>
      </c>
      <c r="BCO17" s="916" t="s">
        <v>3816</v>
      </c>
      <c r="BCP17" s="916" t="s">
        <v>3816</v>
      </c>
      <c r="BCQ17" s="916" t="s">
        <v>3816</v>
      </c>
      <c r="BCR17" s="916" t="s">
        <v>3816</v>
      </c>
      <c r="BCS17" s="916" t="s">
        <v>3816</v>
      </c>
      <c r="BCT17" s="916" t="s">
        <v>3816</v>
      </c>
      <c r="BCU17" s="916" t="s">
        <v>3816</v>
      </c>
      <c r="BCV17" s="916" t="s">
        <v>3816</v>
      </c>
      <c r="BCW17" s="916" t="s">
        <v>3816</v>
      </c>
      <c r="BCX17" s="916" t="s">
        <v>3816</v>
      </c>
      <c r="BCY17" s="916" t="s">
        <v>3816</v>
      </c>
      <c r="BCZ17" s="916" t="s">
        <v>3816</v>
      </c>
      <c r="BDA17" s="916" t="s">
        <v>3816</v>
      </c>
      <c r="BDB17" s="916" t="s">
        <v>3816</v>
      </c>
      <c r="BDC17" s="916" t="s">
        <v>3816</v>
      </c>
      <c r="BDD17" s="916" t="s">
        <v>3816</v>
      </c>
      <c r="BDE17" s="916" t="s">
        <v>3816</v>
      </c>
      <c r="BDF17" s="916" t="s">
        <v>3816</v>
      </c>
      <c r="BDG17" s="916" t="s">
        <v>3816</v>
      </c>
      <c r="BDH17" s="916" t="s">
        <v>3816</v>
      </c>
      <c r="BDI17" s="916" t="s">
        <v>3816</v>
      </c>
      <c r="BDJ17" s="916" t="s">
        <v>3816</v>
      </c>
      <c r="BDK17" s="916" t="s">
        <v>3816</v>
      </c>
      <c r="BDL17" s="916" t="s">
        <v>3816</v>
      </c>
      <c r="BDM17" s="916" t="s">
        <v>3816</v>
      </c>
      <c r="BDN17" s="916" t="s">
        <v>3816</v>
      </c>
      <c r="BDO17" s="916" t="s">
        <v>3816</v>
      </c>
      <c r="BDP17" s="916" t="s">
        <v>3816</v>
      </c>
      <c r="BDQ17" s="916" t="s">
        <v>3816</v>
      </c>
      <c r="BDR17" s="916" t="s">
        <v>3816</v>
      </c>
      <c r="BDS17" s="916" t="s">
        <v>3816</v>
      </c>
      <c r="BDT17" s="916" t="s">
        <v>3816</v>
      </c>
      <c r="BDU17" s="916" t="s">
        <v>3816</v>
      </c>
      <c r="BDV17" s="916" t="s">
        <v>3816</v>
      </c>
      <c r="BDW17" s="916" t="s">
        <v>3816</v>
      </c>
      <c r="BDX17" s="916" t="s">
        <v>3816</v>
      </c>
      <c r="BDY17" s="916" t="s">
        <v>3816</v>
      </c>
      <c r="BDZ17" s="916" t="s">
        <v>3816</v>
      </c>
      <c r="BEA17" s="916" t="s">
        <v>3816</v>
      </c>
      <c r="BEB17" s="916" t="s">
        <v>3816</v>
      </c>
      <c r="BEC17" s="916" t="s">
        <v>3816</v>
      </c>
      <c r="BED17" s="916" t="s">
        <v>3816</v>
      </c>
      <c r="BEE17" s="916" t="s">
        <v>3816</v>
      </c>
      <c r="BEF17" s="916" t="s">
        <v>3816</v>
      </c>
      <c r="BEG17" s="916" t="s">
        <v>3816</v>
      </c>
      <c r="BEH17" s="916" t="s">
        <v>3816</v>
      </c>
      <c r="BEI17" s="916" t="s">
        <v>3816</v>
      </c>
      <c r="BEJ17" s="916" t="s">
        <v>3816</v>
      </c>
      <c r="BEK17" s="916" t="s">
        <v>3816</v>
      </c>
      <c r="BEL17" s="916" t="s">
        <v>3816</v>
      </c>
      <c r="BEM17" s="916" t="s">
        <v>3816</v>
      </c>
      <c r="BEN17" s="916" t="s">
        <v>3816</v>
      </c>
      <c r="BEO17" s="916" t="s">
        <v>3816</v>
      </c>
      <c r="BEP17" s="916" t="s">
        <v>3816</v>
      </c>
      <c r="BEQ17" s="916" t="s">
        <v>3816</v>
      </c>
      <c r="BER17" s="916" t="s">
        <v>3816</v>
      </c>
      <c r="BES17" s="916" t="s">
        <v>3816</v>
      </c>
      <c r="BET17" s="916" t="s">
        <v>3816</v>
      </c>
      <c r="BEU17" s="916" t="s">
        <v>3816</v>
      </c>
      <c r="BEV17" s="916" t="s">
        <v>3816</v>
      </c>
      <c r="BEW17" s="916" t="s">
        <v>3816</v>
      </c>
      <c r="BEX17" s="916" t="s">
        <v>3816</v>
      </c>
      <c r="BEY17" s="916" t="s">
        <v>3816</v>
      </c>
      <c r="BEZ17" s="916" t="s">
        <v>3816</v>
      </c>
      <c r="BFA17" s="916" t="s">
        <v>3816</v>
      </c>
      <c r="BFB17" s="916" t="s">
        <v>3816</v>
      </c>
      <c r="BFC17" s="916" t="s">
        <v>3816</v>
      </c>
      <c r="BFD17" s="916" t="s">
        <v>3816</v>
      </c>
      <c r="BFE17" s="916" t="s">
        <v>3816</v>
      </c>
      <c r="BFF17" s="916" t="s">
        <v>3816</v>
      </c>
      <c r="BFG17" s="916" t="s">
        <v>3816</v>
      </c>
      <c r="BFH17" s="916" t="s">
        <v>3816</v>
      </c>
      <c r="BFI17" s="916" t="s">
        <v>3816</v>
      </c>
      <c r="BFJ17" s="916" t="s">
        <v>3816</v>
      </c>
      <c r="BFK17" s="916" t="s">
        <v>3816</v>
      </c>
      <c r="BFL17" s="916" t="s">
        <v>3816</v>
      </c>
      <c r="BFM17" s="916" t="s">
        <v>3816</v>
      </c>
      <c r="BFN17" s="916" t="s">
        <v>3816</v>
      </c>
      <c r="BFO17" s="916" t="s">
        <v>3816</v>
      </c>
      <c r="BFP17" s="916" t="s">
        <v>3816</v>
      </c>
      <c r="BFQ17" s="916" t="s">
        <v>3816</v>
      </c>
      <c r="BFR17" s="916" t="s">
        <v>3816</v>
      </c>
      <c r="BFS17" s="916" t="s">
        <v>3816</v>
      </c>
      <c r="BFT17" s="916" t="s">
        <v>3816</v>
      </c>
      <c r="BFU17" s="916" t="s">
        <v>3816</v>
      </c>
      <c r="BFV17" s="916" t="s">
        <v>3816</v>
      </c>
      <c r="BFW17" s="916" t="s">
        <v>3816</v>
      </c>
      <c r="BFX17" s="916" t="s">
        <v>3816</v>
      </c>
      <c r="BFY17" s="916" t="s">
        <v>3816</v>
      </c>
      <c r="BFZ17" s="916" t="s">
        <v>3816</v>
      </c>
      <c r="BGA17" s="916" t="s">
        <v>3816</v>
      </c>
      <c r="BGB17" s="916" t="s">
        <v>3816</v>
      </c>
      <c r="BGC17" s="916" t="s">
        <v>3816</v>
      </c>
      <c r="BGD17" s="916" t="s">
        <v>3816</v>
      </c>
      <c r="BGE17" s="916" t="s">
        <v>3816</v>
      </c>
      <c r="BGF17" s="916" t="s">
        <v>3816</v>
      </c>
      <c r="BGG17" s="916" t="s">
        <v>3816</v>
      </c>
      <c r="BGH17" s="916" t="s">
        <v>3816</v>
      </c>
      <c r="BGI17" s="916" t="s">
        <v>3816</v>
      </c>
      <c r="BGJ17" s="916" t="s">
        <v>3816</v>
      </c>
      <c r="BGK17" s="916" t="s">
        <v>3816</v>
      </c>
      <c r="BGL17" s="916" t="s">
        <v>3816</v>
      </c>
      <c r="BGM17" s="916" t="s">
        <v>3816</v>
      </c>
      <c r="BGN17" s="916" t="s">
        <v>3816</v>
      </c>
      <c r="BGO17" s="916" t="s">
        <v>3816</v>
      </c>
      <c r="BGP17" s="916" t="s">
        <v>3816</v>
      </c>
      <c r="BGQ17" s="916" t="s">
        <v>3816</v>
      </c>
      <c r="BGR17" s="916" t="s">
        <v>3816</v>
      </c>
      <c r="BGS17" s="916" t="s">
        <v>3816</v>
      </c>
      <c r="BGT17" s="916" t="s">
        <v>3816</v>
      </c>
      <c r="BGU17" s="916" t="s">
        <v>3816</v>
      </c>
      <c r="BGV17" s="916" t="s">
        <v>3816</v>
      </c>
      <c r="BGW17" s="916" t="s">
        <v>3816</v>
      </c>
      <c r="BGX17" s="916" t="s">
        <v>3816</v>
      </c>
      <c r="BGY17" s="916" t="s">
        <v>3816</v>
      </c>
      <c r="BGZ17" s="916" t="s">
        <v>3816</v>
      </c>
      <c r="BHA17" s="916" t="s">
        <v>3816</v>
      </c>
      <c r="BHB17" s="916" t="s">
        <v>3816</v>
      </c>
      <c r="BHC17" s="916" t="s">
        <v>3816</v>
      </c>
      <c r="BHD17" s="916" t="s">
        <v>3816</v>
      </c>
      <c r="BHE17" s="916" t="s">
        <v>3816</v>
      </c>
      <c r="BHF17" s="916" t="s">
        <v>3816</v>
      </c>
      <c r="BHG17" s="916" t="s">
        <v>3816</v>
      </c>
      <c r="BHH17" s="916" t="s">
        <v>3816</v>
      </c>
      <c r="BHI17" s="916" t="s">
        <v>3816</v>
      </c>
      <c r="BHJ17" s="916" t="s">
        <v>3816</v>
      </c>
      <c r="BHK17" s="916" t="s">
        <v>3816</v>
      </c>
      <c r="BHL17" s="916" t="s">
        <v>3816</v>
      </c>
      <c r="BHM17" s="916" t="s">
        <v>3816</v>
      </c>
      <c r="BHN17" s="916" t="s">
        <v>3816</v>
      </c>
      <c r="BHO17" s="916" t="s">
        <v>3816</v>
      </c>
      <c r="BHP17" s="916" t="s">
        <v>3816</v>
      </c>
      <c r="BHQ17" s="916" t="s">
        <v>3816</v>
      </c>
      <c r="BHR17" s="916" t="s">
        <v>3816</v>
      </c>
      <c r="BHS17" s="916" t="s">
        <v>3816</v>
      </c>
      <c r="BHT17" s="916" t="s">
        <v>3816</v>
      </c>
      <c r="BHU17" s="916" t="s">
        <v>3816</v>
      </c>
      <c r="BHV17" s="916" t="s">
        <v>3816</v>
      </c>
      <c r="BHW17" s="916" t="s">
        <v>3816</v>
      </c>
      <c r="BHX17" s="916" t="s">
        <v>3816</v>
      </c>
      <c r="BHY17" s="916" t="s">
        <v>3816</v>
      </c>
      <c r="BHZ17" s="916" t="s">
        <v>3816</v>
      </c>
      <c r="BIA17" s="916" t="s">
        <v>3816</v>
      </c>
      <c r="BIB17" s="916" t="s">
        <v>3816</v>
      </c>
      <c r="BIC17" s="916" t="s">
        <v>3816</v>
      </c>
      <c r="BID17" s="916" t="s">
        <v>3816</v>
      </c>
      <c r="BIE17" s="916" t="s">
        <v>3816</v>
      </c>
      <c r="BIF17" s="916" t="s">
        <v>3816</v>
      </c>
      <c r="BIG17" s="916" t="s">
        <v>3816</v>
      </c>
      <c r="BIH17" s="916" t="s">
        <v>3816</v>
      </c>
      <c r="BII17" s="916" t="s">
        <v>3816</v>
      </c>
      <c r="BIJ17" s="916" t="s">
        <v>3816</v>
      </c>
      <c r="BIK17" s="916" t="s">
        <v>3816</v>
      </c>
      <c r="BIL17" s="916" t="s">
        <v>3816</v>
      </c>
      <c r="BIM17" s="916" t="s">
        <v>3816</v>
      </c>
      <c r="BIN17" s="916" t="s">
        <v>3816</v>
      </c>
      <c r="BIO17" s="916" t="s">
        <v>3816</v>
      </c>
      <c r="BIP17" s="916" t="s">
        <v>3816</v>
      </c>
      <c r="BIQ17" s="916" t="s">
        <v>3816</v>
      </c>
      <c r="BIR17" s="916" t="s">
        <v>3816</v>
      </c>
      <c r="BIS17" s="916" t="s">
        <v>3816</v>
      </c>
      <c r="BIT17" s="916" t="s">
        <v>3816</v>
      </c>
      <c r="BIU17" s="916" t="s">
        <v>3816</v>
      </c>
      <c r="BIV17" s="916" t="s">
        <v>3816</v>
      </c>
      <c r="BIW17" s="916" t="s">
        <v>3816</v>
      </c>
      <c r="BIX17" s="916" t="s">
        <v>3816</v>
      </c>
      <c r="BIY17" s="916" t="s">
        <v>3816</v>
      </c>
      <c r="BIZ17" s="916" t="s">
        <v>3816</v>
      </c>
      <c r="BJA17" s="916" t="s">
        <v>3816</v>
      </c>
      <c r="BJB17" s="916" t="s">
        <v>3816</v>
      </c>
      <c r="BJC17" s="916" t="s">
        <v>3816</v>
      </c>
      <c r="BJD17" s="916" t="s">
        <v>3816</v>
      </c>
      <c r="BJE17" s="916" t="s">
        <v>3816</v>
      </c>
      <c r="BJF17" s="916" t="s">
        <v>3816</v>
      </c>
      <c r="BJG17" s="916" t="s">
        <v>3816</v>
      </c>
      <c r="BJH17" s="916" t="s">
        <v>3816</v>
      </c>
      <c r="BJI17" s="916" t="s">
        <v>3816</v>
      </c>
      <c r="BJJ17" s="916" t="s">
        <v>3816</v>
      </c>
      <c r="BJK17" s="916" t="s">
        <v>3816</v>
      </c>
      <c r="BJL17" s="916" t="s">
        <v>3816</v>
      </c>
      <c r="BJM17" s="916" t="s">
        <v>3816</v>
      </c>
      <c r="BJN17" s="916" t="s">
        <v>3816</v>
      </c>
      <c r="BJO17" s="916" t="s">
        <v>3816</v>
      </c>
      <c r="BJP17" s="916" t="s">
        <v>3816</v>
      </c>
      <c r="BJQ17" s="916" t="s">
        <v>3816</v>
      </c>
      <c r="BJR17" s="916" t="s">
        <v>3816</v>
      </c>
      <c r="BJS17" s="916" t="s">
        <v>3816</v>
      </c>
      <c r="BJT17" s="916" t="s">
        <v>3816</v>
      </c>
      <c r="BJU17" s="916" t="s">
        <v>3816</v>
      </c>
      <c r="BJV17" s="916" t="s">
        <v>3816</v>
      </c>
      <c r="BJW17" s="916" t="s">
        <v>3816</v>
      </c>
      <c r="BJX17" s="916" t="s">
        <v>3816</v>
      </c>
      <c r="BJY17" s="916" t="s">
        <v>3816</v>
      </c>
      <c r="BJZ17" s="916" t="s">
        <v>3816</v>
      </c>
      <c r="BKA17" s="916" t="s">
        <v>3816</v>
      </c>
      <c r="BKB17" s="916" t="s">
        <v>3816</v>
      </c>
      <c r="BKC17" s="916" t="s">
        <v>3816</v>
      </c>
      <c r="BKD17" s="916" t="s">
        <v>3816</v>
      </c>
      <c r="BKE17" s="916" t="s">
        <v>3816</v>
      </c>
      <c r="BKF17" s="916" t="s">
        <v>3816</v>
      </c>
      <c r="BKG17" s="916" t="s">
        <v>3816</v>
      </c>
      <c r="BKH17" s="916" t="s">
        <v>3816</v>
      </c>
      <c r="BKI17" s="916" t="s">
        <v>3816</v>
      </c>
      <c r="BKJ17" s="916" t="s">
        <v>3816</v>
      </c>
      <c r="BKK17" s="916" t="s">
        <v>3816</v>
      </c>
      <c r="BKL17" s="916" t="s">
        <v>3816</v>
      </c>
      <c r="BKM17" s="916" t="s">
        <v>3816</v>
      </c>
      <c r="BKN17" s="916" t="s">
        <v>3816</v>
      </c>
      <c r="BKO17" s="916" t="s">
        <v>3816</v>
      </c>
      <c r="BKP17" s="916" t="s">
        <v>3816</v>
      </c>
      <c r="BKQ17" s="916" t="s">
        <v>3816</v>
      </c>
      <c r="BKR17" s="916" t="s">
        <v>3816</v>
      </c>
      <c r="BKS17" s="916" t="s">
        <v>3816</v>
      </c>
      <c r="BKT17" s="916" t="s">
        <v>3816</v>
      </c>
      <c r="BKU17" s="916" t="s">
        <v>3816</v>
      </c>
      <c r="BKV17" s="916" t="s">
        <v>3816</v>
      </c>
      <c r="BKW17" s="916" t="s">
        <v>3816</v>
      </c>
      <c r="BKX17" s="916" t="s">
        <v>3816</v>
      </c>
      <c r="BKY17" s="916" t="s">
        <v>3816</v>
      </c>
      <c r="BKZ17" s="916" t="s">
        <v>3816</v>
      </c>
      <c r="BLA17" s="916" t="s">
        <v>3816</v>
      </c>
      <c r="BLB17" s="916" t="s">
        <v>3816</v>
      </c>
      <c r="BLC17" s="916" t="s">
        <v>3816</v>
      </c>
      <c r="BLD17" s="916" t="s">
        <v>3816</v>
      </c>
      <c r="BLE17" s="916" t="s">
        <v>3816</v>
      </c>
      <c r="BLF17" s="916" t="s">
        <v>3816</v>
      </c>
      <c r="BLG17" s="916" t="s">
        <v>3816</v>
      </c>
      <c r="BLH17" s="916" t="s">
        <v>3816</v>
      </c>
      <c r="BLI17" s="916" t="s">
        <v>3816</v>
      </c>
      <c r="BLJ17" s="916" t="s">
        <v>3816</v>
      </c>
      <c r="BLK17" s="916" t="s">
        <v>3816</v>
      </c>
      <c r="BLL17" s="916" t="s">
        <v>3816</v>
      </c>
      <c r="BLM17" s="916" t="s">
        <v>3816</v>
      </c>
      <c r="BLN17" s="916" t="s">
        <v>3816</v>
      </c>
      <c r="BLO17" s="916" t="s">
        <v>3816</v>
      </c>
      <c r="BLP17" s="916" t="s">
        <v>3816</v>
      </c>
      <c r="BLQ17" s="916" t="s">
        <v>3816</v>
      </c>
      <c r="BLR17" s="916" t="s">
        <v>3816</v>
      </c>
      <c r="BLS17" s="916" t="s">
        <v>3816</v>
      </c>
      <c r="BLT17" s="916" t="s">
        <v>3816</v>
      </c>
      <c r="BLU17" s="916" t="s">
        <v>3816</v>
      </c>
      <c r="BLV17" s="916" t="s">
        <v>3816</v>
      </c>
      <c r="BLW17" s="916" t="s">
        <v>3816</v>
      </c>
      <c r="BLX17" s="916" t="s">
        <v>3816</v>
      </c>
      <c r="BLY17" s="916" t="s">
        <v>3816</v>
      </c>
      <c r="BLZ17" s="916" t="s">
        <v>3816</v>
      </c>
      <c r="BMA17" s="916" t="s">
        <v>3816</v>
      </c>
      <c r="BMB17" s="916" t="s">
        <v>3816</v>
      </c>
      <c r="BMC17" s="916" t="s">
        <v>3816</v>
      </c>
      <c r="BMD17" s="916" t="s">
        <v>3816</v>
      </c>
      <c r="BME17" s="916" t="s">
        <v>3816</v>
      </c>
      <c r="BMF17" s="916" t="s">
        <v>3816</v>
      </c>
      <c r="BMG17" s="916" t="s">
        <v>3816</v>
      </c>
      <c r="BMH17" s="916" t="s">
        <v>3816</v>
      </c>
      <c r="BMI17" s="916" t="s">
        <v>3816</v>
      </c>
      <c r="BMJ17" s="916" t="s">
        <v>3816</v>
      </c>
      <c r="BMK17" s="916" t="s">
        <v>3816</v>
      </c>
      <c r="BML17" s="916" t="s">
        <v>3816</v>
      </c>
      <c r="BMM17" s="916" t="s">
        <v>3816</v>
      </c>
      <c r="BMN17" s="916" t="s">
        <v>3816</v>
      </c>
      <c r="BMO17" s="916" t="s">
        <v>3816</v>
      </c>
      <c r="BMP17" s="916" t="s">
        <v>3816</v>
      </c>
      <c r="BMQ17" s="916" t="s">
        <v>3816</v>
      </c>
      <c r="BMR17" s="916" t="s">
        <v>3816</v>
      </c>
      <c r="BMS17" s="916" t="s">
        <v>3816</v>
      </c>
      <c r="BMT17" s="916" t="s">
        <v>3816</v>
      </c>
      <c r="BMU17" s="916" t="s">
        <v>3816</v>
      </c>
      <c r="BMV17" s="916" t="s">
        <v>3816</v>
      </c>
      <c r="BMW17" s="916" t="s">
        <v>3816</v>
      </c>
      <c r="BMX17" s="916" t="s">
        <v>3816</v>
      </c>
      <c r="BMY17" s="916" t="s">
        <v>3816</v>
      </c>
      <c r="BMZ17" s="916" t="s">
        <v>3816</v>
      </c>
      <c r="BNA17" s="916" t="s">
        <v>3816</v>
      </c>
      <c r="BNB17" s="916" t="s">
        <v>3816</v>
      </c>
      <c r="BNC17" s="916" t="s">
        <v>3816</v>
      </c>
      <c r="BND17" s="916" t="s">
        <v>3816</v>
      </c>
      <c r="BNE17" s="916" t="s">
        <v>3816</v>
      </c>
      <c r="BNF17" s="916" t="s">
        <v>3816</v>
      </c>
      <c r="BNG17" s="916" t="s">
        <v>3816</v>
      </c>
      <c r="BNH17" s="916" t="s">
        <v>3816</v>
      </c>
      <c r="BNI17" s="916" t="s">
        <v>3816</v>
      </c>
      <c r="BNJ17" s="916" t="s">
        <v>3816</v>
      </c>
      <c r="BNK17" s="916" t="s">
        <v>3816</v>
      </c>
      <c r="BNL17" s="916" t="s">
        <v>3816</v>
      </c>
      <c r="BNM17" s="916" t="s">
        <v>3816</v>
      </c>
      <c r="BNN17" s="916" t="s">
        <v>3816</v>
      </c>
      <c r="BNO17" s="916" t="s">
        <v>3816</v>
      </c>
      <c r="BNP17" s="916" t="s">
        <v>3816</v>
      </c>
      <c r="BNQ17" s="916" t="s">
        <v>3816</v>
      </c>
      <c r="BNR17" s="916" t="s">
        <v>3816</v>
      </c>
      <c r="BNS17" s="916" t="s">
        <v>3816</v>
      </c>
      <c r="BNT17" s="916" t="s">
        <v>3816</v>
      </c>
      <c r="BNU17" s="916" t="s">
        <v>3816</v>
      </c>
      <c r="BNV17" s="916" t="s">
        <v>3816</v>
      </c>
      <c r="BNW17" s="916" t="s">
        <v>3816</v>
      </c>
      <c r="BNX17" s="916" t="s">
        <v>3816</v>
      </c>
      <c r="BNY17" s="916" t="s">
        <v>3816</v>
      </c>
      <c r="BNZ17" s="916" t="s">
        <v>3816</v>
      </c>
      <c r="BOA17" s="916" t="s">
        <v>3816</v>
      </c>
      <c r="BOB17" s="916" t="s">
        <v>3816</v>
      </c>
      <c r="BOC17" s="916" t="s">
        <v>3816</v>
      </c>
      <c r="BOD17" s="916" t="s">
        <v>3816</v>
      </c>
      <c r="BOE17" s="916" t="s">
        <v>3816</v>
      </c>
      <c r="BOF17" s="916" t="s">
        <v>3816</v>
      </c>
      <c r="BOG17" s="916" t="s">
        <v>3816</v>
      </c>
      <c r="BOH17" s="916" t="s">
        <v>3816</v>
      </c>
      <c r="BOI17" s="916" t="s">
        <v>3816</v>
      </c>
      <c r="BOJ17" s="916" t="s">
        <v>3816</v>
      </c>
      <c r="BOK17" s="916" t="s">
        <v>3816</v>
      </c>
      <c r="BOL17" s="916" t="s">
        <v>3816</v>
      </c>
      <c r="BOM17" s="916" t="s">
        <v>3816</v>
      </c>
      <c r="BON17" s="916" t="s">
        <v>3816</v>
      </c>
      <c r="BOO17" s="916" t="s">
        <v>3816</v>
      </c>
      <c r="BOP17" s="916" t="s">
        <v>3816</v>
      </c>
      <c r="BOQ17" s="916" t="s">
        <v>3816</v>
      </c>
      <c r="BOR17" s="916" t="s">
        <v>3816</v>
      </c>
      <c r="BOS17" s="916" t="s">
        <v>3816</v>
      </c>
      <c r="BOT17" s="916" t="s">
        <v>3816</v>
      </c>
      <c r="BOU17" s="916" t="s">
        <v>3816</v>
      </c>
      <c r="BOV17" s="916" t="s">
        <v>3816</v>
      </c>
      <c r="BOW17" s="916" t="s">
        <v>3816</v>
      </c>
      <c r="BOX17" s="916" t="s">
        <v>3816</v>
      </c>
      <c r="BOY17" s="916" t="s">
        <v>3816</v>
      </c>
      <c r="BOZ17" s="916" t="s">
        <v>3816</v>
      </c>
      <c r="BPA17" s="916" t="s">
        <v>3816</v>
      </c>
      <c r="BPB17" s="916" t="s">
        <v>3816</v>
      </c>
      <c r="BPC17" s="916" t="s">
        <v>3816</v>
      </c>
      <c r="BPD17" s="916" t="s">
        <v>3816</v>
      </c>
      <c r="BPE17" s="916" t="s">
        <v>3816</v>
      </c>
      <c r="BPF17" s="916" t="s">
        <v>3816</v>
      </c>
      <c r="BPG17" s="916" t="s">
        <v>3816</v>
      </c>
      <c r="BPH17" s="916" t="s">
        <v>3816</v>
      </c>
      <c r="BPI17" s="916" t="s">
        <v>3816</v>
      </c>
      <c r="BPJ17" s="916" t="s">
        <v>3816</v>
      </c>
      <c r="BPK17" s="916" t="s">
        <v>3816</v>
      </c>
      <c r="BPL17" s="916" t="s">
        <v>3816</v>
      </c>
      <c r="BPM17" s="916" t="s">
        <v>3816</v>
      </c>
      <c r="BPN17" s="916" t="s">
        <v>3816</v>
      </c>
      <c r="BPO17" s="916" t="s">
        <v>3816</v>
      </c>
      <c r="BPP17" s="916" t="s">
        <v>3816</v>
      </c>
      <c r="BPQ17" s="916" t="s">
        <v>3816</v>
      </c>
      <c r="BPR17" s="916" t="s">
        <v>3816</v>
      </c>
      <c r="BPS17" s="916" t="s">
        <v>3816</v>
      </c>
      <c r="BPT17" s="916" t="s">
        <v>3816</v>
      </c>
      <c r="BPU17" s="916" t="s">
        <v>3816</v>
      </c>
      <c r="BPV17" s="916" t="s">
        <v>3816</v>
      </c>
      <c r="BPW17" s="916" t="s">
        <v>3816</v>
      </c>
      <c r="BPX17" s="916" t="s">
        <v>3816</v>
      </c>
      <c r="BPY17" s="916" t="s">
        <v>3816</v>
      </c>
      <c r="BPZ17" s="916" t="s">
        <v>3816</v>
      </c>
      <c r="BQA17" s="916" t="s">
        <v>3816</v>
      </c>
      <c r="BQB17" s="916" t="s">
        <v>3816</v>
      </c>
      <c r="BQC17" s="916" t="s">
        <v>3816</v>
      </c>
      <c r="BQD17" s="916" t="s">
        <v>3816</v>
      </c>
      <c r="BQE17" s="916" t="s">
        <v>3816</v>
      </c>
      <c r="BQF17" s="916" t="s">
        <v>3816</v>
      </c>
      <c r="BQG17" s="916" t="s">
        <v>3816</v>
      </c>
      <c r="BQH17" s="916" t="s">
        <v>3816</v>
      </c>
      <c r="BQI17" s="916" t="s">
        <v>3816</v>
      </c>
      <c r="BQJ17" s="916" t="s">
        <v>3816</v>
      </c>
      <c r="BQK17" s="916" t="s">
        <v>3816</v>
      </c>
      <c r="BQL17" s="916" t="s">
        <v>3816</v>
      </c>
      <c r="BQM17" s="916" t="s">
        <v>3816</v>
      </c>
      <c r="BQN17" s="916" t="s">
        <v>3816</v>
      </c>
      <c r="BQO17" s="916" t="s">
        <v>3816</v>
      </c>
      <c r="BQP17" s="916" t="s">
        <v>3816</v>
      </c>
      <c r="BQQ17" s="916" t="s">
        <v>3816</v>
      </c>
      <c r="BQR17" s="916" t="s">
        <v>3816</v>
      </c>
      <c r="BQS17" s="916" t="s">
        <v>3816</v>
      </c>
      <c r="BQT17" s="916" t="s">
        <v>3816</v>
      </c>
      <c r="BQU17" s="916" t="s">
        <v>3816</v>
      </c>
      <c r="BQV17" s="916" t="s">
        <v>3816</v>
      </c>
      <c r="BQW17" s="916" t="s">
        <v>3816</v>
      </c>
      <c r="BQX17" s="916" t="s">
        <v>3816</v>
      </c>
      <c r="BQY17" s="916" t="s">
        <v>3816</v>
      </c>
      <c r="BQZ17" s="916" t="s">
        <v>3816</v>
      </c>
      <c r="BRA17" s="916" t="s">
        <v>3816</v>
      </c>
      <c r="BRB17" s="916" t="s">
        <v>3816</v>
      </c>
      <c r="BRC17" s="916" t="s">
        <v>3816</v>
      </c>
      <c r="BRD17" s="916" t="s">
        <v>3816</v>
      </c>
      <c r="BRE17" s="916" t="s">
        <v>3816</v>
      </c>
      <c r="BRF17" s="916" t="s">
        <v>3816</v>
      </c>
      <c r="BRG17" s="916" t="s">
        <v>3816</v>
      </c>
      <c r="BRH17" s="916" t="s">
        <v>3816</v>
      </c>
      <c r="BRI17" s="916" t="s">
        <v>3816</v>
      </c>
      <c r="BRJ17" s="916" t="s">
        <v>3816</v>
      </c>
      <c r="BRK17" s="916" t="s">
        <v>3816</v>
      </c>
      <c r="BRL17" s="916" t="s">
        <v>3816</v>
      </c>
      <c r="BRM17" s="916" t="s">
        <v>3816</v>
      </c>
      <c r="BRN17" s="916" t="s">
        <v>3816</v>
      </c>
      <c r="BRO17" s="916" t="s">
        <v>3816</v>
      </c>
      <c r="BRP17" s="916" t="s">
        <v>3816</v>
      </c>
      <c r="BRQ17" s="916" t="s">
        <v>3816</v>
      </c>
      <c r="BRR17" s="916" t="s">
        <v>3816</v>
      </c>
      <c r="BRS17" s="916" t="s">
        <v>3816</v>
      </c>
      <c r="BRT17" s="916" t="s">
        <v>3816</v>
      </c>
      <c r="BRU17" s="916" t="s">
        <v>3816</v>
      </c>
      <c r="BRV17" s="916" t="s">
        <v>3816</v>
      </c>
      <c r="BRW17" s="916" t="s">
        <v>3816</v>
      </c>
      <c r="BRX17" s="916" t="s">
        <v>3816</v>
      </c>
      <c r="BRY17" s="916" t="s">
        <v>3816</v>
      </c>
      <c r="BRZ17" s="916" t="s">
        <v>3816</v>
      </c>
      <c r="BSA17" s="916" t="s">
        <v>3816</v>
      </c>
      <c r="BSB17" s="916" t="s">
        <v>3816</v>
      </c>
      <c r="BSC17" s="916" t="s">
        <v>3816</v>
      </c>
      <c r="BSD17" s="916" t="s">
        <v>3816</v>
      </c>
      <c r="BSE17" s="916" t="s">
        <v>3816</v>
      </c>
      <c r="BSF17" s="916" t="s">
        <v>3816</v>
      </c>
      <c r="BSG17" s="916" t="s">
        <v>3816</v>
      </c>
      <c r="BSH17" s="916" t="s">
        <v>3816</v>
      </c>
      <c r="BSI17" s="916" t="s">
        <v>3816</v>
      </c>
      <c r="BSJ17" s="916" t="s">
        <v>3816</v>
      </c>
      <c r="BSK17" s="916" t="s">
        <v>3816</v>
      </c>
      <c r="BSL17" s="916" t="s">
        <v>3816</v>
      </c>
      <c r="BSM17" s="916" t="s">
        <v>3816</v>
      </c>
      <c r="BSN17" s="916" t="s">
        <v>3816</v>
      </c>
      <c r="BSO17" s="916" t="s">
        <v>3816</v>
      </c>
      <c r="BSP17" s="916" t="s">
        <v>3816</v>
      </c>
      <c r="BSQ17" s="916" t="s">
        <v>3816</v>
      </c>
      <c r="BSR17" s="916" t="s">
        <v>3816</v>
      </c>
      <c r="BSS17" s="916" t="s">
        <v>3816</v>
      </c>
      <c r="BST17" s="916" t="s">
        <v>3816</v>
      </c>
      <c r="BSU17" s="916" t="s">
        <v>3816</v>
      </c>
      <c r="BSV17" s="916" t="s">
        <v>3816</v>
      </c>
      <c r="BSW17" s="916" t="s">
        <v>3816</v>
      </c>
      <c r="BSX17" s="916" t="s">
        <v>3816</v>
      </c>
      <c r="BSY17" s="916" t="s">
        <v>3816</v>
      </c>
      <c r="BSZ17" s="916" t="s">
        <v>3816</v>
      </c>
      <c r="BTA17" s="916" t="s">
        <v>3816</v>
      </c>
      <c r="BTB17" s="916" t="s">
        <v>3816</v>
      </c>
      <c r="BTC17" s="916" t="s">
        <v>3816</v>
      </c>
      <c r="BTD17" s="916" t="s">
        <v>3816</v>
      </c>
      <c r="BTE17" s="916" t="s">
        <v>3816</v>
      </c>
      <c r="BTF17" s="916" t="s">
        <v>3816</v>
      </c>
      <c r="BTG17" s="916" t="s">
        <v>3816</v>
      </c>
      <c r="BTH17" s="916" t="s">
        <v>3816</v>
      </c>
      <c r="BTI17" s="916" t="s">
        <v>3816</v>
      </c>
      <c r="BTJ17" s="916" t="s">
        <v>3816</v>
      </c>
      <c r="BTK17" s="916" t="s">
        <v>3816</v>
      </c>
      <c r="BTL17" s="916" t="s">
        <v>3816</v>
      </c>
      <c r="BTM17" s="916" t="s">
        <v>3816</v>
      </c>
      <c r="BTN17" s="916" t="s">
        <v>3816</v>
      </c>
      <c r="BTO17" s="916" t="s">
        <v>3816</v>
      </c>
      <c r="BTP17" s="916" t="s">
        <v>3816</v>
      </c>
      <c r="BTQ17" s="916" t="s">
        <v>3816</v>
      </c>
      <c r="BTR17" s="916" t="s">
        <v>3816</v>
      </c>
      <c r="BTS17" s="916" t="s">
        <v>3816</v>
      </c>
      <c r="BTT17" s="916" t="s">
        <v>3816</v>
      </c>
      <c r="BTU17" s="916" t="s">
        <v>3816</v>
      </c>
      <c r="BTV17" s="916" t="s">
        <v>3816</v>
      </c>
      <c r="BTW17" s="916" t="s">
        <v>3816</v>
      </c>
      <c r="BTX17" s="916" t="s">
        <v>3816</v>
      </c>
      <c r="BTY17" s="916" t="s">
        <v>3816</v>
      </c>
      <c r="BTZ17" s="916" t="s">
        <v>3816</v>
      </c>
      <c r="BUA17" s="916" t="s">
        <v>3816</v>
      </c>
      <c r="BUB17" s="916" t="s">
        <v>3816</v>
      </c>
      <c r="BUC17" s="916" t="s">
        <v>3816</v>
      </c>
      <c r="BUD17" s="916" t="s">
        <v>3816</v>
      </c>
      <c r="BUE17" s="916" t="s">
        <v>3816</v>
      </c>
      <c r="BUF17" s="916" t="s">
        <v>3816</v>
      </c>
      <c r="BUG17" s="916" t="s">
        <v>3816</v>
      </c>
      <c r="BUH17" s="916" t="s">
        <v>3816</v>
      </c>
      <c r="BUI17" s="916" t="s">
        <v>3816</v>
      </c>
      <c r="BUJ17" s="916" t="s">
        <v>3816</v>
      </c>
      <c r="BUK17" s="916" t="s">
        <v>3816</v>
      </c>
      <c r="BUL17" s="916" t="s">
        <v>3816</v>
      </c>
      <c r="BUM17" s="916" t="s">
        <v>3816</v>
      </c>
      <c r="BUN17" s="916" t="s">
        <v>3816</v>
      </c>
      <c r="BUO17" s="916" t="s">
        <v>3816</v>
      </c>
      <c r="BUP17" s="916" t="s">
        <v>3816</v>
      </c>
      <c r="BUQ17" s="916" t="s">
        <v>3816</v>
      </c>
      <c r="BUR17" s="916" t="s">
        <v>3816</v>
      </c>
      <c r="BUS17" s="916" t="s">
        <v>3816</v>
      </c>
      <c r="BUT17" s="916" t="s">
        <v>3816</v>
      </c>
      <c r="BUU17" s="916" t="s">
        <v>3816</v>
      </c>
      <c r="BUV17" s="916" t="s">
        <v>3816</v>
      </c>
      <c r="BUW17" s="916" t="s">
        <v>3816</v>
      </c>
      <c r="BUX17" s="916" t="s">
        <v>3816</v>
      </c>
      <c r="BUY17" s="916" t="s">
        <v>3816</v>
      </c>
      <c r="BUZ17" s="916" t="s">
        <v>3816</v>
      </c>
      <c r="BVA17" s="916" t="s">
        <v>3816</v>
      </c>
      <c r="BVB17" s="916" t="s">
        <v>3816</v>
      </c>
      <c r="BVC17" s="916" t="s">
        <v>3816</v>
      </c>
      <c r="BVD17" s="916" t="s">
        <v>3816</v>
      </c>
      <c r="BVE17" s="916" t="s">
        <v>3816</v>
      </c>
      <c r="BVF17" s="916" t="s">
        <v>3816</v>
      </c>
      <c r="BVG17" s="916" t="s">
        <v>3816</v>
      </c>
      <c r="BVH17" s="916" t="s">
        <v>3816</v>
      </c>
      <c r="BVI17" s="916" t="s">
        <v>3816</v>
      </c>
      <c r="BVJ17" s="916" t="s">
        <v>3816</v>
      </c>
      <c r="BVK17" s="916" t="s">
        <v>3816</v>
      </c>
      <c r="BVL17" s="916" t="s">
        <v>3816</v>
      </c>
      <c r="BVM17" s="916" t="s">
        <v>3816</v>
      </c>
      <c r="BVN17" s="916" t="s">
        <v>3816</v>
      </c>
      <c r="BVO17" s="916" t="s">
        <v>3816</v>
      </c>
      <c r="BVP17" s="916" t="s">
        <v>3816</v>
      </c>
      <c r="BVQ17" s="916" t="s">
        <v>3816</v>
      </c>
      <c r="BVR17" s="916" t="s">
        <v>3816</v>
      </c>
      <c r="BVS17" s="916" t="s">
        <v>3816</v>
      </c>
      <c r="BVT17" s="916" t="s">
        <v>3816</v>
      </c>
      <c r="BVU17" s="916" t="s">
        <v>3816</v>
      </c>
      <c r="BVV17" s="916" t="s">
        <v>3816</v>
      </c>
      <c r="BVW17" s="916" t="s">
        <v>3816</v>
      </c>
      <c r="BVX17" s="916" t="s">
        <v>3816</v>
      </c>
      <c r="BVY17" s="916" t="s">
        <v>3816</v>
      </c>
      <c r="BVZ17" s="916" t="s">
        <v>3816</v>
      </c>
      <c r="BWA17" s="916" t="s">
        <v>3816</v>
      </c>
      <c r="BWB17" s="916" t="s">
        <v>3816</v>
      </c>
      <c r="BWC17" s="916" t="s">
        <v>3816</v>
      </c>
      <c r="BWD17" s="916" t="s">
        <v>3816</v>
      </c>
      <c r="BWE17" s="916" t="s">
        <v>3816</v>
      </c>
      <c r="BWF17" s="916" t="s">
        <v>3816</v>
      </c>
      <c r="BWG17" s="916" t="s">
        <v>3816</v>
      </c>
      <c r="BWH17" s="916" t="s">
        <v>3816</v>
      </c>
      <c r="BWI17" s="916" t="s">
        <v>3816</v>
      </c>
      <c r="BWJ17" s="916" t="s">
        <v>3816</v>
      </c>
      <c r="BWK17" s="916" t="s">
        <v>3816</v>
      </c>
      <c r="BWL17" s="916" t="s">
        <v>3816</v>
      </c>
      <c r="BWM17" s="916" t="s">
        <v>3816</v>
      </c>
      <c r="BWN17" s="916" t="s">
        <v>3816</v>
      </c>
      <c r="BWO17" s="916" t="s">
        <v>3816</v>
      </c>
      <c r="BWP17" s="916" t="s">
        <v>3816</v>
      </c>
      <c r="BWQ17" s="916" t="s">
        <v>3816</v>
      </c>
      <c r="BWR17" s="916" t="s">
        <v>3816</v>
      </c>
      <c r="BWS17" s="916" t="s">
        <v>3816</v>
      </c>
      <c r="BWT17" s="916" t="s">
        <v>3816</v>
      </c>
      <c r="BWU17" s="916" t="s">
        <v>3816</v>
      </c>
      <c r="BWV17" s="916" t="s">
        <v>3816</v>
      </c>
      <c r="BWW17" s="916" t="s">
        <v>3816</v>
      </c>
      <c r="BWX17" s="916" t="s">
        <v>3816</v>
      </c>
      <c r="BWY17" s="916" t="s">
        <v>3816</v>
      </c>
      <c r="BWZ17" s="916" t="s">
        <v>3816</v>
      </c>
      <c r="BXA17" s="916" t="s">
        <v>3816</v>
      </c>
      <c r="BXB17" s="916" t="s">
        <v>3816</v>
      </c>
      <c r="BXC17" s="916" t="s">
        <v>3816</v>
      </c>
      <c r="BXD17" s="916" t="s">
        <v>3816</v>
      </c>
      <c r="BXE17" s="916" t="s">
        <v>3816</v>
      </c>
      <c r="BXF17" s="916" t="s">
        <v>3816</v>
      </c>
      <c r="BXG17" s="916" t="s">
        <v>3816</v>
      </c>
      <c r="BXH17" s="916" t="s">
        <v>3816</v>
      </c>
      <c r="BXI17" s="916" t="s">
        <v>3816</v>
      </c>
      <c r="BXJ17" s="916" t="s">
        <v>3816</v>
      </c>
      <c r="BXK17" s="916" t="s">
        <v>3816</v>
      </c>
      <c r="BXL17" s="916" t="s">
        <v>3816</v>
      </c>
      <c r="BXM17" s="916" t="s">
        <v>3816</v>
      </c>
      <c r="BXN17" s="916" t="s">
        <v>3816</v>
      </c>
      <c r="BXO17" s="916" t="s">
        <v>3816</v>
      </c>
      <c r="BXP17" s="916" t="s">
        <v>3816</v>
      </c>
      <c r="BXQ17" s="916" t="s">
        <v>3816</v>
      </c>
      <c r="BXR17" s="916" t="s">
        <v>3816</v>
      </c>
      <c r="BXS17" s="916" t="s">
        <v>3816</v>
      </c>
      <c r="BXT17" s="916" t="s">
        <v>3816</v>
      </c>
      <c r="BXU17" s="916" t="s">
        <v>3816</v>
      </c>
      <c r="BXV17" s="916" t="s">
        <v>3816</v>
      </c>
      <c r="BXW17" s="916" t="s">
        <v>3816</v>
      </c>
      <c r="BXX17" s="916" t="s">
        <v>3816</v>
      </c>
      <c r="BXY17" s="916" t="s">
        <v>3816</v>
      </c>
      <c r="BXZ17" s="916" t="s">
        <v>3816</v>
      </c>
      <c r="BYA17" s="916" t="s">
        <v>3816</v>
      </c>
      <c r="BYB17" s="916" t="s">
        <v>3816</v>
      </c>
      <c r="BYC17" s="916" t="s">
        <v>3816</v>
      </c>
      <c r="BYD17" s="916" t="s">
        <v>3816</v>
      </c>
      <c r="BYE17" s="916" t="s">
        <v>3816</v>
      </c>
      <c r="BYF17" s="916" t="s">
        <v>3816</v>
      </c>
      <c r="BYG17" s="916" t="s">
        <v>3816</v>
      </c>
      <c r="BYH17" s="916" t="s">
        <v>3816</v>
      </c>
      <c r="BYI17" s="916" t="s">
        <v>3816</v>
      </c>
      <c r="BYJ17" s="916" t="s">
        <v>3816</v>
      </c>
      <c r="BYK17" s="916" t="s">
        <v>3816</v>
      </c>
      <c r="BYL17" s="916" t="s">
        <v>3816</v>
      </c>
      <c r="BYM17" s="916" t="s">
        <v>3816</v>
      </c>
      <c r="BYN17" s="916" t="s">
        <v>3816</v>
      </c>
      <c r="BYO17" s="916" t="s">
        <v>3816</v>
      </c>
      <c r="BYP17" s="916" t="s">
        <v>3816</v>
      </c>
      <c r="BYQ17" s="916" t="s">
        <v>3816</v>
      </c>
      <c r="BYR17" s="916" t="s">
        <v>3816</v>
      </c>
      <c r="BYS17" s="916" t="s">
        <v>3816</v>
      </c>
      <c r="BYT17" s="916" t="s">
        <v>3816</v>
      </c>
      <c r="BYU17" s="916" t="s">
        <v>3816</v>
      </c>
      <c r="BYV17" s="916" t="s">
        <v>3816</v>
      </c>
      <c r="BYW17" s="916" t="s">
        <v>3816</v>
      </c>
      <c r="BYX17" s="916" t="s">
        <v>3816</v>
      </c>
      <c r="BYY17" s="916" t="s">
        <v>3816</v>
      </c>
      <c r="BYZ17" s="916" t="s">
        <v>3816</v>
      </c>
      <c r="BZA17" s="916" t="s">
        <v>3816</v>
      </c>
      <c r="BZB17" s="916" t="s">
        <v>3816</v>
      </c>
      <c r="BZC17" s="916" t="s">
        <v>3816</v>
      </c>
      <c r="BZD17" s="916" t="s">
        <v>3816</v>
      </c>
      <c r="BZE17" s="916" t="s">
        <v>3816</v>
      </c>
      <c r="BZF17" s="916" t="s">
        <v>3816</v>
      </c>
      <c r="BZG17" s="916" t="s">
        <v>3816</v>
      </c>
      <c r="BZH17" s="916" t="s">
        <v>3816</v>
      </c>
      <c r="BZI17" s="916" t="s">
        <v>3816</v>
      </c>
      <c r="BZJ17" s="916" t="s">
        <v>3816</v>
      </c>
      <c r="BZK17" s="916" t="s">
        <v>3816</v>
      </c>
      <c r="BZL17" s="916" t="s">
        <v>3816</v>
      </c>
      <c r="BZM17" s="916" t="s">
        <v>3816</v>
      </c>
      <c r="BZN17" s="916" t="s">
        <v>3816</v>
      </c>
      <c r="BZO17" s="916" t="s">
        <v>3816</v>
      </c>
      <c r="BZP17" s="916" t="s">
        <v>3816</v>
      </c>
      <c r="BZQ17" s="916" t="s">
        <v>3816</v>
      </c>
      <c r="BZR17" s="916" t="s">
        <v>3816</v>
      </c>
      <c r="BZS17" s="916" t="s">
        <v>3816</v>
      </c>
      <c r="BZT17" s="916" t="s">
        <v>3816</v>
      </c>
      <c r="BZU17" s="916" t="s">
        <v>3816</v>
      </c>
      <c r="BZV17" s="916" t="s">
        <v>3816</v>
      </c>
      <c r="BZW17" s="916" t="s">
        <v>3816</v>
      </c>
      <c r="BZX17" s="916" t="s">
        <v>3816</v>
      </c>
      <c r="BZY17" s="916" t="s">
        <v>3816</v>
      </c>
      <c r="BZZ17" s="916" t="s">
        <v>3816</v>
      </c>
      <c r="CAA17" s="916" t="s">
        <v>3816</v>
      </c>
      <c r="CAB17" s="916" t="s">
        <v>3816</v>
      </c>
      <c r="CAC17" s="916" t="s">
        <v>3816</v>
      </c>
      <c r="CAD17" s="916" t="s">
        <v>3816</v>
      </c>
      <c r="CAE17" s="916" t="s">
        <v>3816</v>
      </c>
      <c r="CAF17" s="916" t="s">
        <v>3816</v>
      </c>
      <c r="CAG17" s="916" t="s">
        <v>3816</v>
      </c>
      <c r="CAH17" s="916" t="s">
        <v>3816</v>
      </c>
      <c r="CAI17" s="916" t="s">
        <v>3816</v>
      </c>
      <c r="CAJ17" s="916" t="s">
        <v>3816</v>
      </c>
      <c r="CAK17" s="916" t="s">
        <v>3816</v>
      </c>
      <c r="CAL17" s="916" t="s">
        <v>3816</v>
      </c>
      <c r="CAM17" s="916" t="s">
        <v>3816</v>
      </c>
      <c r="CAN17" s="916" t="s">
        <v>3816</v>
      </c>
      <c r="CAO17" s="916" t="s">
        <v>3816</v>
      </c>
      <c r="CAP17" s="916" t="s">
        <v>3816</v>
      </c>
      <c r="CAQ17" s="916" t="s">
        <v>3816</v>
      </c>
      <c r="CAR17" s="916" t="s">
        <v>3816</v>
      </c>
      <c r="CAS17" s="916" t="s">
        <v>3816</v>
      </c>
      <c r="CAT17" s="916" t="s">
        <v>3816</v>
      </c>
      <c r="CAU17" s="916" t="s">
        <v>3816</v>
      </c>
      <c r="CAV17" s="916" t="s">
        <v>3816</v>
      </c>
      <c r="CAW17" s="916" t="s">
        <v>3816</v>
      </c>
      <c r="CAX17" s="916" t="s">
        <v>3816</v>
      </c>
      <c r="CAY17" s="916" t="s">
        <v>3816</v>
      </c>
      <c r="CAZ17" s="916" t="s">
        <v>3816</v>
      </c>
      <c r="CBA17" s="916" t="s">
        <v>3816</v>
      </c>
      <c r="CBB17" s="916" t="s">
        <v>3816</v>
      </c>
      <c r="CBC17" s="916" t="s">
        <v>3816</v>
      </c>
      <c r="CBD17" s="916" t="s">
        <v>3816</v>
      </c>
      <c r="CBE17" s="916" t="s">
        <v>3816</v>
      </c>
      <c r="CBF17" s="916" t="s">
        <v>3816</v>
      </c>
      <c r="CBG17" s="916" t="s">
        <v>3816</v>
      </c>
      <c r="CBH17" s="916" t="s">
        <v>3816</v>
      </c>
      <c r="CBI17" s="916" t="s">
        <v>3816</v>
      </c>
      <c r="CBJ17" s="916" t="s">
        <v>3816</v>
      </c>
      <c r="CBK17" s="916" t="s">
        <v>3816</v>
      </c>
      <c r="CBL17" s="916" t="s">
        <v>3816</v>
      </c>
      <c r="CBM17" s="916" t="s">
        <v>3816</v>
      </c>
      <c r="CBN17" s="916" t="s">
        <v>3816</v>
      </c>
      <c r="CBO17" s="916" t="s">
        <v>3816</v>
      </c>
      <c r="CBP17" s="916" t="s">
        <v>3816</v>
      </c>
      <c r="CBQ17" s="916" t="s">
        <v>3816</v>
      </c>
      <c r="CBR17" s="916" t="s">
        <v>3816</v>
      </c>
      <c r="CBS17" s="916" t="s">
        <v>3816</v>
      </c>
      <c r="CBT17" s="916" t="s">
        <v>3816</v>
      </c>
      <c r="CBU17" s="916" t="s">
        <v>3816</v>
      </c>
      <c r="CBV17" s="916" t="s">
        <v>3816</v>
      </c>
      <c r="CBW17" s="916" t="s">
        <v>3816</v>
      </c>
      <c r="CBX17" s="916" t="s">
        <v>3816</v>
      </c>
      <c r="CBY17" s="916" t="s">
        <v>3816</v>
      </c>
      <c r="CBZ17" s="916" t="s">
        <v>3816</v>
      </c>
      <c r="CCA17" s="916" t="s">
        <v>3816</v>
      </c>
      <c r="CCB17" s="916" t="s">
        <v>3816</v>
      </c>
      <c r="CCC17" s="916" t="s">
        <v>3816</v>
      </c>
      <c r="CCD17" s="916" t="s">
        <v>3816</v>
      </c>
      <c r="CCE17" s="916" t="s">
        <v>3816</v>
      </c>
      <c r="CCF17" s="916" t="s">
        <v>3816</v>
      </c>
      <c r="CCG17" s="916" t="s">
        <v>3816</v>
      </c>
      <c r="CCH17" s="916" t="s">
        <v>3816</v>
      </c>
      <c r="CCI17" s="916" t="s">
        <v>3816</v>
      </c>
      <c r="CCJ17" s="916" t="s">
        <v>3816</v>
      </c>
      <c r="CCK17" s="916" t="s">
        <v>3816</v>
      </c>
      <c r="CCL17" s="916" t="s">
        <v>3816</v>
      </c>
      <c r="CCM17" s="916" t="s">
        <v>3816</v>
      </c>
      <c r="CCN17" s="916" t="s">
        <v>3816</v>
      </c>
      <c r="CCO17" s="916" t="s">
        <v>3816</v>
      </c>
      <c r="CCP17" s="916" t="s">
        <v>3816</v>
      </c>
      <c r="CCQ17" s="916" t="s">
        <v>3816</v>
      </c>
      <c r="CCR17" s="916" t="s">
        <v>3816</v>
      </c>
      <c r="CCS17" s="916" t="s">
        <v>3816</v>
      </c>
      <c r="CCT17" s="916" t="s">
        <v>3816</v>
      </c>
      <c r="CCU17" s="916" t="s">
        <v>3816</v>
      </c>
      <c r="CCV17" s="916" t="s">
        <v>3816</v>
      </c>
      <c r="CCW17" s="916" t="s">
        <v>3816</v>
      </c>
      <c r="CCX17" s="916" t="s">
        <v>3816</v>
      </c>
      <c r="CCY17" s="916" t="s">
        <v>3816</v>
      </c>
      <c r="CCZ17" s="916" t="s">
        <v>3816</v>
      </c>
      <c r="CDA17" s="916" t="s">
        <v>3816</v>
      </c>
      <c r="CDB17" s="916" t="s">
        <v>3816</v>
      </c>
      <c r="CDC17" s="916" t="s">
        <v>3816</v>
      </c>
      <c r="CDD17" s="916" t="s">
        <v>3816</v>
      </c>
      <c r="CDE17" s="916" t="s">
        <v>3816</v>
      </c>
      <c r="CDF17" s="916" t="s">
        <v>3816</v>
      </c>
      <c r="CDG17" s="916" t="s">
        <v>3816</v>
      </c>
      <c r="CDH17" s="916" t="s">
        <v>3816</v>
      </c>
      <c r="CDI17" s="916" t="s">
        <v>3816</v>
      </c>
      <c r="CDJ17" s="916" t="s">
        <v>3816</v>
      </c>
      <c r="CDK17" s="916" t="s">
        <v>3816</v>
      </c>
      <c r="CDL17" s="916" t="s">
        <v>3816</v>
      </c>
      <c r="CDM17" s="916" t="s">
        <v>3816</v>
      </c>
      <c r="CDN17" s="916" t="s">
        <v>3816</v>
      </c>
      <c r="CDO17" s="916" t="s">
        <v>3816</v>
      </c>
      <c r="CDP17" s="916" t="s">
        <v>3816</v>
      </c>
      <c r="CDQ17" s="916" t="s">
        <v>3816</v>
      </c>
      <c r="CDR17" s="916" t="s">
        <v>3816</v>
      </c>
      <c r="CDS17" s="916" t="s">
        <v>3816</v>
      </c>
      <c r="CDT17" s="916" t="s">
        <v>3816</v>
      </c>
      <c r="CDU17" s="916" t="s">
        <v>3816</v>
      </c>
      <c r="CDV17" s="916" t="s">
        <v>3816</v>
      </c>
      <c r="CDW17" s="916" t="s">
        <v>3816</v>
      </c>
      <c r="CDX17" s="916" t="s">
        <v>3816</v>
      </c>
      <c r="CDY17" s="916" t="s">
        <v>3816</v>
      </c>
      <c r="CDZ17" s="916" t="s">
        <v>3816</v>
      </c>
      <c r="CEA17" s="916" t="s">
        <v>3816</v>
      </c>
      <c r="CEB17" s="916" t="s">
        <v>3816</v>
      </c>
      <c r="CEC17" s="916" t="s">
        <v>3816</v>
      </c>
      <c r="CED17" s="916" t="s">
        <v>3816</v>
      </c>
      <c r="CEE17" s="916" t="s">
        <v>3816</v>
      </c>
      <c r="CEF17" s="916" t="s">
        <v>3816</v>
      </c>
      <c r="CEG17" s="916" t="s">
        <v>3816</v>
      </c>
      <c r="CEH17" s="916" t="s">
        <v>3816</v>
      </c>
      <c r="CEI17" s="916" t="s">
        <v>3816</v>
      </c>
      <c r="CEJ17" s="916" t="s">
        <v>3816</v>
      </c>
      <c r="CEK17" s="916" t="s">
        <v>3816</v>
      </c>
      <c r="CEL17" s="916" t="s">
        <v>3816</v>
      </c>
      <c r="CEM17" s="916" t="s">
        <v>3816</v>
      </c>
      <c r="CEN17" s="916" t="s">
        <v>3816</v>
      </c>
      <c r="CEO17" s="916" t="s">
        <v>3816</v>
      </c>
      <c r="CEP17" s="916" t="s">
        <v>3816</v>
      </c>
      <c r="CEQ17" s="916" t="s">
        <v>3816</v>
      </c>
      <c r="CER17" s="916" t="s">
        <v>3816</v>
      </c>
      <c r="CES17" s="916" t="s">
        <v>3816</v>
      </c>
      <c r="CET17" s="916" t="s">
        <v>3816</v>
      </c>
      <c r="CEU17" s="916" t="s">
        <v>3816</v>
      </c>
      <c r="CEV17" s="916" t="s">
        <v>3816</v>
      </c>
      <c r="CEW17" s="916" t="s">
        <v>3816</v>
      </c>
      <c r="CEX17" s="916" t="s">
        <v>3816</v>
      </c>
      <c r="CEY17" s="916" t="s">
        <v>3816</v>
      </c>
      <c r="CEZ17" s="916" t="s">
        <v>3816</v>
      </c>
      <c r="CFA17" s="916" t="s">
        <v>3816</v>
      </c>
      <c r="CFB17" s="916" t="s">
        <v>3816</v>
      </c>
      <c r="CFC17" s="916" t="s">
        <v>3816</v>
      </c>
      <c r="CFD17" s="916" t="s">
        <v>3816</v>
      </c>
      <c r="CFE17" s="916" t="s">
        <v>3816</v>
      </c>
      <c r="CFF17" s="916" t="s">
        <v>3816</v>
      </c>
      <c r="CFG17" s="916" t="s">
        <v>3816</v>
      </c>
      <c r="CFH17" s="916" t="s">
        <v>3816</v>
      </c>
      <c r="CFI17" s="916" t="s">
        <v>3816</v>
      </c>
      <c r="CFJ17" s="916" t="s">
        <v>3816</v>
      </c>
      <c r="CFK17" s="916" t="s">
        <v>3816</v>
      </c>
      <c r="CFL17" s="916" t="s">
        <v>3816</v>
      </c>
      <c r="CFM17" s="916" t="s">
        <v>3816</v>
      </c>
      <c r="CFN17" s="916" t="s">
        <v>3816</v>
      </c>
      <c r="CFO17" s="916" t="s">
        <v>3816</v>
      </c>
      <c r="CFP17" s="916" t="s">
        <v>3816</v>
      </c>
      <c r="CFQ17" s="916" t="s">
        <v>3816</v>
      </c>
      <c r="CFR17" s="916" t="s">
        <v>3816</v>
      </c>
      <c r="CFS17" s="916" t="s">
        <v>3816</v>
      </c>
      <c r="CFT17" s="916" t="s">
        <v>3816</v>
      </c>
      <c r="CFU17" s="916" t="s">
        <v>3816</v>
      </c>
      <c r="CFV17" s="916" t="s">
        <v>3816</v>
      </c>
      <c r="CFW17" s="916" t="s">
        <v>3816</v>
      </c>
      <c r="CFX17" s="916" t="s">
        <v>3816</v>
      </c>
      <c r="CFY17" s="916" t="s">
        <v>3816</v>
      </c>
      <c r="CFZ17" s="916" t="s">
        <v>3816</v>
      </c>
      <c r="CGA17" s="916" t="s">
        <v>3816</v>
      </c>
      <c r="CGB17" s="916" t="s">
        <v>3816</v>
      </c>
      <c r="CGC17" s="916" t="s">
        <v>3816</v>
      </c>
      <c r="CGD17" s="916" t="s">
        <v>3816</v>
      </c>
      <c r="CGE17" s="916" t="s">
        <v>3816</v>
      </c>
      <c r="CGF17" s="916" t="s">
        <v>3816</v>
      </c>
      <c r="CGG17" s="916" t="s">
        <v>3816</v>
      </c>
      <c r="CGH17" s="916" t="s">
        <v>3816</v>
      </c>
      <c r="CGI17" s="916" t="s">
        <v>3816</v>
      </c>
      <c r="CGJ17" s="916" t="s">
        <v>3816</v>
      </c>
      <c r="CGK17" s="916" t="s">
        <v>3816</v>
      </c>
      <c r="CGL17" s="916" t="s">
        <v>3816</v>
      </c>
      <c r="CGM17" s="916" t="s">
        <v>3816</v>
      </c>
      <c r="CGN17" s="916" t="s">
        <v>3816</v>
      </c>
      <c r="CGO17" s="916" t="s">
        <v>3816</v>
      </c>
      <c r="CGP17" s="916" t="s">
        <v>3816</v>
      </c>
      <c r="CGQ17" s="916" t="s">
        <v>3816</v>
      </c>
      <c r="CGR17" s="916" t="s">
        <v>3816</v>
      </c>
      <c r="CGS17" s="916" t="s">
        <v>3816</v>
      </c>
      <c r="CGT17" s="916" t="s">
        <v>3816</v>
      </c>
      <c r="CGU17" s="916" t="s">
        <v>3816</v>
      </c>
      <c r="CGV17" s="916" t="s">
        <v>3816</v>
      </c>
      <c r="CGW17" s="916" t="s">
        <v>3816</v>
      </c>
      <c r="CGX17" s="916" t="s">
        <v>3816</v>
      </c>
      <c r="CGY17" s="916" t="s">
        <v>3816</v>
      </c>
      <c r="CGZ17" s="916" t="s">
        <v>3816</v>
      </c>
      <c r="CHA17" s="916" t="s">
        <v>3816</v>
      </c>
      <c r="CHB17" s="916" t="s">
        <v>3816</v>
      </c>
      <c r="CHC17" s="916" t="s">
        <v>3816</v>
      </c>
      <c r="CHD17" s="916" t="s">
        <v>3816</v>
      </c>
      <c r="CHE17" s="916" t="s">
        <v>3816</v>
      </c>
      <c r="CHF17" s="916" t="s">
        <v>3816</v>
      </c>
      <c r="CHG17" s="916" t="s">
        <v>3816</v>
      </c>
      <c r="CHH17" s="916" t="s">
        <v>3816</v>
      </c>
      <c r="CHI17" s="916" t="s">
        <v>3816</v>
      </c>
      <c r="CHJ17" s="916" t="s">
        <v>3816</v>
      </c>
      <c r="CHK17" s="916" t="s">
        <v>3816</v>
      </c>
      <c r="CHL17" s="916" t="s">
        <v>3816</v>
      </c>
      <c r="CHM17" s="916" t="s">
        <v>3816</v>
      </c>
      <c r="CHN17" s="916" t="s">
        <v>3816</v>
      </c>
      <c r="CHO17" s="916" t="s">
        <v>3816</v>
      </c>
      <c r="CHP17" s="916" t="s">
        <v>3816</v>
      </c>
      <c r="CHQ17" s="916" t="s">
        <v>3816</v>
      </c>
      <c r="CHR17" s="916" t="s">
        <v>3816</v>
      </c>
      <c r="CHS17" s="916" t="s">
        <v>3816</v>
      </c>
      <c r="CHT17" s="916" t="s">
        <v>3816</v>
      </c>
      <c r="CHU17" s="916" t="s">
        <v>3816</v>
      </c>
      <c r="CHV17" s="916" t="s">
        <v>3816</v>
      </c>
      <c r="CHW17" s="916" t="s">
        <v>3816</v>
      </c>
      <c r="CHX17" s="916" t="s">
        <v>3816</v>
      </c>
      <c r="CHY17" s="916" t="s">
        <v>3816</v>
      </c>
      <c r="CHZ17" s="916" t="s">
        <v>3816</v>
      </c>
      <c r="CIA17" s="916" t="s">
        <v>3816</v>
      </c>
      <c r="CIB17" s="916" t="s">
        <v>3816</v>
      </c>
      <c r="CIC17" s="916" t="s">
        <v>3816</v>
      </c>
      <c r="CID17" s="916" t="s">
        <v>3816</v>
      </c>
      <c r="CIE17" s="916" t="s">
        <v>3816</v>
      </c>
      <c r="CIF17" s="916" t="s">
        <v>3816</v>
      </c>
      <c r="CIG17" s="916" t="s">
        <v>3816</v>
      </c>
      <c r="CIH17" s="916" t="s">
        <v>3816</v>
      </c>
      <c r="CII17" s="916" t="s">
        <v>3816</v>
      </c>
      <c r="CIJ17" s="916" t="s">
        <v>3816</v>
      </c>
      <c r="CIK17" s="916" t="s">
        <v>3816</v>
      </c>
      <c r="CIL17" s="916" t="s">
        <v>3816</v>
      </c>
      <c r="CIM17" s="916" t="s">
        <v>3816</v>
      </c>
      <c r="CIN17" s="916" t="s">
        <v>3816</v>
      </c>
      <c r="CIO17" s="916" t="s">
        <v>3816</v>
      </c>
      <c r="CIP17" s="916" t="s">
        <v>3816</v>
      </c>
      <c r="CIQ17" s="916" t="s">
        <v>3816</v>
      </c>
      <c r="CIR17" s="916" t="s">
        <v>3816</v>
      </c>
      <c r="CIS17" s="916" t="s">
        <v>3816</v>
      </c>
      <c r="CIT17" s="916" t="s">
        <v>3816</v>
      </c>
      <c r="CIU17" s="916" t="s">
        <v>3816</v>
      </c>
      <c r="CIV17" s="916" t="s">
        <v>3816</v>
      </c>
      <c r="CIW17" s="916" t="s">
        <v>3816</v>
      </c>
      <c r="CIX17" s="916" t="s">
        <v>3816</v>
      </c>
      <c r="CIY17" s="916" t="s">
        <v>3816</v>
      </c>
      <c r="CIZ17" s="916" t="s">
        <v>3816</v>
      </c>
      <c r="CJA17" s="916" t="s">
        <v>3816</v>
      </c>
      <c r="CJB17" s="916" t="s">
        <v>3816</v>
      </c>
      <c r="CJC17" s="916" t="s">
        <v>3816</v>
      </c>
      <c r="CJD17" s="916" t="s">
        <v>3816</v>
      </c>
      <c r="CJE17" s="916" t="s">
        <v>3816</v>
      </c>
      <c r="CJF17" s="916" t="s">
        <v>3816</v>
      </c>
      <c r="CJG17" s="916" t="s">
        <v>3816</v>
      </c>
      <c r="CJH17" s="916" t="s">
        <v>3816</v>
      </c>
      <c r="CJI17" s="916" t="s">
        <v>3816</v>
      </c>
      <c r="CJJ17" s="916" t="s">
        <v>3816</v>
      </c>
      <c r="CJK17" s="916" t="s">
        <v>3816</v>
      </c>
      <c r="CJL17" s="916" t="s">
        <v>3816</v>
      </c>
      <c r="CJM17" s="916" t="s">
        <v>3816</v>
      </c>
      <c r="CJN17" s="916" t="s">
        <v>3816</v>
      </c>
      <c r="CJO17" s="916" t="s">
        <v>3816</v>
      </c>
      <c r="CJP17" s="916" t="s">
        <v>3816</v>
      </c>
      <c r="CJQ17" s="916" t="s">
        <v>3816</v>
      </c>
      <c r="CJR17" s="916" t="s">
        <v>3816</v>
      </c>
      <c r="CJS17" s="916" t="s">
        <v>3816</v>
      </c>
      <c r="CJT17" s="916" t="s">
        <v>3816</v>
      </c>
      <c r="CJU17" s="916" t="s">
        <v>3816</v>
      </c>
      <c r="CJV17" s="916" t="s">
        <v>3816</v>
      </c>
      <c r="CJW17" s="916" t="s">
        <v>3816</v>
      </c>
      <c r="CJX17" s="916" t="s">
        <v>3816</v>
      </c>
      <c r="CJY17" s="916" t="s">
        <v>3816</v>
      </c>
      <c r="CJZ17" s="916" t="s">
        <v>3816</v>
      </c>
      <c r="CKA17" s="916" t="s">
        <v>3816</v>
      </c>
      <c r="CKB17" s="916" t="s">
        <v>3816</v>
      </c>
      <c r="CKC17" s="916" t="s">
        <v>3816</v>
      </c>
      <c r="CKD17" s="916" t="s">
        <v>3816</v>
      </c>
      <c r="CKE17" s="916" t="s">
        <v>3816</v>
      </c>
      <c r="CKF17" s="916" t="s">
        <v>3816</v>
      </c>
      <c r="CKG17" s="916" t="s">
        <v>3816</v>
      </c>
      <c r="CKH17" s="916" t="s">
        <v>3816</v>
      </c>
      <c r="CKI17" s="916" t="s">
        <v>3816</v>
      </c>
      <c r="CKJ17" s="916" t="s">
        <v>3816</v>
      </c>
      <c r="CKK17" s="916" t="s">
        <v>3816</v>
      </c>
      <c r="CKL17" s="916" t="s">
        <v>3816</v>
      </c>
      <c r="CKM17" s="916" t="s">
        <v>3816</v>
      </c>
      <c r="CKN17" s="916" t="s">
        <v>3816</v>
      </c>
      <c r="CKO17" s="916" t="s">
        <v>3816</v>
      </c>
      <c r="CKP17" s="916" t="s">
        <v>3816</v>
      </c>
      <c r="CKQ17" s="916" t="s">
        <v>3816</v>
      </c>
      <c r="CKR17" s="916" t="s">
        <v>3816</v>
      </c>
      <c r="CKS17" s="916" t="s">
        <v>3816</v>
      </c>
      <c r="CKT17" s="916" t="s">
        <v>3816</v>
      </c>
      <c r="CKU17" s="916" t="s">
        <v>3816</v>
      </c>
      <c r="CKV17" s="916" t="s">
        <v>3816</v>
      </c>
      <c r="CKW17" s="916" t="s">
        <v>3816</v>
      </c>
      <c r="CKX17" s="916" t="s">
        <v>3816</v>
      </c>
      <c r="CKY17" s="916" t="s">
        <v>3816</v>
      </c>
      <c r="CKZ17" s="916" t="s">
        <v>3816</v>
      </c>
      <c r="CLA17" s="916" t="s">
        <v>3816</v>
      </c>
      <c r="CLB17" s="916" t="s">
        <v>3816</v>
      </c>
      <c r="CLC17" s="916" t="s">
        <v>3816</v>
      </c>
      <c r="CLD17" s="916" t="s">
        <v>3816</v>
      </c>
      <c r="CLE17" s="916" t="s">
        <v>3816</v>
      </c>
      <c r="CLF17" s="916" t="s">
        <v>3816</v>
      </c>
      <c r="CLG17" s="916" t="s">
        <v>3816</v>
      </c>
      <c r="CLH17" s="916" t="s">
        <v>3816</v>
      </c>
      <c r="CLI17" s="916" t="s">
        <v>3816</v>
      </c>
      <c r="CLJ17" s="916" t="s">
        <v>3816</v>
      </c>
      <c r="CLK17" s="916" t="s">
        <v>3816</v>
      </c>
      <c r="CLL17" s="916" t="s">
        <v>3816</v>
      </c>
      <c r="CLM17" s="916" t="s">
        <v>3816</v>
      </c>
      <c r="CLN17" s="916" t="s">
        <v>3816</v>
      </c>
      <c r="CLO17" s="916" t="s">
        <v>3816</v>
      </c>
      <c r="CLP17" s="916" t="s">
        <v>3816</v>
      </c>
      <c r="CLQ17" s="916" t="s">
        <v>3816</v>
      </c>
      <c r="CLR17" s="916" t="s">
        <v>3816</v>
      </c>
      <c r="CLS17" s="916" t="s">
        <v>3816</v>
      </c>
      <c r="CLT17" s="916" t="s">
        <v>3816</v>
      </c>
      <c r="CLU17" s="916" t="s">
        <v>3816</v>
      </c>
      <c r="CLV17" s="916" t="s">
        <v>3816</v>
      </c>
      <c r="CLW17" s="916" t="s">
        <v>3816</v>
      </c>
      <c r="CLX17" s="916" t="s">
        <v>3816</v>
      </c>
      <c r="CLY17" s="916" t="s">
        <v>3816</v>
      </c>
      <c r="CLZ17" s="916" t="s">
        <v>3816</v>
      </c>
      <c r="CMA17" s="916" t="s">
        <v>3816</v>
      </c>
      <c r="CMB17" s="916" t="s">
        <v>3816</v>
      </c>
      <c r="CMC17" s="916" t="s">
        <v>3816</v>
      </c>
      <c r="CMD17" s="916" t="s">
        <v>3816</v>
      </c>
      <c r="CME17" s="916" t="s">
        <v>3816</v>
      </c>
      <c r="CMF17" s="916" t="s">
        <v>3816</v>
      </c>
      <c r="CMG17" s="916" t="s">
        <v>3816</v>
      </c>
      <c r="CMH17" s="916" t="s">
        <v>3816</v>
      </c>
      <c r="CMI17" s="916" t="s">
        <v>3816</v>
      </c>
      <c r="CMJ17" s="916" t="s">
        <v>3816</v>
      </c>
      <c r="CMK17" s="916" t="s">
        <v>3816</v>
      </c>
      <c r="CML17" s="916" t="s">
        <v>3816</v>
      </c>
      <c r="CMM17" s="916" t="s">
        <v>3816</v>
      </c>
      <c r="CMN17" s="916" t="s">
        <v>3816</v>
      </c>
      <c r="CMO17" s="916" t="s">
        <v>3816</v>
      </c>
      <c r="CMP17" s="916" t="s">
        <v>3816</v>
      </c>
      <c r="CMQ17" s="916" t="s">
        <v>3816</v>
      </c>
      <c r="CMR17" s="916" t="s">
        <v>3816</v>
      </c>
      <c r="CMS17" s="916" t="s">
        <v>3816</v>
      </c>
      <c r="CMT17" s="916" t="s">
        <v>3816</v>
      </c>
      <c r="CMU17" s="916" t="s">
        <v>3816</v>
      </c>
      <c r="CMV17" s="916" t="s">
        <v>3816</v>
      </c>
      <c r="CMW17" s="916" t="s">
        <v>3816</v>
      </c>
      <c r="CMX17" s="916" t="s">
        <v>3816</v>
      </c>
      <c r="CMY17" s="916" t="s">
        <v>3816</v>
      </c>
      <c r="CMZ17" s="916" t="s">
        <v>3816</v>
      </c>
      <c r="CNA17" s="916" t="s">
        <v>3816</v>
      </c>
      <c r="CNB17" s="916" t="s">
        <v>3816</v>
      </c>
      <c r="CNC17" s="916" t="s">
        <v>3816</v>
      </c>
      <c r="CND17" s="916" t="s">
        <v>3816</v>
      </c>
      <c r="CNE17" s="916" t="s">
        <v>3816</v>
      </c>
      <c r="CNF17" s="916" t="s">
        <v>3816</v>
      </c>
      <c r="CNG17" s="916" t="s">
        <v>3816</v>
      </c>
      <c r="CNH17" s="916" t="s">
        <v>3816</v>
      </c>
      <c r="CNI17" s="916" t="s">
        <v>3816</v>
      </c>
      <c r="CNJ17" s="916" t="s">
        <v>3816</v>
      </c>
      <c r="CNK17" s="916" t="s">
        <v>3816</v>
      </c>
      <c r="CNL17" s="916" t="s">
        <v>3816</v>
      </c>
      <c r="CNM17" s="916" t="s">
        <v>3816</v>
      </c>
      <c r="CNN17" s="916" t="s">
        <v>3816</v>
      </c>
      <c r="CNO17" s="916" t="s">
        <v>3816</v>
      </c>
      <c r="CNP17" s="916" t="s">
        <v>3816</v>
      </c>
      <c r="CNQ17" s="916" t="s">
        <v>3816</v>
      </c>
      <c r="CNR17" s="916" t="s">
        <v>3816</v>
      </c>
      <c r="CNS17" s="916" t="s">
        <v>3816</v>
      </c>
      <c r="CNT17" s="916" t="s">
        <v>3816</v>
      </c>
      <c r="CNU17" s="916" t="s">
        <v>3816</v>
      </c>
      <c r="CNV17" s="916" t="s">
        <v>3816</v>
      </c>
      <c r="CNW17" s="916" t="s">
        <v>3816</v>
      </c>
      <c r="CNX17" s="916" t="s">
        <v>3816</v>
      </c>
      <c r="CNY17" s="916" t="s">
        <v>3816</v>
      </c>
      <c r="CNZ17" s="916" t="s">
        <v>3816</v>
      </c>
      <c r="COA17" s="916" t="s">
        <v>3816</v>
      </c>
      <c r="COB17" s="916" t="s">
        <v>3816</v>
      </c>
      <c r="COC17" s="916" t="s">
        <v>3816</v>
      </c>
      <c r="COD17" s="916" t="s">
        <v>3816</v>
      </c>
      <c r="COE17" s="916" t="s">
        <v>3816</v>
      </c>
      <c r="COF17" s="916" t="s">
        <v>3816</v>
      </c>
      <c r="COG17" s="916" t="s">
        <v>3816</v>
      </c>
      <c r="COH17" s="916" t="s">
        <v>3816</v>
      </c>
      <c r="COI17" s="916" t="s">
        <v>3816</v>
      </c>
      <c r="COJ17" s="916" t="s">
        <v>3816</v>
      </c>
      <c r="COK17" s="916" t="s">
        <v>3816</v>
      </c>
      <c r="COL17" s="916" t="s">
        <v>3816</v>
      </c>
      <c r="COM17" s="916" t="s">
        <v>3816</v>
      </c>
      <c r="CON17" s="916" t="s">
        <v>3816</v>
      </c>
      <c r="COO17" s="916" t="s">
        <v>3816</v>
      </c>
      <c r="COP17" s="916" t="s">
        <v>3816</v>
      </c>
      <c r="COQ17" s="916" t="s">
        <v>3816</v>
      </c>
      <c r="COR17" s="916" t="s">
        <v>3816</v>
      </c>
      <c r="COS17" s="916" t="s">
        <v>3816</v>
      </c>
      <c r="COT17" s="916" t="s">
        <v>3816</v>
      </c>
      <c r="COU17" s="916" t="s">
        <v>3816</v>
      </c>
      <c r="COV17" s="916" t="s">
        <v>3816</v>
      </c>
      <c r="COW17" s="916" t="s">
        <v>3816</v>
      </c>
      <c r="COX17" s="916" t="s">
        <v>3816</v>
      </c>
      <c r="COY17" s="916" t="s">
        <v>3816</v>
      </c>
      <c r="COZ17" s="916" t="s">
        <v>3816</v>
      </c>
      <c r="CPA17" s="916" t="s">
        <v>3816</v>
      </c>
      <c r="CPB17" s="916" t="s">
        <v>3816</v>
      </c>
      <c r="CPC17" s="916" t="s">
        <v>3816</v>
      </c>
      <c r="CPD17" s="916" t="s">
        <v>3816</v>
      </c>
      <c r="CPE17" s="916" t="s">
        <v>3816</v>
      </c>
      <c r="CPF17" s="916" t="s">
        <v>3816</v>
      </c>
      <c r="CPG17" s="916" t="s">
        <v>3816</v>
      </c>
      <c r="CPH17" s="916" t="s">
        <v>3816</v>
      </c>
      <c r="CPI17" s="916" t="s">
        <v>3816</v>
      </c>
      <c r="CPJ17" s="916" t="s">
        <v>3816</v>
      </c>
      <c r="CPK17" s="916" t="s">
        <v>3816</v>
      </c>
      <c r="CPL17" s="916" t="s">
        <v>3816</v>
      </c>
      <c r="CPM17" s="916" t="s">
        <v>3816</v>
      </c>
      <c r="CPN17" s="916" t="s">
        <v>3816</v>
      </c>
      <c r="CPO17" s="916" t="s">
        <v>3816</v>
      </c>
      <c r="CPP17" s="916" t="s">
        <v>3816</v>
      </c>
      <c r="CPQ17" s="916" t="s">
        <v>3816</v>
      </c>
      <c r="CPR17" s="916" t="s">
        <v>3816</v>
      </c>
      <c r="CPS17" s="916" t="s">
        <v>3816</v>
      </c>
      <c r="CPT17" s="916" t="s">
        <v>3816</v>
      </c>
      <c r="CPU17" s="916" t="s">
        <v>3816</v>
      </c>
      <c r="CPV17" s="916" t="s">
        <v>3816</v>
      </c>
      <c r="CPW17" s="916" t="s">
        <v>3816</v>
      </c>
      <c r="CPX17" s="916" t="s">
        <v>3816</v>
      </c>
      <c r="CPY17" s="916" t="s">
        <v>3816</v>
      </c>
      <c r="CPZ17" s="916" t="s">
        <v>3816</v>
      </c>
      <c r="CQA17" s="916" t="s">
        <v>3816</v>
      </c>
      <c r="CQB17" s="916" t="s">
        <v>3816</v>
      </c>
      <c r="CQC17" s="916" t="s">
        <v>3816</v>
      </c>
      <c r="CQD17" s="916" t="s">
        <v>3816</v>
      </c>
      <c r="CQE17" s="916" t="s">
        <v>3816</v>
      </c>
      <c r="CQF17" s="916" t="s">
        <v>3816</v>
      </c>
      <c r="CQG17" s="916" t="s">
        <v>3816</v>
      </c>
      <c r="CQH17" s="916" t="s">
        <v>3816</v>
      </c>
      <c r="CQI17" s="916" t="s">
        <v>3816</v>
      </c>
      <c r="CQJ17" s="916" t="s">
        <v>3816</v>
      </c>
      <c r="CQK17" s="916" t="s">
        <v>3816</v>
      </c>
      <c r="CQL17" s="916" t="s">
        <v>3816</v>
      </c>
      <c r="CQM17" s="916" t="s">
        <v>3816</v>
      </c>
      <c r="CQN17" s="916" t="s">
        <v>3816</v>
      </c>
      <c r="CQO17" s="916" t="s">
        <v>3816</v>
      </c>
      <c r="CQP17" s="916" t="s">
        <v>3816</v>
      </c>
      <c r="CQQ17" s="916" t="s">
        <v>3816</v>
      </c>
      <c r="CQR17" s="916" t="s">
        <v>3816</v>
      </c>
      <c r="CQS17" s="916" t="s">
        <v>3816</v>
      </c>
      <c r="CQT17" s="916" t="s">
        <v>3816</v>
      </c>
      <c r="CQU17" s="916" t="s">
        <v>3816</v>
      </c>
      <c r="CQV17" s="916" t="s">
        <v>3816</v>
      </c>
      <c r="CQW17" s="916" t="s">
        <v>3816</v>
      </c>
      <c r="CQX17" s="916" t="s">
        <v>3816</v>
      </c>
      <c r="CQY17" s="916" t="s">
        <v>3816</v>
      </c>
      <c r="CQZ17" s="916" t="s">
        <v>3816</v>
      </c>
      <c r="CRA17" s="916" t="s">
        <v>3816</v>
      </c>
      <c r="CRB17" s="916" t="s">
        <v>3816</v>
      </c>
      <c r="CRC17" s="916" t="s">
        <v>3816</v>
      </c>
      <c r="CRD17" s="916" t="s">
        <v>3816</v>
      </c>
      <c r="CRE17" s="916" t="s">
        <v>3816</v>
      </c>
      <c r="CRF17" s="916" t="s">
        <v>3816</v>
      </c>
      <c r="CRG17" s="916" t="s">
        <v>3816</v>
      </c>
      <c r="CRH17" s="916" t="s">
        <v>3816</v>
      </c>
      <c r="CRI17" s="916" t="s">
        <v>3816</v>
      </c>
      <c r="CRJ17" s="916" t="s">
        <v>3816</v>
      </c>
      <c r="CRK17" s="916" t="s">
        <v>3816</v>
      </c>
      <c r="CRL17" s="916" t="s">
        <v>3816</v>
      </c>
      <c r="CRM17" s="916" t="s">
        <v>3816</v>
      </c>
      <c r="CRN17" s="916" t="s">
        <v>3816</v>
      </c>
      <c r="CRO17" s="916" t="s">
        <v>3816</v>
      </c>
      <c r="CRP17" s="916" t="s">
        <v>3816</v>
      </c>
      <c r="CRQ17" s="916" t="s">
        <v>3816</v>
      </c>
      <c r="CRR17" s="916" t="s">
        <v>3816</v>
      </c>
      <c r="CRS17" s="916" t="s">
        <v>3816</v>
      </c>
      <c r="CRT17" s="916" t="s">
        <v>3816</v>
      </c>
      <c r="CRU17" s="916" t="s">
        <v>3816</v>
      </c>
      <c r="CRV17" s="916" t="s">
        <v>3816</v>
      </c>
      <c r="CRW17" s="916" t="s">
        <v>3816</v>
      </c>
      <c r="CRX17" s="916" t="s">
        <v>3816</v>
      </c>
      <c r="CRY17" s="916" t="s">
        <v>3816</v>
      </c>
      <c r="CRZ17" s="916" t="s">
        <v>3816</v>
      </c>
      <c r="CSA17" s="916" t="s">
        <v>3816</v>
      </c>
      <c r="CSB17" s="916" t="s">
        <v>3816</v>
      </c>
      <c r="CSC17" s="916" t="s">
        <v>3816</v>
      </c>
      <c r="CSD17" s="916" t="s">
        <v>3816</v>
      </c>
      <c r="CSE17" s="916" t="s">
        <v>3816</v>
      </c>
      <c r="CSF17" s="916" t="s">
        <v>3816</v>
      </c>
      <c r="CSG17" s="916" t="s">
        <v>3816</v>
      </c>
      <c r="CSH17" s="916" t="s">
        <v>3816</v>
      </c>
      <c r="CSI17" s="916" t="s">
        <v>3816</v>
      </c>
      <c r="CSJ17" s="916" t="s">
        <v>3816</v>
      </c>
      <c r="CSK17" s="916" t="s">
        <v>3816</v>
      </c>
      <c r="CSL17" s="916" t="s">
        <v>3816</v>
      </c>
      <c r="CSM17" s="916" t="s">
        <v>3816</v>
      </c>
      <c r="CSN17" s="916" t="s">
        <v>3816</v>
      </c>
      <c r="CSO17" s="916" t="s">
        <v>3816</v>
      </c>
      <c r="CSP17" s="916" t="s">
        <v>3816</v>
      </c>
      <c r="CSQ17" s="916" t="s">
        <v>3816</v>
      </c>
      <c r="CSR17" s="916" t="s">
        <v>3816</v>
      </c>
      <c r="CSS17" s="916" t="s">
        <v>3816</v>
      </c>
      <c r="CST17" s="916" t="s">
        <v>3816</v>
      </c>
      <c r="CSU17" s="916" t="s">
        <v>3816</v>
      </c>
      <c r="CSV17" s="916" t="s">
        <v>3816</v>
      </c>
      <c r="CSW17" s="916" t="s">
        <v>3816</v>
      </c>
      <c r="CSX17" s="916" t="s">
        <v>3816</v>
      </c>
      <c r="CSY17" s="916" t="s">
        <v>3816</v>
      </c>
      <c r="CSZ17" s="916" t="s">
        <v>3816</v>
      </c>
      <c r="CTA17" s="916" t="s">
        <v>3816</v>
      </c>
      <c r="CTB17" s="916" t="s">
        <v>3816</v>
      </c>
      <c r="CTC17" s="916" t="s">
        <v>3816</v>
      </c>
      <c r="CTD17" s="916" t="s">
        <v>3816</v>
      </c>
      <c r="CTE17" s="916" t="s">
        <v>3816</v>
      </c>
      <c r="CTF17" s="916" t="s">
        <v>3816</v>
      </c>
      <c r="CTG17" s="916" t="s">
        <v>3816</v>
      </c>
      <c r="CTH17" s="916" t="s">
        <v>3816</v>
      </c>
      <c r="CTI17" s="916" t="s">
        <v>3816</v>
      </c>
      <c r="CTJ17" s="916" t="s">
        <v>3816</v>
      </c>
      <c r="CTK17" s="916" t="s">
        <v>3816</v>
      </c>
      <c r="CTL17" s="916" t="s">
        <v>3816</v>
      </c>
      <c r="CTM17" s="916" t="s">
        <v>3816</v>
      </c>
      <c r="CTN17" s="916" t="s">
        <v>3816</v>
      </c>
      <c r="CTO17" s="916" t="s">
        <v>3816</v>
      </c>
      <c r="CTP17" s="916" t="s">
        <v>3816</v>
      </c>
      <c r="CTQ17" s="916" t="s">
        <v>3816</v>
      </c>
      <c r="CTR17" s="916" t="s">
        <v>3816</v>
      </c>
      <c r="CTS17" s="916" t="s">
        <v>3816</v>
      </c>
      <c r="CTT17" s="916" t="s">
        <v>3816</v>
      </c>
      <c r="CTU17" s="916" t="s">
        <v>3816</v>
      </c>
      <c r="CTV17" s="916" t="s">
        <v>3816</v>
      </c>
      <c r="CTW17" s="916" t="s">
        <v>3816</v>
      </c>
      <c r="CTX17" s="916" t="s">
        <v>3816</v>
      </c>
      <c r="CTY17" s="916" t="s">
        <v>3816</v>
      </c>
      <c r="CTZ17" s="916" t="s">
        <v>3816</v>
      </c>
      <c r="CUA17" s="916" t="s">
        <v>3816</v>
      </c>
      <c r="CUB17" s="916" t="s">
        <v>3816</v>
      </c>
      <c r="CUC17" s="916" t="s">
        <v>3816</v>
      </c>
      <c r="CUD17" s="916" t="s">
        <v>3816</v>
      </c>
      <c r="CUE17" s="916" t="s">
        <v>3816</v>
      </c>
      <c r="CUF17" s="916" t="s">
        <v>3816</v>
      </c>
      <c r="CUG17" s="916" t="s">
        <v>3816</v>
      </c>
      <c r="CUH17" s="916" t="s">
        <v>3816</v>
      </c>
      <c r="CUI17" s="916" t="s">
        <v>3816</v>
      </c>
      <c r="CUJ17" s="916" t="s">
        <v>3816</v>
      </c>
      <c r="CUK17" s="916" t="s">
        <v>3816</v>
      </c>
      <c r="CUL17" s="916" t="s">
        <v>3816</v>
      </c>
      <c r="CUM17" s="916" t="s">
        <v>3816</v>
      </c>
      <c r="CUN17" s="916" t="s">
        <v>3816</v>
      </c>
      <c r="CUO17" s="916" t="s">
        <v>3816</v>
      </c>
      <c r="CUP17" s="916" t="s">
        <v>3816</v>
      </c>
      <c r="CUQ17" s="916" t="s">
        <v>3816</v>
      </c>
      <c r="CUR17" s="916" t="s">
        <v>3816</v>
      </c>
      <c r="CUS17" s="916" t="s">
        <v>3816</v>
      </c>
      <c r="CUT17" s="916" t="s">
        <v>3816</v>
      </c>
      <c r="CUU17" s="916" t="s">
        <v>3816</v>
      </c>
      <c r="CUV17" s="916" t="s">
        <v>3816</v>
      </c>
      <c r="CUW17" s="916" t="s">
        <v>3816</v>
      </c>
      <c r="CUX17" s="916" t="s">
        <v>3816</v>
      </c>
      <c r="CUY17" s="916" t="s">
        <v>3816</v>
      </c>
      <c r="CUZ17" s="916" t="s">
        <v>3816</v>
      </c>
      <c r="CVA17" s="916" t="s">
        <v>3816</v>
      </c>
      <c r="CVB17" s="916" t="s">
        <v>3816</v>
      </c>
      <c r="CVC17" s="916" t="s">
        <v>3816</v>
      </c>
      <c r="CVD17" s="916" t="s">
        <v>3816</v>
      </c>
      <c r="CVE17" s="916" t="s">
        <v>3816</v>
      </c>
      <c r="CVF17" s="916" t="s">
        <v>3816</v>
      </c>
      <c r="CVG17" s="916" t="s">
        <v>3816</v>
      </c>
      <c r="CVH17" s="916" t="s">
        <v>3816</v>
      </c>
      <c r="CVI17" s="916" t="s">
        <v>3816</v>
      </c>
      <c r="CVJ17" s="916" t="s">
        <v>3816</v>
      </c>
      <c r="CVK17" s="916" t="s">
        <v>3816</v>
      </c>
      <c r="CVL17" s="916" t="s">
        <v>3816</v>
      </c>
      <c r="CVM17" s="916" t="s">
        <v>3816</v>
      </c>
      <c r="CVN17" s="916" t="s">
        <v>3816</v>
      </c>
      <c r="CVO17" s="916" t="s">
        <v>3816</v>
      </c>
      <c r="CVP17" s="916" t="s">
        <v>3816</v>
      </c>
      <c r="CVQ17" s="916" t="s">
        <v>3816</v>
      </c>
      <c r="CVR17" s="916" t="s">
        <v>3816</v>
      </c>
      <c r="CVS17" s="916" t="s">
        <v>3816</v>
      </c>
      <c r="CVT17" s="916" t="s">
        <v>3816</v>
      </c>
      <c r="CVU17" s="916" t="s">
        <v>3816</v>
      </c>
      <c r="CVV17" s="916" t="s">
        <v>3816</v>
      </c>
      <c r="CVW17" s="916" t="s">
        <v>3816</v>
      </c>
      <c r="CVX17" s="916" t="s">
        <v>3816</v>
      </c>
      <c r="CVY17" s="916" t="s">
        <v>3816</v>
      </c>
      <c r="CVZ17" s="916" t="s">
        <v>3816</v>
      </c>
      <c r="CWA17" s="916" t="s">
        <v>3816</v>
      </c>
      <c r="CWB17" s="916" t="s">
        <v>3816</v>
      </c>
      <c r="CWC17" s="916" t="s">
        <v>3816</v>
      </c>
      <c r="CWD17" s="916" t="s">
        <v>3816</v>
      </c>
      <c r="CWE17" s="916" t="s">
        <v>3816</v>
      </c>
      <c r="CWF17" s="916" t="s">
        <v>3816</v>
      </c>
      <c r="CWG17" s="916" t="s">
        <v>3816</v>
      </c>
      <c r="CWH17" s="916" t="s">
        <v>3816</v>
      </c>
      <c r="CWI17" s="916" t="s">
        <v>3816</v>
      </c>
      <c r="CWJ17" s="916" t="s">
        <v>3816</v>
      </c>
      <c r="CWK17" s="916" t="s">
        <v>3816</v>
      </c>
      <c r="CWL17" s="916" t="s">
        <v>3816</v>
      </c>
      <c r="CWM17" s="916" t="s">
        <v>3816</v>
      </c>
      <c r="CWN17" s="916" t="s">
        <v>3816</v>
      </c>
      <c r="CWO17" s="916" t="s">
        <v>3816</v>
      </c>
      <c r="CWP17" s="916" t="s">
        <v>3816</v>
      </c>
      <c r="CWQ17" s="916" t="s">
        <v>3816</v>
      </c>
      <c r="CWR17" s="916" t="s">
        <v>3816</v>
      </c>
      <c r="CWS17" s="916" t="s">
        <v>3816</v>
      </c>
      <c r="CWT17" s="916" t="s">
        <v>3816</v>
      </c>
      <c r="CWU17" s="916" t="s">
        <v>3816</v>
      </c>
      <c r="CWV17" s="916" t="s">
        <v>3816</v>
      </c>
      <c r="CWW17" s="916" t="s">
        <v>3816</v>
      </c>
      <c r="CWX17" s="916" t="s">
        <v>3816</v>
      </c>
      <c r="CWY17" s="916" t="s">
        <v>3816</v>
      </c>
      <c r="CWZ17" s="916" t="s">
        <v>3816</v>
      </c>
      <c r="CXA17" s="916" t="s">
        <v>3816</v>
      </c>
      <c r="CXB17" s="916" t="s">
        <v>3816</v>
      </c>
      <c r="CXC17" s="916" t="s">
        <v>3816</v>
      </c>
      <c r="CXD17" s="916" t="s">
        <v>3816</v>
      </c>
      <c r="CXE17" s="916" t="s">
        <v>3816</v>
      </c>
      <c r="CXF17" s="916" t="s">
        <v>3816</v>
      </c>
      <c r="CXG17" s="916" t="s">
        <v>3816</v>
      </c>
      <c r="CXH17" s="916" t="s">
        <v>3816</v>
      </c>
      <c r="CXI17" s="916" t="s">
        <v>3816</v>
      </c>
      <c r="CXJ17" s="916" t="s">
        <v>3816</v>
      </c>
      <c r="CXK17" s="916" t="s">
        <v>3816</v>
      </c>
      <c r="CXL17" s="916" t="s">
        <v>3816</v>
      </c>
      <c r="CXM17" s="916" t="s">
        <v>3816</v>
      </c>
      <c r="CXN17" s="916" t="s">
        <v>3816</v>
      </c>
      <c r="CXO17" s="916" t="s">
        <v>3816</v>
      </c>
      <c r="CXP17" s="916" t="s">
        <v>3816</v>
      </c>
      <c r="CXQ17" s="916" t="s">
        <v>3816</v>
      </c>
      <c r="CXR17" s="916" t="s">
        <v>3816</v>
      </c>
      <c r="CXS17" s="916" t="s">
        <v>3816</v>
      </c>
      <c r="CXT17" s="916" t="s">
        <v>3816</v>
      </c>
      <c r="CXU17" s="916" t="s">
        <v>3816</v>
      </c>
      <c r="CXV17" s="916" t="s">
        <v>3816</v>
      </c>
      <c r="CXW17" s="916" t="s">
        <v>3816</v>
      </c>
      <c r="CXX17" s="916" t="s">
        <v>3816</v>
      </c>
      <c r="CXY17" s="916" t="s">
        <v>3816</v>
      </c>
      <c r="CXZ17" s="916" t="s">
        <v>3816</v>
      </c>
      <c r="CYA17" s="916" t="s">
        <v>3816</v>
      </c>
      <c r="CYB17" s="916" t="s">
        <v>3816</v>
      </c>
      <c r="CYC17" s="916" t="s">
        <v>3816</v>
      </c>
      <c r="CYD17" s="916" t="s">
        <v>3816</v>
      </c>
      <c r="CYE17" s="916" t="s">
        <v>3816</v>
      </c>
      <c r="CYF17" s="916" t="s">
        <v>3816</v>
      </c>
      <c r="CYG17" s="916" t="s">
        <v>3816</v>
      </c>
      <c r="CYH17" s="916" t="s">
        <v>3816</v>
      </c>
      <c r="CYI17" s="916" t="s">
        <v>3816</v>
      </c>
      <c r="CYJ17" s="916" t="s">
        <v>3816</v>
      </c>
      <c r="CYK17" s="916" t="s">
        <v>3816</v>
      </c>
      <c r="CYL17" s="916" t="s">
        <v>3816</v>
      </c>
      <c r="CYM17" s="916" t="s">
        <v>3816</v>
      </c>
      <c r="CYN17" s="916" t="s">
        <v>3816</v>
      </c>
      <c r="CYO17" s="916" t="s">
        <v>3816</v>
      </c>
      <c r="CYP17" s="916" t="s">
        <v>3816</v>
      </c>
      <c r="CYQ17" s="916" t="s">
        <v>3816</v>
      </c>
      <c r="CYR17" s="916" t="s">
        <v>3816</v>
      </c>
      <c r="CYS17" s="916" t="s">
        <v>3816</v>
      </c>
      <c r="CYT17" s="916" t="s">
        <v>3816</v>
      </c>
      <c r="CYU17" s="916" t="s">
        <v>3816</v>
      </c>
      <c r="CYV17" s="916" t="s">
        <v>3816</v>
      </c>
      <c r="CYW17" s="916" t="s">
        <v>3816</v>
      </c>
      <c r="CYX17" s="916" t="s">
        <v>3816</v>
      </c>
      <c r="CYY17" s="916" t="s">
        <v>3816</v>
      </c>
      <c r="CYZ17" s="916" t="s">
        <v>3816</v>
      </c>
      <c r="CZA17" s="916" t="s">
        <v>3816</v>
      </c>
      <c r="CZB17" s="916" t="s">
        <v>3816</v>
      </c>
      <c r="CZC17" s="916" t="s">
        <v>3816</v>
      </c>
      <c r="CZD17" s="916" t="s">
        <v>3816</v>
      </c>
      <c r="CZE17" s="916" t="s">
        <v>3816</v>
      </c>
      <c r="CZF17" s="916" t="s">
        <v>3816</v>
      </c>
      <c r="CZG17" s="916" t="s">
        <v>3816</v>
      </c>
      <c r="CZH17" s="916" t="s">
        <v>3816</v>
      </c>
      <c r="CZI17" s="916" t="s">
        <v>3816</v>
      </c>
      <c r="CZJ17" s="916" t="s">
        <v>3816</v>
      </c>
      <c r="CZK17" s="916" t="s">
        <v>3816</v>
      </c>
      <c r="CZL17" s="916" t="s">
        <v>3816</v>
      </c>
      <c r="CZM17" s="916" t="s">
        <v>3816</v>
      </c>
      <c r="CZN17" s="916" t="s">
        <v>3816</v>
      </c>
      <c r="CZO17" s="916" t="s">
        <v>3816</v>
      </c>
      <c r="CZP17" s="916" t="s">
        <v>3816</v>
      </c>
      <c r="CZQ17" s="916" t="s">
        <v>3816</v>
      </c>
      <c r="CZR17" s="916" t="s">
        <v>3816</v>
      </c>
      <c r="CZS17" s="916" t="s">
        <v>3816</v>
      </c>
      <c r="CZT17" s="916" t="s">
        <v>3816</v>
      </c>
      <c r="CZU17" s="916" t="s">
        <v>3816</v>
      </c>
      <c r="CZV17" s="916" t="s">
        <v>3816</v>
      </c>
      <c r="CZW17" s="916" t="s">
        <v>3816</v>
      </c>
      <c r="CZX17" s="916" t="s">
        <v>3816</v>
      </c>
      <c r="CZY17" s="916" t="s">
        <v>3816</v>
      </c>
      <c r="CZZ17" s="916" t="s">
        <v>3816</v>
      </c>
      <c r="DAA17" s="916" t="s">
        <v>3816</v>
      </c>
      <c r="DAB17" s="916" t="s">
        <v>3816</v>
      </c>
      <c r="DAC17" s="916" t="s">
        <v>3816</v>
      </c>
      <c r="DAD17" s="916" t="s">
        <v>3816</v>
      </c>
      <c r="DAE17" s="916" t="s">
        <v>3816</v>
      </c>
      <c r="DAF17" s="916" t="s">
        <v>3816</v>
      </c>
      <c r="DAG17" s="916" t="s">
        <v>3816</v>
      </c>
      <c r="DAH17" s="916" t="s">
        <v>3816</v>
      </c>
      <c r="DAI17" s="916" t="s">
        <v>3816</v>
      </c>
      <c r="DAJ17" s="916" t="s">
        <v>3816</v>
      </c>
      <c r="DAK17" s="916" t="s">
        <v>3816</v>
      </c>
      <c r="DAL17" s="916" t="s">
        <v>3816</v>
      </c>
      <c r="DAM17" s="916" t="s">
        <v>3816</v>
      </c>
      <c r="DAN17" s="916" t="s">
        <v>3816</v>
      </c>
      <c r="DAO17" s="916" t="s">
        <v>3816</v>
      </c>
      <c r="DAP17" s="916" t="s">
        <v>3816</v>
      </c>
      <c r="DAQ17" s="916" t="s">
        <v>3816</v>
      </c>
      <c r="DAR17" s="916" t="s">
        <v>3816</v>
      </c>
      <c r="DAS17" s="916" t="s">
        <v>3816</v>
      </c>
      <c r="DAT17" s="916" t="s">
        <v>3816</v>
      </c>
      <c r="DAU17" s="916" t="s">
        <v>3816</v>
      </c>
      <c r="DAV17" s="916" t="s">
        <v>3816</v>
      </c>
      <c r="DAW17" s="916" t="s">
        <v>3816</v>
      </c>
      <c r="DAX17" s="916" t="s">
        <v>3816</v>
      </c>
      <c r="DAY17" s="916" t="s">
        <v>3816</v>
      </c>
      <c r="DAZ17" s="916" t="s">
        <v>3816</v>
      </c>
      <c r="DBA17" s="916" t="s">
        <v>3816</v>
      </c>
      <c r="DBB17" s="916" t="s">
        <v>3816</v>
      </c>
      <c r="DBC17" s="916" t="s">
        <v>3816</v>
      </c>
      <c r="DBD17" s="916" t="s">
        <v>3816</v>
      </c>
      <c r="DBE17" s="916" t="s">
        <v>3816</v>
      </c>
      <c r="DBF17" s="916" t="s">
        <v>3816</v>
      </c>
      <c r="DBG17" s="916" t="s">
        <v>3816</v>
      </c>
      <c r="DBH17" s="916" t="s">
        <v>3816</v>
      </c>
      <c r="DBI17" s="916" t="s">
        <v>3816</v>
      </c>
      <c r="DBJ17" s="916" t="s">
        <v>3816</v>
      </c>
      <c r="DBK17" s="916" t="s">
        <v>3816</v>
      </c>
      <c r="DBL17" s="916" t="s">
        <v>3816</v>
      </c>
      <c r="DBM17" s="916" t="s">
        <v>3816</v>
      </c>
      <c r="DBN17" s="916" t="s">
        <v>3816</v>
      </c>
      <c r="DBO17" s="916" t="s">
        <v>3816</v>
      </c>
      <c r="DBP17" s="916" t="s">
        <v>3816</v>
      </c>
      <c r="DBQ17" s="916" t="s">
        <v>3816</v>
      </c>
      <c r="DBR17" s="916" t="s">
        <v>3816</v>
      </c>
      <c r="DBS17" s="916" t="s">
        <v>3816</v>
      </c>
      <c r="DBT17" s="916" t="s">
        <v>3816</v>
      </c>
      <c r="DBU17" s="916" t="s">
        <v>3816</v>
      </c>
      <c r="DBV17" s="916" t="s">
        <v>3816</v>
      </c>
      <c r="DBW17" s="916" t="s">
        <v>3816</v>
      </c>
      <c r="DBX17" s="916" t="s">
        <v>3816</v>
      </c>
      <c r="DBY17" s="916" t="s">
        <v>3816</v>
      </c>
      <c r="DBZ17" s="916" t="s">
        <v>3816</v>
      </c>
      <c r="DCA17" s="916" t="s">
        <v>3816</v>
      </c>
      <c r="DCB17" s="916" t="s">
        <v>3816</v>
      </c>
      <c r="DCC17" s="916" t="s">
        <v>3816</v>
      </c>
      <c r="DCD17" s="916" t="s">
        <v>3816</v>
      </c>
      <c r="DCE17" s="916" t="s">
        <v>3816</v>
      </c>
      <c r="DCF17" s="916" t="s">
        <v>3816</v>
      </c>
      <c r="DCG17" s="916" t="s">
        <v>3816</v>
      </c>
      <c r="DCH17" s="916" t="s">
        <v>3816</v>
      </c>
      <c r="DCI17" s="916" t="s">
        <v>3816</v>
      </c>
      <c r="DCJ17" s="916" t="s">
        <v>3816</v>
      </c>
      <c r="DCK17" s="916" t="s">
        <v>3816</v>
      </c>
      <c r="DCL17" s="916" t="s">
        <v>3816</v>
      </c>
      <c r="DCM17" s="916" t="s">
        <v>3816</v>
      </c>
      <c r="DCN17" s="916" t="s">
        <v>3816</v>
      </c>
      <c r="DCO17" s="916" t="s">
        <v>3816</v>
      </c>
      <c r="DCP17" s="916" t="s">
        <v>3816</v>
      </c>
      <c r="DCQ17" s="916" t="s">
        <v>3816</v>
      </c>
      <c r="DCR17" s="916" t="s">
        <v>3816</v>
      </c>
      <c r="DCS17" s="916" t="s">
        <v>3816</v>
      </c>
      <c r="DCT17" s="916" t="s">
        <v>3816</v>
      </c>
      <c r="DCU17" s="916" t="s">
        <v>3816</v>
      </c>
      <c r="DCV17" s="916" t="s">
        <v>3816</v>
      </c>
      <c r="DCW17" s="916" t="s">
        <v>3816</v>
      </c>
      <c r="DCX17" s="916" t="s">
        <v>3816</v>
      </c>
      <c r="DCY17" s="916" t="s">
        <v>3816</v>
      </c>
      <c r="DCZ17" s="916" t="s">
        <v>3816</v>
      </c>
      <c r="DDA17" s="916" t="s">
        <v>3816</v>
      </c>
      <c r="DDB17" s="916" t="s">
        <v>3816</v>
      </c>
      <c r="DDC17" s="916" t="s">
        <v>3816</v>
      </c>
      <c r="DDD17" s="916" t="s">
        <v>3816</v>
      </c>
      <c r="DDE17" s="916" t="s">
        <v>3816</v>
      </c>
      <c r="DDF17" s="916" t="s">
        <v>3816</v>
      </c>
      <c r="DDG17" s="916" t="s">
        <v>3816</v>
      </c>
      <c r="DDH17" s="916" t="s">
        <v>3816</v>
      </c>
      <c r="DDI17" s="916" t="s">
        <v>3816</v>
      </c>
      <c r="DDJ17" s="916" t="s">
        <v>3816</v>
      </c>
      <c r="DDK17" s="916" t="s">
        <v>3816</v>
      </c>
      <c r="DDL17" s="916" t="s">
        <v>3816</v>
      </c>
      <c r="DDM17" s="916" t="s">
        <v>3816</v>
      </c>
      <c r="DDN17" s="916" t="s">
        <v>3816</v>
      </c>
      <c r="DDO17" s="916" t="s">
        <v>3816</v>
      </c>
      <c r="DDP17" s="916" t="s">
        <v>3816</v>
      </c>
      <c r="DDQ17" s="916" t="s">
        <v>3816</v>
      </c>
      <c r="DDR17" s="916" t="s">
        <v>3816</v>
      </c>
      <c r="DDS17" s="916" t="s">
        <v>3816</v>
      </c>
      <c r="DDT17" s="916" t="s">
        <v>3816</v>
      </c>
      <c r="DDU17" s="916" t="s">
        <v>3816</v>
      </c>
      <c r="DDV17" s="916" t="s">
        <v>3816</v>
      </c>
      <c r="DDW17" s="916" t="s">
        <v>3816</v>
      </c>
      <c r="DDX17" s="916" t="s">
        <v>3816</v>
      </c>
      <c r="DDY17" s="916" t="s">
        <v>3816</v>
      </c>
      <c r="DDZ17" s="916" t="s">
        <v>3816</v>
      </c>
      <c r="DEA17" s="916" t="s">
        <v>3816</v>
      </c>
      <c r="DEB17" s="916" t="s">
        <v>3816</v>
      </c>
      <c r="DEC17" s="916" t="s">
        <v>3816</v>
      </c>
      <c r="DED17" s="916" t="s">
        <v>3816</v>
      </c>
      <c r="DEE17" s="916" t="s">
        <v>3816</v>
      </c>
      <c r="DEF17" s="916" t="s">
        <v>3816</v>
      </c>
      <c r="DEG17" s="916" t="s">
        <v>3816</v>
      </c>
      <c r="DEH17" s="916" t="s">
        <v>3816</v>
      </c>
      <c r="DEI17" s="916" t="s">
        <v>3816</v>
      </c>
      <c r="DEJ17" s="916" t="s">
        <v>3816</v>
      </c>
      <c r="DEK17" s="916" t="s">
        <v>3816</v>
      </c>
      <c r="DEL17" s="916" t="s">
        <v>3816</v>
      </c>
      <c r="DEM17" s="916" t="s">
        <v>3816</v>
      </c>
      <c r="DEN17" s="916" t="s">
        <v>3816</v>
      </c>
      <c r="DEO17" s="916" t="s">
        <v>3816</v>
      </c>
      <c r="DEP17" s="916" t="s">
        <v>3816</v>
      </c>
      <c r="DEQ17" s="916" t="s">
        <v>3816</v>
      </c>
      <c r="DER17" s="916" t="s">
        <v>3816</v>
      </c>
      <c r="DES17" s="916" t="s">
        <v>3816</v>
      </c>
      <c r="DET17" s="916" t="s">
        <v>3816</v>
      </c>
      <c r="DEU17" s="916" t="s">
        <v>3816</v>
      </c>
      <c r="DEV17" s="916" t="s">
        <v>3816</v>
      </c>
      <c r="DEW17" s="916" t="s">
        <v>3816</v>
      </c>
      <c r="DEX17" s="916" t="s">
        <v>3816</v>
      </c>
      <c r="DEY17" s="916" t="s">
        <v>3816</v>
      </c>
      <c r="DEZ17" s="916" t="s">
        <v>3816</v>
      </c>
      <c r="DFA17" s="916" t="s">
        <v>3816</v>
      </c>
      <c r="DFB17" s="916" t="s">
        <v>3816</v>
      </c>
      <c r="DFC17" s="916" t="s">
        <v>3816</v>
      </c>
      <c r="DFD17" s="916" t="s">
        <v>3816</v>
      </c>
      <c r="DFE17" s="916" t="s">
        <v>3816</v>
      </c>
      <c r="DFF17" s="916" t="s">
        <v>3816</v>
      </c>
      <c r="DFG17" s="916" t="s">
        <v>3816</v>
      </c>
      <c r="DFH17" s="916" t="s">
        <v>3816</v>
      </c>
      <c r="DFI17" s="916" t="s">
        <v>3816</v>
      </c>
      <c r="DFJ17" s="916" t="s">
        <v>3816</v>
      </c>
      <c r="DFK17" s="916" t="s">
        <v>3816</v>
      </c>
      <c r="DFL17" s="916" t="s">
        <v>3816</v>
      </c>
      <c r="DFM17" s="916" t="s">
        <v>3816</v>
      </c>
      <c r="DFN17" s="916" t="s">
        <v>3816</v>
      </c>
      <c r="DFO17" s="916" t="s">
        <v>3816</v>
      </c>
      <c r="DFP17" s="916" t="s">
        <v>3816</v>
      </c>
      <c r="DFQ17" s="916" t="s">
        <v>3816</v>
      </c>
      <c r="DFR17" s="916" t="s">
        <v>3816</v>
      </c>
      <c r="DFS17" s="916" t="s">
        <v>3816</v>
      </c>
      <c r="DFT17" s="916" t="s">
        <v>3816</v>
      </c>
      <c r="DFU17" s="916" t="s">
        <v>3816</v>
      </c>
      <c r="DFV17" s="916" t="s">
        <v>3816</v>
      </c>
      <c r="DFW17" s="916" t="s">
        <v>3816</v>
      </c>
      <c r="DFX17" s="916" t="s">
        <v>3816</v>
      </c>
      <c r="DFY17" s="916" t="s">
        <v>3816</v>
      </c>
      <c r="DFZ17" s="916" t="s">
        <v>3816</v>
      </c>
      <c r="DGA17" s="916" t="s">
        <v>3816</v>
      </c>
      <c r="DGB17" s="916" t="s">
        <v>3816</v>
      </c>
      <c r="DGC17" s="916" t="s">
        <v>3816</v>
      </c>
      <c r="DGD17" s="916" t="s">
        <v>3816</v>
      </c>
      <c r="DGE17" s="916" t="s">
        <v>3816</v>
      </c>
      <c r="DGF17" s="916" t="s">
        <v>3816</v>
      </c>
      <c r="DGG17" s="916" t="s">
        <v>3816</v>
      </c>
      <c r="DGH17" s="916" t="s">
        <v>3816</v>
      </c>
      <c r="DGI17" s="916" t="s">
        <v>3816</v>
      </c>
      <c r="DGJ17" s="916" t="s">
        <v>3816</v>
      </c>
      <c r="DGK17" s="916" t="s">
        <v>3816</v>
      </c>
      <c r="DGL17" s="916" t="s">
        <v>3816</v>
      </c>
      <c r="DGM17" s="916" t="s">
        <v>3816</v>
      </c>
      <c r="DGN17" s="916" t="s">
        <v>3816</v>
      </c>
      <c r="DGO17" s="916" t="s">
        <v>3816</v>
      </c>
      <c r="DGP17" s="916" t="s">
        <v>3816</v>
      </c>
      <c r="DGQ17" s="916" t="s">
        <v>3816</v>
      </c>
      <c r="DGR17" s="916" t="s">
        <v>3816</v>
      </c>
      <c r="DGS17" s="916" t="s">
        <v>3816</v>
      </c>
      <c r="DGT17" s="916" t="s">
        <v>3816</v>
      </c>
      <c r="DGU17" s="916" t="s">
        <v>3816</v>
      </c>
      <c r="DGV17" s="916" t="s">
        <v>3816</v>
      </c>
      <c r="DGW17" s="916" t="s">
        <v>3816</v>
      </c>
      <c r="DGX17" s="916" t="s">
        <v>3816</v>
      </c>
      <c r="DGY17" s="916" t="s">
        <v>3816</v>
      </c>
      <c r="DGZ17" s="916" t="s">
        <v>3816</v>
      </c>
      <c r="DHA17" s="916" t="s">
        <v>3816</v>
      </c>
      <c r="DHB17" s="916" t="s">
        <v>3816</v>
      </c>
      <c r="DHC17" s="916" t="s">
        <v>3816</v>
      </c>
      <c r="DHD17" s="916" t="s">
        <v>3816</v>
      </c>
      <c r="DHE17" s="916" t="s">
        <v>3816</v>
      </c>
      <c r="DHF17" s="916" t="s">
        <v>3816</v>
      </c>
      <c r="DHG17" s="916" t="s">
        <v>3816</v>
      </c>
      <c r="DHH17" s="916" t="s">
        <v>3816</v>
      </c>
      <c r="DHI17" s="916" t="s">
        <v>3816</v>
      </c>
      <c r="DHJ17" s="916" t="s">
        <v>3816</v>
      </c>
      <c r="DHK17" s="916" t="s">
        <v>3816</v>
      </c>
      <c r="DHL17" s="916" t="s">
        <v>3816</v>
      </c>
      <c r="DHM17" s="916" t="s">
        <v>3816</v>
      </c>
      <c r="DHN17" s="916" t="s">
        <v>3816</v>
      </c>
      <c r="DHO17" s="916" t="s">
        <v>3816</v>
      </c>
      <c r="DHP17" s="916" t="s">
        <v>3816</v>
      </c>
      <c r="DHQ17" s="916" t="s">
        <v>3816</v>
      </c>
      <c r="DHR17" s="916" t="s">
        <v>3816</v>
      </c>
      <c r="DHS17" s="916" t="s">
        <v>3816</v>
      </c>
      <c r="DHT17" s="916" t="s">
        <v>3816</v>
      </c>
      <c r="DHU17" s="916" t="s">
        <v>3816</v>
      </c>
      <c r="DHV17" s="916" t="s">
        <v>3816</v>
      </c>
      <c r="DHW17" s="916" t="s">
        <v>3816</v>
      </c>
      <c r="DHX17" s="916" t="s">
        <v>3816</v>
      </c>
      <c r="DHY17" s="916" t="s">
        <v>3816</v>
      </c>
      <c r="DHZ17" s="916" t="s">
        <v>3816</v>
      </c>
      <c r="DIA17" s="916" t="s">
        <v>3816</v>
      </c>
      <c r="DIB17" s="916" t="s">
        <v>3816</v>
      </c>
      <c r="DIC17" s="916" t="s">
        <v>3816</v>
      </c>
      <c r="DID17" s="916" t="s">
        <v>3816</v>
      </c>
      <c r="DIE17" s="916" t="s">
        <v>3816</v>
      </c>
      <c r="DIF17" s="916" t="s">
        <v>3816</v>
      </c>
      <c r="DIG17" s="916" t="s">
        <v>3816</v>
      </c>
      <c r="DIH17" s="916" t="s">
        <v>3816</v>
      </c>
      <c r="DII17" s="916" t="s">
        <v>3816</v>
      </c>
      <c r="DIJ17" s="916" t="s">
        <v>3816</v>
      </c>
      <c r="DIK17" s="916" t="s">
        <v>3816</v>
      </c>
      <c r="DIL17" s="916" t="s">
        <v>3816</v>
      </c>
      <c r="DIM17" s="916" t="s">
        <v>3816</v>
      </c>
      <c r="DIN17" s="916" t="s">
        <v>3816</v>
      </c>
      <c r="DIO17" s="916" t="s">
        <v>3816</v>
      </c>
      <c r="DIP17" s="916" t="s">
        <v>3816</v>
      </c>
      <c r="DIQ17" s="916" t="s">
        <v>3816</v>
      </c>
      <c r="DIR17" s="916" t="s">
        <v>3816</v>
      </c>
      <c r="DIS17" s="916" t="s">
        <v>3816</v>
      </c>
      <c r="DIT17" s="916" t="s">
        <v>3816</v>
      </c>
      <c r="DIU17" s="916" t="s">
        <v>3816</v>
      </c>
      <c r="DIV17" s="916" t="s">
        <v>3816</v>
      </c>
      <c r="DIW17" s="916" t="s">
        <v>3816</v>
      </c>
      <c r="DIX17" s="916" t="s">
        <v>3816</v>
      </c>
      <c r="DIY17" s="916" t="s">
        <v>3816</v>
      </c>
      <c r="DIZ17" s="916" t="s">
        <v>3816</v>
      </c>
      <c r="DJA17" s="916" t="s">
        <v>3816</v>
      </c>
      <c r="DJB17" s="916" t="s">
        <v>3816</v>
      </c>
      <c r="DJC17" s="916" t="s">
        <v>3816</v>
      </c>
      <c r="DJD17" s="916" t="s">
        <v>3816</v>
      </c>
      <c r="DJE17" s="916" t="s">
        <v>3816</v>
      </c>
      <c r="DJF17" s="916" t="s">
        <v>3816</v>
      </c>
      <c r="DJG17" s="916" t="s">
        <v>3816</v>
      </c>
      <c r="DJH17" s="916" t="s">
        <v>3816</v>
      </c>
      <c r="DJI17" s="916" t="s">
        <v>3816</v>
      </c>
      <c r="DJJ17" s="916" t="s">
        <v>3816</v>
      </c>
      <c r="DJK17" s="916" t="s">
        <v>3816</v>
      </c>
      <c r="DJL17" s="916" t="s">
        <v>3816</v>
      </c>
      <c r="DJM17" s="916" t="s">
        <v>3816</v>
      </c>
      <c r="DJN17" s="916" t="s">
        <v>3816</v>
      </c>
      <c r="DJO17" s="916" t="s">
        <v>3816</v>
      </c>
      <c r="DJP17" s="916" t="s">
        <v>3816</v>
      </c>
      <c r="DJQ17" s="916" t="s">
        <v>3816</v>
      </c>
      <c r="DJR17" s="916" t="s">
        <v>3816</v>
      </c>
      <c r="DJS17" s="916" t="s">
        <v>3816</v>
      </c>
      <c r="DJT17" s="916" t="s">
        <v>3816</v>
      </c>
      <c r="DJU17" s="916" t="s">
        <v>3816</v>
      </c>
      <c r="DJV17" s="916" t="s">
        <v>3816</v>
      </c>
      <c r="DJW17" s="916" t="s">
        <v>3816</v>
      </c>
      <c r="DJX17" s="916" t="s">
        <v>3816</v>
      </c>
      <c r="DJY17" s="916" t="s">
        <v>3816</v>
      </c>
      <c r="DJZ17" s="916" t="s">
        <v>3816</v>
      </c>
      <c r="DKA17" s="916" t="s">
        <v>3816</v>
      </c>
      <c r="DKB17" s="916" t="s">
        <v>3816</v>
      </c>
      <c r="DKC17" s="916" t="s">
        <v>3816</v>
      </c>
      <c r="DKD17" s="916" t="s">
        <v>3816</v>
      </c>
      <c r="DKE17" s="916" t="s">
        <v>3816</v>
      </c>
      <c r="DKF17" s="916" t="s">
        <v>3816</v>
      </c>
      <c r="DKG17" s="916" t="s">
        <v>3816</v>
      </c>
      <c r="DKH17" s="916" t="s">
        <v>3816</v>
      </c>
      <c r="DKI17" s="916" t="s">
        <v>3816</v>
      </c>
      <c r="DKJ17" s="916" t="s">
        <v>3816</v>
      </c>
      <c r="DKK17" s="916" t="s">
        <v>3816</v>
      </c>
      <c r="DKL17" s="916" t="s">
        <v>3816</v>
      </c>
      <c r="DKM17" s="916" t="s">
        <v>3816</v>
      </c>
      <c r="DKN17" s="916" t="s">
        <v>3816</v>
      </c>
      <c r="DKO17" s="916" t="s">
        <v>3816</v>
      </c>
      <c r="DKP17" s="916" t="s">
        <v>3816</v>
      </c>
      <c r="DKQ17" s="916" t="s">
        <v>3816</v>
      </c>
      <c r="DKR17" s="916" t="s">
        <v>3816</v>
      </c>
      <c r="DKS17" s="916" t="s">
        <v>3816</v>
      </c>
      <c r="DKT17" s="916" t="s">
        <v>3816</v>
      </c>
      <c r="DKU17" s="916" t="s">
        <v>3816</v>
      </c>
      <c r="DKV17" s="916" t="s">
        <v>3816</v>
      </c>
      <c r="DKW17" s="916" t="s">
        <v>3816</v>
      </c>
      <c r="DKX17" s="916" t="s">
        <v>3816</v>
      </c>
      <c r="DKY17" s="916" t="s">
        <v>3816</v>
      </c>
      <c r="DKZ17" s="916" t="s">
        <v>3816</v>
      </c>
      <c r="DLA17" s="916" t="s">
        <v>3816</v>
      </c>
      <c r="DLB17" s="916" t="s">
        <v>3816</v>
      </c>
      <c r="DLC17" s="916" t="s">
        <v>3816</v>
      </c>
      <c r="DLD17" s="916" t="s">
        <v>3816</v>
      </c>
      <c r="DLE17" s="916" t="s">
        <v>3816</v>
      </c>
      <c r="DLF17" s="916" t="s">
        <v>3816</v>
      </c>
      <c r="DLG17" s="916" t="s">
        <v>3816</v>
      </c>
      <c r="DLH17" s="916" t="s">
        <v>3816</v>
      </c>
      <c r="DLI17" s="916" t="s">
        <v>3816</v>
      </c>
      <c r="DLJ17" s="916" t="s">
        <v>3816</v>
      </c>
      <c r="DLK17" s="916" t="s">
        <v>3816</v>
      </c>
      <c r="DLL17" s="916" t="s">
        <v>3816</v>
      </c>
      <c r="DLM17" s="916" t="s">
        <v>3816</v>
      </c>
      <c r="DLN17" s="916" t="s">
        <v>3816</v>
      </c>
      <c r="DLO17" s="916" t="s">
        <v>3816</v>
      </c>
      <c r="DLP17" s="916" t="s">
        <v>3816</v>
      </c>
      <c r="DLQ17" s="916" t="s">
        <v>3816</v>
      </c>
      <c r="DLR17" s="916" t="s">
        <v>3816</v>
      </c>
      <c r="DLS17" s="916" t="s">
        <v>3816</v>
      </c>
      <c r="DLT17" s="916" t="s">
        <v>3816</v>
      </c>
      <c r="DLU17" s="916" t="s">
        <v>3816</v>
      </c>
      <c r="DLV17" s="916" t="s">
        <v>3816</v>
      </c>
      <c r="DLW17" s="916" t="s">
        <v>3816</v>
      </c>
      <c r="DLX17" s="916" t="s">
        <v>3816</v>
      </c>
      <c r="DLY17" s="916" t="s">
        <v>3816</v>
      </c>
      <c r="DLZ17" s="916" t="s">
        <v>3816</v>
      </c>
      <c r="DMA17" s="916" t="s">
        <v>3816</v>
      </c>
      <c r="DMB17" s="916" t="s">
        <v>3816</v>
      </c>
      <c r="DMC17" s="916" t="s">
        <v>3816</v>
      </c>
      <c r="DMD17" s="916" t="s">
        <v>3816</v>
      </c>
      <c r="DME17" s="916" t="s">
        <v>3816</v>
      </c>
      <c r="DMF17" s="916" t="s">
        <v>3816</v>
      </c>
      <c r="DMG17" s="916" t="s">
        <v>3816</v>
      </c>
      <c r="DMH17" s="916" t="s">
        <v>3816</v>
      </c>
      <c r="DMI17" s="916" t="s">
        <v>3816</v>
      </c>
      <c r="DMJ17" s="916" t="s">
        <v>3816</v>
      </c>
      <c r="DMK17" s="916" t="s">
        <v>3816</v>
      </c>
      <c r="DML17" s="916" t="s">
        <v>3816</v>
      </c>
      <c r="DMM17" s="916" t="s">
        <v>3816</v>
      </c>
      <c r="DMN17" s="916" t="s">
        <v>3816</v>
      </c>
      <c r="DMO17" s="916" t="s">
        <v>3816</v>
      </c>
      <c r="DMP17" s="916" t="s">
        <v>3816</v>
      </c>
      <c r="DMQ17" s="916" t="s">
        <v>3816</v>
      </c>
      <c r="DMR17" s="916" t="s">
        <v>3816</v>
      </c>
      <c r="DMS17" s="916" t="s">
        <v>3816</v>
      </c>
      <c r="DMT17" s="916" t="s">
        <v>3816</v>
      </c>
      <c r="DMU17" s="916" t="s">
        <v>3816</v>
      </c>
      <c r="DMV17" s="916" t="s">
        <v>3816</v>
      </c>
      <c r="DMW17" s="916" t="s">
        <v>3816</v>
      </c>
      <c r="DMX17" s="916" t="s">
        <v>3816</v>
      </c>
      <c r="DMY17" s="916" t="s">
        <v>3816</v>
      </c>
      <c r="DMZ17" s="916" t="s">
        <v>3816</v>
      </c>
      <c r="DNA17" s="916" t="s">
        <v>3816</v>
      </c>
      <c r="DNB17" s="916" t="s">
        <v>3816</v>
      </c>
      <c r="DNC17" s="916" t="s">
        <v>3816</v>
      </c>
      <c r="DND17" s="916" t="s">
        <v>3816</v>
      </c>
      <c r="DNE17" s="916" t="s">
        <v>3816</v>
      </c>
      <c r="DNF17" s="916" t="s">
        <v>3816</v>
      </c>
      <c r="DNG17" s="916" t="s">
        <v>3816</v>
      </c>
      <c r="DNH17" s="916" t="s">
        <v>3816</v>
      </c>
      <c r="DNI17" s="916" t="s">
        <v>3816</v>
      </c>
      <c r="DNJ17" s="916" t="s">
        <v>3816</v>
      </c>
      <c r="DNK17" s="916" t="s">
        <v>3816</v>
      </c>
      <c r="DNL17" s="916" t="s">
        <v>3816</v>
      </c>
      <c r="DNM17" s="916" t="s">
        <v>3816</v>
      </c>
      <c r="DNN17" s="916" t="s">
        <v>3816</v>
      </c>
      <c r="DNO17" s="916" t="s">
        <v>3816</v>
      </c>
      <c r="DNP17" s="916" t="s">
        <v>3816</v>
      </c>
      <c r="DNQ17" s="916" t="s">
        <v>3816</v>
      </c>
      <c r="DNR17" s="916" t="s">
        <v>3816</v>
      </c>
      <c r="DNS17" s="916" t="s">
        <v>3816</v>
      </c>
      <c r="DNT17" s="916" t="s">
        <v>3816</v>
      </c>
      <c r="DNU17" s="916" t="s">
        <v>3816</v>
      </c>
      <c r="DNV17" s="916" t="s">
        <v>3816</v>
      </c>
      <c r="DNW17" s="916" t="s">
        <v>3816</v>
      </c>
      <c r="DNX17" s="916" t="s">
        <v>3816</v>
      </c>
      <c r="DNY17" s="916" t="s">
        <v>3816</v>
      </c>
      <c r="DNZ17" s="916" t="s">
        <v>3816</v>
      </c>
      <c r="DOA17" s="916" t="s">
        <v>3816</v>
      </c>
      <c r="DOB17" s="916" t="s">
        <v>3816</v>
      </c>
      <c r="DOC17" s="916" t="s">
        <v>3816</v>
      </c>
      <c r="DOD17" s="916" t="s">
        <v>3816</v>
      </c>
      <c r="DOE17" s="916" t="s">
        <v>3816</v>
      </c>
      <c r="DOF17" s="916" t="s">
        <v>3816</v>
      </c>
      <c r="DOG17" s="916" t="s">
        <v>3816</v>
      </c>
      <c r="DOH17" s="916" t="s">
        <v>3816</v>
      </c>
      <c r="DOI17" s="916" t="s">
        <v>3816</v>
      </c>
      <c r="DOJ17" s="916" t="s">
        <v>3816</v>
      </c>
      <c r="DOK17" s="916" t="s">
        <v>3816</v>
      </c>
      <c r="DOL17" s="916" t="s">
        <v>3816</v>
      </c>
      <c r="DOM17" s="916" t="s">
        <v>3816</v>
      </c>
      <c r="DON17" s="916" t="s">
        <v>3816</v>
      </c>
      <c r="DOO17" s="916" t="s">
        <v>3816</v>
      </c>
      <c r="DOP17" s="916" t="s">
        <v>3816</v>
      </c>
      <c r="DOQ17" s="916" t="s">
        <v>3816</v>
      </c>
      <c r="DOR17" s="916" t="s">
        <v>3816</v>
      </c>
      <c r="DOS17" s="916" t="s">
        <v>3816</v>
      </c>
      <c r="DOT17" s="916" t="s">
        <v>3816</v>
      </c>
      <c r="DOU17" s="916" t="s">
        <v>3816</v>
      </c>
      <c r="DOV17" s="916" t="s">
        <v>3816</v>
      </c>
      <c r="DOW17" s="916" t="s">
        <v>3816</v>
      </c>
      <c r="DOX17" s="916" t="s">
        <v>3816</v>
      </c>
      <c r="DOY17" s="916" t="s">
        <v>3816</v>
      </c>
      <c r="DOZ17" s="916" t="s">
        <v>3816</v>
      </c>
      <c r="DPA17" s="916" t="s">
        <v>3816</v>
      </c>
      <c r="DPB17" s="916" t="s">
        <v>3816</v>
      </c>
      <c r="DPC17" s="916" t="s">
        <v>3816</v>
      </c>
      <c r="DPD17" s="916" t="s">
        <v>3816</v>
      </c>
      <c r="DPE17" s="916" t="s">
        <v>3816</v>
      </c>
      <c r="DPF17" s="916" t="s">
        <v>3816</v>
      </c>
      <c r="DPG17" s="916" t="s">
        <v>3816</v>
      </c>
      <c r="DPH17" s="916" t="s">
        <v>3816</v>
      </c>
      <c r="DPI17" s="916" t="s">
        <v>3816</v>
      </c>
      <c r="DPJ17" s="916" t="s">
        <v>3816</v>
      </c>
      <c r="DPK17" s="916" t="s">
        <v>3816</v>
      </c>
      <c r="DPL17" s="916" t="s">
        <v>3816</v>
      </c>
      <c r="DPM17" s="916" t="s">
        <v>3816</v>
      </c>
      <c r="DPN17" s="916" t="s">
        <v>3816</v>
      </c>
      <c r="DPO17" s="916" t="s">
        <v>3816</v>
      </c>
      <c r="DPP17" s="916" t="s">
        <v>3816</v>
      </c>
      <c r="DPQ17" s="916" t="s">
        <v>3816</v>
      </c>
      <c r="DPR17" s="916" t="s">
        <v>3816</v>
      </c>
      <c r="DPS17" s="916" t="s">
        <v>3816</v>
      </c>
      <c r="DPT17" s="916" t="s">
        <v>3816</v>
      </c>
      <c r="DPU17" s="916" t="s">
        <v>3816</v>
      </c>
      <c r="DPV17" s="916" t="s">
        <v>3816</v>
      </c>
      <c r="DPW17" s="916" t="s">
        <v>3816</v>
      </c>
      <c r="DPX17" s="916" t="s">
        <v>3816</v>
      </c>
      <c r="DPY17" s="916" t="s">
        <v>3816</v>
      </c>
      <c r="DPZ17" s="916" t="s">
        <v>3816</v>
      </c>
      <c r="DQA17" s="916" t="s">
        <v>3816</v>
      </c>
      <c r="DQB17" s="916" t="s">
        <v>3816</v>
      </c>
      <c r="DQC17" s="916" t="s">
        <v>3816</v>
      </c>
      <c r="DQD17" s="916" t="s">
        <v>3816</v>
      </c>
      <c r="DQE17" s="916" t="s">
        <v>3816</v>
      </c>
      <c r="DQF17" s="916" t="s">
        <v>3816</v>
      </c>
      <c r="DQG17" s="916" t="s">
        <v>3816</v>
      </c>
      <c r="DQH17" s="916" t="s">
        <v>3816</v>
      </c>
      <c r="DQI17" s="916" t="s">
        <v>3816</v>
      </c>
      <c r="DQJ17" s="916" t="s">
        <v>3816</v>
      </c>
      <c r="DQK17" s="916" t="s">
        <v>3816</v>
      </c>
      <c r="DQL17" s="916" t="s">
        <v>3816</v>
      </c>
      <c r="DQM17" s="916" t="s">
        <v>3816</v>
      </c>
      <c r="DQN17" s="916" t="s">
        <v>3816</v>
      </c>
      <c r="DQO17" s="916" t="s">
        <v>3816</v>
      </c>
      <c r="DQP17" s="916" t="s">
        <v>3816</v>
      </c>
      <c r="DQQ17" s="916" t="s">
        <v>3816</v>
      </c>
      <c r="DQR17" s="916" t="s">
        <v>3816</v>
      </c>
      <c r="DQS17" s="916" t="s">
        <v>3816</v>
      </c>
      <c r="DQT17" s="916" t="s">
        <v>3816</v>
      </c>
      <c r="DQU17" s="916" t="s">
        <v>3816</v>
      </c>
      <c r="DQV17" s="916" t="s">
        <v>3816</v>
      </c>
      <c r="DQW17" s="916" t="s">
        <v>3816</v>
      </c>
      <c r="DQX17" s="916" t="s">
        <v>3816</v>
      </c>
      <c r="DQY17" s="916" t="s">
        <v>3816</v>
      </c>
      <c r="DQZ17" s="916" t="s">
        <v>3816</v>
      </c>
      <c r="DRA17" s="916" t="s">
        <v>3816</v>
      </c>
      <c r="DRB17" s="916" t="s">
        <v>3816</v>
      </c>
      <c r="DRC17" s="916" t="s">
        <v>3816</v>
      </c>
      <c r="DRD17" s="916" t="s">
        <v>3816</v>
      </c>
      <c r="DRE17" s="916" t="s">
        <v>3816</v>
      </c>
      <c r="DRF17" s="916" t="s">
        <v>3816</v>
      </c>
      <c r="DRG17" s="916" t="s">
        <v>3816</v>
      </c>
      <c r="DRH17" s="916" t="s">
        <v>3816</v>
      </c>
      <c r="DRI17" s="916" t="s">
        <v>3816</v>
      </c>
      <c r="DRJ17" s="916" t="s">
        <v>3816</v>
      </c>
      <c r="DRK17" s="916" t="s">
        <v>3816</v>
      </c>
      <c r="DRL17" s="916" t="s">
        <v>3816</v>
      </c>
      <c r="DRM17" s="916" t="s">
        <v>3816</v>
      </c>
      <c r="DRN17" s="916" t="s">
        <v>3816</v>
      </c>
      <c r="DRO17" s="916" t="s">
        <v>3816</v>
      </c>
      <c r="DRP17" s="916" t="s">
        <v>3816</v>
      </c>
      <c r="DRQ17" s="916" t="s">
        <v>3816</v>
      </c>
      <c r="DRR17" s="916" t="s">
        <v>3816</v>
      </c>
      <c r="DRS17" s="916" t="s">
        <v>3816</v>
      </c>
      <c r="DRT17" s="916" t="s">
        <v>3816</v>
      </c>
      <c r="DRU17" s="916" t="s">
        <v>3816</v>
      </c>
      <c r="DRV17" s="916" t="s">
        <v>3816</v>
      </c>
      <c r="DRW17" s="916" t="s">
        <v>3816</v>
      </c>
      <c r="DRX17" s="916" t="s">
        <v>3816</v>
      </c>
      <c r="DRY17" s="916" t="s">
        <v>3816</v>
      </c>
      <c r="DRZ17" s="916" t="s">
        <v>3816</v>
      </c>
      <c r="DSA17" s="916" t="s">
        <v>3816</v>
      </c>
      <c r="DSB17" s="916" t="s">
        <v>3816</v>
      </c>
      <c r="DSC17" s="916" t="s">
        <v>3816</v>
      </c>
      <c r="DSD17" s="916" t="s">
        <v>3816</v>
      </c>
      <c r="DSE17" s="916" t="s">
        <v>3816</v>
      </c>
      <c r="DSF17" s="916" t="s">
        <v>3816</v>
      </c>
      <c r="DSG17" s="916" t="s">
        <v>3816</v>
      </c>
      <c r="DSH17" s="916" t="s">
        <v>3816</v>
      </c>
      <c r="DSI17" s="916" t="s">
        <v>3816</v>
      </c>
      <c r="DSJ17" s="916" t="s">
        <v>3816</v>
      </c>
      <c r="DSK17" s="916" t="s">
        <v>3816</v>
      </c>
      <c r="DSL17" s="916" t="s">
        <v>3816</v>
      </c>
      <c r="DSM17" s="916" t="s">
        <v>3816</v>
      </c>
      <c r="DSN17" s="916" t="s">
        <v>3816</v>
      </c>
      <c r="DSO17" s="916" t="s">
        <v>3816</v>
      </c>
      <c r="DSP17" s="916" t="s">
        <v>3816</v>
      </c>
      <c r="DSQ17" s="916" t="s">
        <v>3816</v>
      </c>
      <c r="DSR17" s="916" t="s">
        <v>3816</v>
      </c>
      <c r="DSS17" s="916" t="s">
        <v>3816</v>
      </c>
      <c r="DST17" s="916" t="s">
        <v>3816</v>
      </c>
      <c r="DSU17" s="916" t="s">
        <v>3816</v>
      </c>
      <c r="DSV17" s="916" t="s">
        <v>3816</v>
      </c>
      <c r="DSW17" s="916" t="s">
        <v>3816</v>
      </c>
      <c r="DSX17" s="916" t="s">
        <v>3816</v>
      </c>
      <c r="DSY17" s="916" t="s">
        <v>3816</v>
      </c>
      <c r="DSZ17" s="916" t="s">
        <v>3816</v>
      </c>
      <c r="DTA17" s="916" t="s">
        <v>3816</v>
      </c>
      <c r="DTB17" s="916" t="s">
        <v>3816</v>
      </c>
      <c r="DTC17" s="916" t="s">
        <v>3816</v>
      </c>
      <c r="DTD17" s="916" t="s">
        <v>3816</v>
      </c>
      <c r="DTE17" s="916" t="s">
        <v>3816</v>
      </c>
      <c r="DTF17" s="916" t="s">
        <v>3816</v>
      </c>
      <c r="DTG17" s="916" t="s">
        <v>3816</v>
      </c>
      <c r="DTH17" s="916" t="s">
        <v>3816</v>
      </c>
      <c r="DTI17" s="916" t="s">
        <v>3816</v>
      </c>
      <c r="DTJ17" s="916" t="s">
        <v>3816</v>
      </c>
      <c r="DTK17" s="916" t="s">
        <v>3816</v>
      </c>
      <c r="DTL17" s="916" t="s">
        <v>3816</v>
      </c>
      <c r="DTM17" s="916" t="s">
        <v>3816</v>
      </c>
      <c r="DTN17" s="916" t="s">
        <v>3816</v>
      </c>
      <c r="DTO17" s="916" t="s">
        <v>3816</v>
      </c>
      <c r="DTP17" s="916" t="s">
        <v>3816</v>
      </c>
      <c r="DTQ17" s="916" t="s">
        <v>3816</v>
      </c>
      <c r="DTR17" s="916" t="s">
        <v>3816</v>
      </c>
      <c r="DTS17" s="916" t="s">
        <v>3816</v>
      </c>
      <c r="DTT17" s="916" t="s">
        <v>3816</v>
      </c>
      <c r="DTU17" s="916" t="s">
        <v>3816</v>
      </c>
      <c r="DTV17" s="916" t="s">
        <v>3816</v>
      </c>
      <c r="DTW17" s="916" t="s">
        <v>3816</v>
      </c>
      <c r="DTX17" s="916" t="s">
        <v>3816</v>
      </c>
      <c r="DTY17" s="916" t="s">
        <v>3816</v>
      </c>
      <c r="DTZ17" s="916" t="s">
        <v>3816</v>
      </c>
      <c r="DUA17" s="916" t="s">
        <v>3816</v>
      </c>
      <c r="DUB17" s="916" t="s">
        <v>3816</v>
      </c>
      <c r="DUC17" s="916" t="s">
        <v>3816</v>
      </c>
      <c r="DUD17" s="916" t="s">
        <v>3816</v>
      </c>
      <c r="DUE17" s="916" t="s">
        <v>3816</v>
      </c>
      <c r="DUF17" s="916" t="s">
        <v>3816</v>
      </c>
      <c r="DUG17" s="916" t="s">
        <v>3816</v>
      </c>
      <c r="DUH17" s="916" t="s">
        <v>3816</v>
      </c>
      <c r="DUI17" s="916" t="s">
        <v>3816</v>
      </c>
      <c r="DUJ17" s="916" t="s">
        <v>3816</v>
      </c>
      <c r="DUK17" s="916" t="s">
        <v>3816</v>
      </c>
      <c r="DUL17" s="916" t="s">
        <v>3816</v>
      </c>
      <c r="DUM17" s="916" t="s">
        <v>3816</v>
      </c>
      <c r="DUN17" s="916" t="s">
        <v>3816</v>
      </c>
      <c r="DUO17" s="916" t="s">
        <v>3816</v>
      </c>
      <c r="DUP17" s="916" t="s">
        <v>3816</v>
      </c>
      <c r="DUQ17" s="916" t="s">
        <v>3816</v>
      </c>
      <c r="DUR17" s="916" t="s">
        <v>3816</v>
      </c>
      <c r="DUS17" s="916" t="s">
        <v>3816</v>
      </c>
      <c r="DUT17" s="916" t="s">
        <v>3816</v>
      </c>
      <c r="DUU17" s="916" t="s">
        <v>3816</v>
      </c>
      <c r="DUV17" s="916" t="s">
        <v>3816</v>
      </c>
      <c r="DUW17" s="916" t="s">
        <v>3816</v>
      </c>
      <c r="DUX17" s="916" t="s">
        <v>3816</v>
      </c>
      <c r="DUY17" s="916" t="s">
        <v>3816</v>
      </c>
      <c r="DUZ17" s="916" t="s">
        <v>3816</v>
      </c>
      <c r="DVA17" s="916" t="s">
        <v>3816</v>
      </c>
      <c r="DVB17" s="916" t="s">
        <v>3816</v>
      </c>
      <c r="DVC17" s="916" t="s">
        <v>3816</v>
      </c>
      <c r="DVD17" s="916" t="s">
        <v>3816</v>
      </c>
      <c r="DVE17" s="916" t="s">
        <v>3816</v>
      </c>
      <c r="DVF17" s="916" t="s">
        <v>3816</v>
      </c>
      <c r="DVG17" s="916" t="s">
        <v>3816</v>
      </c>
      <c r="DVH17" s="916" t="s">
        <v>3816</v>
      </c>
      <c r="DVI17" s="916" t="s">
        <v>3816</v>
      </c>
      <c r="DVJ17" s="916" t="s">
        <v>3816</v>
      </c>
      <c r="DVK17" s="916" t="s">
        <v>3816</v>
      </c>
      <c r="DVL17" s="916" t="s">
        <v>3816</v>
      </c>
      <c r="DVM17" s="916" t="s">
        <v>3816</v>
      </c>
      <c r="DVN17" s="916" t="s">
        <v>3816</v>
      </c>
      <c r="DVO17" s="916" t="s">
        <v>3816</v>
      </c>
      <c r="DVP17" s="916" t="s">
        <v>3816</v>
      </c>
      <c r="DVQ17" s="916" t="s">
        <v>3816</v>
      </c>
      <c r="DVR17" s="916" t="s">
        <v>3816</v>
      </c>
      <c r="DVS17" s="916" t="s">
        <v>3816</v>
      </c>
      <c r="DVT17" s="916" t="s">
        <v>3816</v>
      </c>
      <c r="DVU17" s="916" t="s">
        <v>3816</v>
      </c>
      <c r="DVV17" s="916" t="s">
        <v>3816</v>
      </c>
      <c r="DVW17" s="916" t="s">
        <v>3816</v>
      </c>
      <c r="DVX17" s="916" t="s">
        <v>3816</v>
      </c>
      <c r="DVY17" s="916" t="s">
        <v>3816</v>
      </c>
      <c r="DVZ17" s="916" t="s">
        <v>3816</v>
      </c>
      <c r="DWA17" s="916" t="s">
        <v>3816</v>
      </c>
      <c r="DWB17" s="916" t="s">
        <v>3816</v>
      </c>
      <c r="DWC17" s="916" t="s">
        <v>3816</v>
      </c>
      <c r="DWD17" s="916" t="s">
        <v>3816</v>
      </c>
      <c r="DWE17" s="916" t="s">
        <v>3816</v>
      </c>
      <c r="DWF17" s="916" t="s">
        <v>3816</v>
      </c>
      <c r="DWG17" s="916" t="s">
        <v>3816</v>
      </c>
      <c r="DWH17" s="916" t="s">
        <v>3816</v>
      </c>
      <c r="DWI17" s="916" t="s">
        <v>3816</v>
      </c>
      <c r="DWJ17" s="916" t="s">
        <v>3816</v>
      </c>
      <c r="DWK17" s="916" t="s">
        <v>3816</v>
      </c>
      <c r="DWL17" s="916" t="s">
        <v>3816</v>
      </c>
      <c r="DWM17" s="916" t="s">
        <v>3816</v>
      </c>
      <c r="DWN17" s="916" t="s">
        <v>3816</v>
      </c>
      <c r="DWO17" s="916" t="s">
        <v>3816</v>
      </c>
      <c r="DWP17" s="916" t="s">
        <v>3816</v>
      </c>
      <c r="DWQ17" s="916" t="s">
        <v>3816</v>
      </c>
      <c r="DWR17" s="916" t="s">
        <v>3816</v>
      </c>
      <c r="DWS17" s="916" t="s">
        <v>3816</v>
      </c>
      <c r="DWT17" s="916" t="s">
        <v>3816</v>
      </c>
      <c r="DWU17" s="916" t="s">
        <v>3816</v>
      </c>
      <c r="DWV17" s="916" t="s">
        <v>3816</v>
      </c>
      <c r="DWW17" s="916" t="s">
        <v>3816</v>
      </c>
      <c r="DWX17" s="916" t="s">
        <v>3816</v>
      </c>
      <c r="DWY17" s="916" t="s">
        <v>3816</v>
      </c>
      <c r="DWZ17" s="916" t="s">
        <v>3816</v>
      </c>
      <c r="DXA17" s="916" t="s">
        <v>3816</v>
      </c>
      <c r="DXB17" s="916" t="s">
        <v>3816</v>
      </c>
      <c r="DXC17" s="916" t="s">
        <v>3816</v>
      </c>
      <c r="DXD17" s="916" t="s">
        <v>3816</v>
      </c>
      <c r="DXE17" s="916" t="s">
        <v>3816</v>
      </c>
      <c r="DXF17" s="916" t="s">
        <v>3816</v>
      </c>
      <c r="DXG17" s="916" t="s">
        <v>3816</v>
      </c>
      <c r="DXH17" s="916" t="s">
        <v>3816</v>
      </c>
      <c r="DXI17" s="916" t="s">
        <v>3816</v>
      </c>
      <c r="DXJ17" s="916" t="s">
        <v>3816</v>
      </c>
      <c r="DXK17" s="916" t="s">
        <v>3816</v>
      </c>
      <c r="DXL17" s="916" t="s">
        <v>3816</v>
      </c>
      <c r="DXM17" s="916" t="s">
        <v>3816</v>
      </c>
      <c r="DXN17" s="916" t="s">
        <v>3816</v>
      </c>
      <c r="DXO17" s="916" t="s">
        <v>3816</v>
      </c>
      <c r="DXP17" s="916" t="s">
        <v>3816</v>
      </c>
      <c r="DXQ17" s="916" t="s">
        <v>3816</v>
      </c>
      <c r="DXR17" s="916" t="s">
        <v>3816</v>
      </c>
      <c r="DXS17" s="916" t="s">
        <v>3816</v>
      </c>
      <c r="DXT17" s="916" t="s">
        <v>3816</v>
      </c>
      <c r="DXU17" s="916" t="s">
        <v>3816</v>
      </c>
      <c r="DXV17" s="916" t="s">
        <v>3816</v>
      </c>
      <c r="DXW17" s="916" t="s">
        <v>3816</v>
      </c>
      <c r="DXX17" s="916" t="s">
        <v>3816</v>
      </c>
      <c r="DXY17" s="916" t="s">
        <v>3816</v>
      </c>
      <c r="DXZ17" s="916" t="s">
        <v>3816</v>
      </c>
      <c r="DYA17" s="916" t="s">
        <v>3816</v>
      </c>
      <c r="DYB17" s="916" t="s">
        <v>3816</v>
      </c>
      <c r="DYC17" s="916" t="s">
        <v>3816</v>
      </c>
      <c r="DYD17" s="916" t="s">
        <v>3816</v>
      </c>
      <c r="DYE17" s="916" t="s">
        <v>3816</v>
      </c>
      <c r="DYF17" s="916" t="s">
        <v>3816</v>
      </c>
      <c r="DYG17" s="916" t="s">
        <v>3816</v>
      </c>
      <c r="DYH17" s="916" t="s">
        <v>3816</v>
      </c>
      <c r="DYI17" s="916" t="s">
        <v>3816</v>
      </c>
      <c r="DYJ17" s="916" t="s">
        <v>3816</v>
      </c>
      <c r="DYK17" s="916" t="s">
        <v>3816</v>
      </c>
      <c r="DYL17" s="916" t="s">
        <v>3816</v>
      </c>
      <c r="DYM17" s="916" t="s">
        <v>3816</v>
      </c>
      <c r="DYN17" s="916" t="s">
        <v>3816</v>
      </c>
      <c r="DYO17" s="916" t="s">
        <v>3816</v>
      </c>
      <c r="DYP17" s="916" t="s">
        <v>3816</v>
      </c>
      <c r="DYQ17" s="916" t="s">
        <v>3816</v>
      </c>
      <c r="DYR17" s="916" t="s">
        <v>3816</v>
      </c>
      <c r="DYS17" s="916" t="s">
        <v>3816</v>
      </c>
      <c r="DYT17" s="916" t="s">
        <v>3816</v>
      </c>
      <c r="DYU17" s="916" t="s">
        <v>3816</v>
      </c>
      <c r="DYV17" s="916" t="s">
        <v>3816</v>
      </c>
      <c r="DYW17" s="916" t="s">
        <v>3816</v>
      </c>
      <c r="DYX17" s="916" t="s">
        <v>3816</v>
      </c>
      <c r="DYY17" s="916" t="s">
        <v>3816</v>
      </c>
      <c r="DYZ17" s="916" t="s">
        <v>3816</v>
      </c>
      <c r="DZA17" s="916" t="s">
        <v>3816</v>
      </c>
      <c r="DZB17" s="916" t="s">
        <v>3816</v>
      </c>
      <c r="DZC17" s="916" t="s">
        <v>3816</v>
      </c>
      <c r="DZD17" s="916" t="s">
        <v>3816</v>
      </c>
      <c r="DZE17" s="916" t="s">
        <v>3816</v>
      </c>
      <c r="DZF17" s="916" t="s">
        <v>3816</v>
      </c>
      <c r="DZG17" s="916" t="s">
        <v>3816</v>
      </c>
      <c r="DZH17" s="916" t="s">
        <v>3816</v>
      </c>
      <c r="DZI17" s="916" t="s">
        <v>3816</v>
      </c>
      <c r="DZJ17" s="916" t="s">
        <v>3816</v>
      </c>
      <c r="DZK17" s="916" t="s">
        <v>3816</v>
      </c>
      <c r="DZL17" s="916" t="s">
        <v>3816</v>
      </c>
      <c r="DZM17" s="916" t="s">
        <v>3816</v>
      </c>
      <c r="DZN17" s="916" t="s">
        <v>3816</v>
      </c>
      <c r="DZO17" s="916" t="s">
        <v>3816</v>
      </c>
      <c r="DZP17" s="916" t="s">
        <v>3816</v>
      </c>
      <c r="DZQ17" s="916" t="s">
        <v>3816</v>
      </c>
      <c r="DZR17" s="916" t="s">
        <v>3816</v>
      </c>
      <c r="DZS17" s="916" t="s">
        <v>3816</v>
      </c>
      <c r="DZT17" s="916" t="s">
        <v>3816</v>
      </c>
      <c r="DZU17" s="916" t="s">
        <v>3816</v>
      </c>
      <c r="DZV17" s="916" t="s">
        <v>3816</v>
      </c>
      <c r="DZW17" s="916" t="s">
        <v>3816</v>
      </c>
      <c r="DZX17" s="916" t="s">
        <v>3816</v>
      </c>
      <c r="DZY17" s="916" t="s">
        <v>3816</v>
      </c>
      <c r="DZZ17" s="916" t="s">
        <v>3816</v>
      </c>
      <c r="EAA17" s="916" t="s">
        <v>3816</v>
      </c>
      <c r="EAB17" s="916" t="s">
        <v>3816</v>
      </c>
      <c r="EAC17" s="916" t="s">
        <v>3816</v>
      </c>
      <c r="EAD17" s="916" t="s">
        <v>3816</v>
      </c>
      <c r="EAE17" s="916" t="s">
        <v>3816</v>
      </c>
      <c r="EAF17" s="916" t="s">
        <v>3816</v>
      </c>
      <c r="EAG17" s="916" t="s">
        <v>3816</v>
      </c>
      <c r="EAH17" s="916" t="s">
        <v>3816</v>
      </c>
      <c r="EAI17" s="916" t="s">
        <v>3816</v>
      </c>
      <c r="EAJ17" s="916" t="s">
        <v>3816</v>
      </c>
      <c r="EAK17" s="916" t="s">
        <v>3816</v>
      </c>
      <c r="EAL17" s="916" t="s">
        <v>3816</v>
      </c>
      <c r="EAM17" s="916" t="s">
        <v>3816</v>
      </c>
      <c r="EAN17" s="916" t="s">
        <v>3816</v>
      </c>
      <c r="EAO17" s="916" t="s">
        <v>3816</v>
      </c>
      <c r="EAP17" s="916" t="s">
        <v>3816</v>
      </c>
      <c r="EAQ17" s="916" t="s">
        <v>3816</v>
      </c>
      <c r="EAR17" s="916" t="s">
        <v>3816</v>
      </c>
      <c r="EAS17" s="916" t="s">
        <v>3816</v>
      </c>
      <c r="EAT17" s="916" t="s">
        <v>3816</v>
      </c>
      <c r="EAU17" s="916" t="s">
        <v>3816</v>
      </c>
      <c r="EAV17" s="916" t="s">
        <v>3816</v>
      </c>
      <c r="EAW17" s="916" t="s">
        <v>3816</v>
      </c>
      <c r="EAX17" s="916" t="s">
        <v>3816</v>
      </c>
      <c r="EAY17" s="916" t="s">
        <v>3816</v>
      </c>
      <c r="EAZ17" s="916" t="s">
        <v>3816</v>
      </c>
      <c r="EBA17" s="916" t="s">
        <v>3816</v>
      </c>
      <c r="EBB17" s="916" t="s">
        <v>3816</v>
      </c>
      <c r="EBC17" s="916" t="s">
        <v>3816</v>
      </c>
      <c r="EBD17" s="916" t="s">
        <v>3816</v>
      </c>
      <c r="EBE17" s="916" t="s">
        <v>3816</v>
      </c>
      <c r="EBF17" s="916" t="s">
        <v>3816</v>
      </c>
      <c r="EBG17" s="916" t="s">
        <v>3816</v>
      </c>
      <c r="EBH17" s="916" t="s">
        <v>3816</v>
      </c>
      <c r="EBI17" s="916" t="s">
        <v>3816</v>
      </c>
      <c r="EBJ17" s="916" t="s">
        <v>3816</v>
      </c>
      <c r="EBK17" s="916" t="s">
        <v>3816</v>
      </c>
      <c r="EBL17" s="916" t="s">
        <v>3816</v>
      </c>
      <c r="EBM17" s="916" t="s">
        <v>3816</v>
      </c>
      <c r="EBN17" s="916" t="s">
        <v>3816</v>
      </c>
      <c r="EBO17" s="916" t="s">
        <v>3816</v>
      </c>
      <c r="EBP17" s="916" t="s">
        <v>3816</v>
      </c>
      <c r="EBQ17" s="916" t="s">
        <v>3816</v>
      </c>
      <c r="EBR17" s="916" t="s">
        <v>3816</v>
      </c>
      <c r="EBS17" s="916" t="s">
        <v>3816</v>
      </c>
      <c r="EBT17" s="916" t="s">
        <v>3816</v>
      </c>
      <c r="EBU17" s="916" t="s">
        <v>3816</v>
      </c>
      <c r="EBV17" s="916" t="s">
        <v>3816</v>
      </c>
      <c r="EBW17" s="916" t="s">
        <v>3816</v>
      </c>
      <c r="EBX17" s="916" t="s">
        <v>3816</v>
      </c>
      <c r="EBY17" s="916" t="s">
        <v>3816</v>
      </c>
      <c r="EBZ17" s="916" t="s">
        <v>3816</v>
      </c>
      <c r="ECA17" s="916" t="s">
        <v>3816</v>
      </c>
      <c r="ECB17" s="916" t="s">
        <v>3816</v>
      </c>
      <c r="ECC17" s="916" t="s">
        <v>3816</v>
      </c>
      <c r="ECD17" s="916" t="s">
        <v>3816</v>
      </c>
      <c r="ECE17" s="916" t="s">
        <v>3816</v>
      </c>
      <c r="ECF17" s="916" t="s">
        <v>3816</v>
      </c>
      <c r="ECG17" s="916" t="s">
        <v>3816</v>
      </c>
      <c r="ECH17" s="916" t="s">
        <v>3816</v>
      </c>
      <c r="ECI17" s="916" t="s">
        <v>3816</v>
      </c>
      <c r="ECJ17" s="916" t="s">
        <v>3816</v>
      </c>
      <c r="ECK17" s="916" t="s">
        <v>3816</v>
      </c>
      <c r="ECL17" s="916" t="s">
        <v>3816</v>
      </c>
      <c r="ECM17" s="916" t="s">
        <v>3816</v>
      </c>
      <c r="ECN17" s="916" t="s">
        <v>3816</v>
      </c>
      <c r="ECO17" s="916" t="s">
        <v>3816</v>
      </c>
      <c r="ECP17" s="916" t="s">
        <v>3816</v>
      </c>
      <c r="ECQ17" s="916" t="s">
        <v>3816</v>
      </c>
      <c r="ECR17" s="916" t="s">
        <v>3816</v>
      </c>
      <c r="ECS17" s="916" t="s">
        <v>3816</v>
      </c>
      <c r="ECT17" s="916" t="s">
        <v>3816</v>
      </c>
      <c r="ECU17" s="916" t="s">
        <v>3816</v>
      </c>
      <c r="ECV17" s="916" t="s">
        <v>3816</v>
      </c>
      <c r="ECW17" s="916" t="s">
        <v>3816</v>
      </c>
      <c r="ECX17" s="916" t="s">
        <v>3816</v>
      </c>
      <c r="ECY17" s="916" t="s">
        <v>3816</v>
      </c>
      <c r="ECZ17" s="916" t="s">
        <v>3816</v>
      </c>
      <c r="EDA17" s="916" t="s">
        <v>3816</v>
      </c>
      <c r="EDB17" s="916" t="s">
        <v>3816</v>
      </c>
      <c r="EDC17" s="916" t="s">
        <v>3816</v>
      </c>
      <c r="EDD17" s="916" t="s">
        <v>3816</v>
      </c>
      <c r="EDE17" s="916" t="s">
        <v>3816</v>
      </c>
      <c r="EDF17" s="916" t="s">
        <v>3816</v>
      </c>
      <c r="EDG17" s="916" t="s">
        <v>3816</v>
      </c>
      <c r="EDH17" s="916" t="s">
        <v>3816</v>
      </c>
      <c r="EDI17" s="916" t="s">
        <v>3816</v>
      </c>
      <c r="EDJ17" s="916" t="s">
        <v>3816</v>
      </c>
      <c r="EDK17" s="916" t="s">
        <v>3816</v>
      </c>
      <c r="EDL17" s="916" t="s">
        <v>3816</v>
      </c>
      <c r="EDM17" s="916" t="s">
        <v>3816</v>
      </c>
      <c r="EDN17" s="916" t="s">
        <v>3816</v>
      </c>
      <c r="EDO17" s="916" t="s">
        <v>3816</v>
      </c>
      <c r="EDP17" s="916" t="s">
        <v>3816</v>
      </c>
      <c r="EDQ17" s="916" t="s">
        <v>3816</v>
      </c>
      <c r="EDR17" s="916" t="s">
        <v>3816</v>
      </c>
      <c r="EDS17" s="916" t="s">
        <v>3816</v>
      </c>
      <c r="EDT17" s="916" t="s">
        <v>3816</v>
      </c>
      <c r="EDU17" s="916" t="s">
        <v>3816</v>
      </c>
      <c r="EDV17" s="916" t="s">
        <v>3816</v>
      </c>
      <c r="EDW17" s="916" t="s">
        <v>3816</v>
      </c>
      <c r="EDX17" s="916" t="s">
        <v>3816</v>
      </c>
      <c r="EDY17" s="916" t="s">
        <v>3816</v>
      </c>
      <c r="EDZ17" s="916" t="s">
        <v>3816</v>
      </c>
      <c r="EEA17" s="916" t="s">
        <v>3816</v>
      </c>
      <c r="EEB17" s="916" t="s">
        <v>3816</v>
      </c>
      <c r="EEC17" s="916" t="s">
        <v>3816</v>
      </c>
      <c r="EED17" s="916" t="s">
        <v>3816</v>
      </c>
      <c r="EEE17" s="916" t="s">
        <v>3816</v>
      </c>
      <c r="EEF17" s="916" t="s">
        <v>3816</v>
      </c>
      <c r="EEG17" s="916" t="s">
        <v>3816</v>
      </c>
      <c r="EEH17" s="916" t="s">
        <v>3816</v>
      </c>
      <c r="EEI17" s="916" t="s">
        <v>3816</v>
      </c>
      <c r="EEJ17" s="916" t="s">
        <v>3816</v>
      </c>
      <c r="EEK17" s="916" t="s">
        <v>3816</v>
      </c>
      <c r="EEL17" s="916" t="s">
        <v>3816</v>
      </c>
      <c r="EEM17" s="916" t="s">
        <v>3816</v>
      </c>
      <c r="EEN17" s="916" t="s">
        <v>3816</v>
      </c>
      <c r="EEO17" s="916" t="s">
        <v>3816</v>
      </c>
      <c r="EEP17" s="916" t="s">
        <v>3816</v>
      </c>
      <c r="EEQ17" s="916" t="s">
        <v>3816</v>
      </c>
      <c r="EER17" s="916" t="s">
        <v>3816</v>
      </c>
      <c r="EES17" s="916" t="s">
        <v>3816</v>
      </c>
      <c r="EET17" s="916" t="s">
        <v>3816</v>
      </c>
      <c r="EEU17" s="916" t="s">
        <v>3816</v>
      </c>
      <c r="EEV17" s="916" t="s">
        <v>3816</v>
      </c>
      <c r="EEW17" s="916" t="s">
        <v>3816</v>
      </c>
      <c r="EEX17" s="916" t="s">
        <v>3816</v>
      </c>
      <c r="EEY17" s="916" t="s">
        <v>3816</v>
      </c>
      <c r="EEZ17" s="916" t="s">
        <v>3816</v>
      </c>
      <c r="EFA17" s="916" t="s">
        <v>3816</v>
      </c>
      <c r="EFB17" s="916" t="s">
        <v>3816</v>
      </c>
      <c r="EFC17" s="916" t="s">
        <v>3816</v>
      </c>
      <c r="EFD17" s="916" t="s">
        <v>3816</v>
      </c>
      <c r="EFE17" s="916" t="s">
        <v>3816</v>
      </c>
      <c r="EFF17" s="916" t="s">
        <v>3816</v>
      </c>
      <c r="EFG17" s="916" t="s">
        <v>3816</v>
      </c>
      <c r="EFH17" s="916" t="s">
        <v>3816</v>
      </c>
      <c r="EFI17" s="916" t="s">
        <v>3816</v>
      </c>
      <c r="EFJ17" s="916" t="s">
        <v>3816</v>
      </c>
      <c r="EFK17" s="916" t="s">
        <v>3816</v>
      </c>
      <c r="EFL17" s="916" t="s">
        <v>3816</v>
      </c>
      <c r="EFM17" s="916" t="s">
        <v>3816</v>
      </c>
      <c r="EFN17" s="916" t="s">
        <v>3816</v>
      </c>
      <c r="EFO17" s="916" t="s">
        <v>3816</v>
      </c>
      <c r="EFP17" s="916" t="s">
        <v>3816</v>
      </c>
      <c r="EFQ17" s="916" t="s">
        <v>3816</v>
      </c>
      <c r="EFR17" s="916" t="s">
        <v>3816</v>
      </c>
      <c r="EFS17" s="916" t="s">
        <v>3816</v>
      </c>
      <c r="EFT17" s="916" t="s">
        <v>3816</v>
      </c>
      <c r="EFU17" s="916" t="s">
        <v>3816</v>
      </c>
      <c r="EFV17" s="916" t="s">
        <v>3816</v>
      </c>
      <c r="EFW17" s="916" t="s">
        <v>3816</v>
      </c>
      <c r="EFX17" s="916" t="s">
        <v>3816</v>
      </c>
      <c r="EFY17" s="916" t="s">
        <v>3816</v>
      </c>
      <c r="EFZ17" s="916" t="s">
        <v>3816</v>
      </c>
      <c r="EGA17" s="916" t="s">
        <v>3816</v>
      </c>
      <c r="EGB17" s="916" t="s">
        <v>3816</v>
      </c>
      <c r="EGC17" s="916" t="s">
        <v>3816</v>
      </c>
      <c r="EGD17" s="916" t="s">
        <v>3816</v>
      </c>
      <c r="EGE17" s="916" t="s">
        <v>3816</v>
      </c>
      <c r="EGF17" s="916" t="s">
        <v>3816</v>
      </c>
      <c r="EGG17" s="916" t="s">
        <v>3816</v>
      </c>
      <c r="EGH17" s="916" t="s">
        <v>3816</v>
      </c>
      <c r="EGI17" s="916" t="s">
        <v>3816</v>
      </c>
      <c r="EGJ17" s="916" t="s">
        <v>3816</v>
      </c>
      <c r="EGK17" s="916" t="s">
        <v>3816</v>
      </c>
      <c r="EGL17" s="916" t="s">
        <v>3816</v>
      </c>
      <c r="EGM17" s="916" t="s">
        <v>3816</v>
      </c>
      <c r="EGN17" s="916" t="s">
        <v>3816</v>
      </c>
      <c r="EGO17" s="916" t="s">
        <v>3816</v>
      </c>
      <c r="EGP17" s="916" t="s">
        <v>3816</v>
      </c>
      <c r="EGQ17" s="916" t="s">
        <v>3816</v>
      </c>
      <c r="EGR17" s="916" t="s">
        <v>3816</v>
      </c>
      <c r="EGS17" s="916" t="s">
        <v>3816</v>
      </c>
      <c r="EGT17" s="916" t="s">
        <v>3816</v>
      </c>
      <c r="EGU17" s="916" t="s">
        <v>3816</v>
      </c>
      <c r="EGV17" s="916" t="s">
        <v>3816</v>
      </c>
      <c r="EGW17" s="916" t="s">
        <v>3816</v>
      </c>
      <c r="EGX17" s="916" t="s">
        <v>3816</v>
      </c>
      <c r="EGY17" s="916" t="s">
        <v>3816</v>
      </c>
      <c r="EGZ17" s="916" t="s">
        <v>3816</v>
      </c>
      <c r="EHA17" s="916" t="s">
        <v>3816</v>
      </c>
      <c r="EHB17" s="916" t="s">
        <v>3816</v>
      </c>
      <c r="EHC17" s="916" t="s">
        <v>3816</v>
      </c>
      <c r="EHD17" s="916" t="s">
        <v>3816</v>
      </c>
      <c r="EHE17" s="916" t="s">
        <v>3816</v>
      </c>
      <c r="EHF17" s="916" t="s">
        <v>3816</v>
      </c>
      <c r="EHG17" s="916" t="s">
        <v>3816</v>
      </c>
      <c r="EHH17" s="916" t="s">
        <v>3816</v>
      </c>
      <c r="EHI17" s="916" t="s">
        <v>3816</v>
      </c>
      <c r="EHJ17" s="916" t="s">
        <v>3816</v>
      </c>
      <c r="EHK17" s="916" t="s">
        <v>3816</v>
      </c>
      <c r="EHL17" s="916" t="s">
        <v>3816</v>
      </c>
      <c r="EHM17" s="916" t="s">
        <v>3816</v>
      </c>
      <c r="EHN17" s="916" t="s">
        <v>3816</v>
      </c>
      <c r="EHO17" s="916" t="s">
        <v>3816</v>
      </c>
      <c r="EHP17" s="916" t="s">
        <v>3816</v>
      </c>
      <c r="EHQ17" s="916" t="s">
        <v>3816</v>
      </c>
      <c r="EHR17" s="916" t="s">
        <v>3816</v>
      </c>
      <c r="EHS17" s="916" t="s">
        <v>3816</v>
      </c>
      <c r="EHT17" s="916" t="s">
        <v>3816</v>
      </c>
      <c r="EHU17" s="916" t="s">
        <v>3816</v>
      </c>
      <c r="EHV17" s="916" t="s">
        <v>3816</v>
      </c>
      <c r="EHW17" s="916" t="s">
        <v>3816</v>
      </c>
      <c r="EHX17" s="916" t="s">
        <v>3816</v>
      </c>
      <c r="EHY17" s="916" t="s">
        <v>3816</v>
      </c>
      <c r="EHZ17" s="916" t="s">
        <v>3816</v>
      </c>
      <c r="EIA17" s="916" t="s">
        <v>3816</v>
      </c>
      <c r="EIB17" s="916" t="s">
        <v>3816</v>
      </c>
      <c r="EIC17" s="916" t="s">
        <v>3816</v>
      </c>
      <c r="EID17" s="916" t="s">
        <v>3816</v>
      </c>
      <c r="EIE17" s="916" t="s">
        <v>3816</v>
      </c>
      <c r="EIF17" s="916" t="s">
        <v>3816</v>
      </c>
      <c r="EIG17" s="916" t="s">
        <v>3816</v>
      </c>
      <c r="EIH17" s="916" t="s">
        <v>3816</v>
      </c>
      <c r="EII17" s="916" t="s">
        <v>3816</v>
      </c>
      <c r="EIJ17" s="916" t="s">
        <v>3816</v>
      </c>
      <c r="EIK17" s="916" t="s">
        <v>3816</v>
      </c>
      <c r="EIL17" s="916" t="s">
        <v>3816</v>
      </c>
      <c r="EIM17" s="916" t="s">
        <v>3816</v>
      </c>
      <c r="EIN17" s="916" t="s">
        <v>3816</v>
      </c>
      <c r="EIO17" s="916" t="s">
        <v>3816</v>
      </c>
      <c r="EIP17" s="916" t="s">
        <v>3816</v>
      </c>
      <c r="EIQ17" s="916" t="s">
        <v>3816</v>
      </c>
      <c r="EIR17" s="916" t="s">
        <v>3816</v>
      </c>
      <c r="EIS17" s="916" t="s">
        <v>3816</v>
      </c>
      <c r="EIT17" s="916" t="s">
        <v>3816</v>
      </c>
      <c r="EIU17" s="916" t="s">
        <v>3816</v>
      </c>
      <c r="EIV17" s="916" t="s">
        <v>3816</v>
      </c>
      <c r="EIW17" s="916" t="s">
        <v>3816</v>
      </c>
      <c r="EIX17" s="916" t="s">
        <v>3816</v>
      </c>
      <c r="EIY17" s="916" t="s">
        <v>3816</v>
      </c>
      <c r="EIZ17" s="916" t="s">
        <v>3816</v>
      </c>
      <c r="EJA17" s="916" t="s">
        <v>3816</v>
      </c>
      <c r="EJB17" s="916" t="s">
        <v>3816</v>
      </c>
      <c r="EJC17" s="916" t="s">
        <v>3816</v>
      </c>
      <c r="EJD17" s="916" t="s">
        <v>3816</v>
      </c>
      <c r="EJE17" s="916" t="s">
        <v>3816</v>
      </c>
      <c r="EJF17" s="916" t="s">
        <v>3816</v>
      </c>
      <c r="EJG17" s="916" t="s">
        <v>3816</v>
      </c>
      <c r="EJH17" s="916" t="s">
        <v>3816</v>
      </c>
      <c r="EJI17" s="916" t="s">
        <v>3816</v>
      </c>
      <c r="EJJ17" s="916" t="s">
        <v>3816</v>
      </c>
      <c r="EJK17" s="916" t="s">
        <v>3816</v>
      </c>
      <c r="EJL17" s="916" t="s">
        <v>3816</v>
      </c>
      <c r="EJM17" s="916" t="s">
        <v>3816</v>
      </c>
      <c r="EJN17" s="916" t="s">
        <v>3816</v>
      </c>
      <c r="EJO17" s="916" t="s">
        <v>3816</v>
      </c>
      <c r="EJP17" s="916" t="s">
        <v>3816</v>
      </c>
      <c r="EJQ17" s="916" t="s">
        <v>3816</v>
      </c>
      <c r="EJR17" s="916" t="s">
        <v>3816</v>
      </c>
      <c r="EJS17" s="916" t="s">
        <v>3816</v>
      </c>
      <c r="EJT17" s="916" t="s">
        <v>3816</v>
      </c>
      <c r="EJU17" s="916" t="s">
        <v>3816</v>
      </c>
      <c r="EJV17" s="916" t="s">
        <v>3816</v>
      </c>
      <c r="EJW17" s="916" t="s">
        <v>3816</v>
      </c>
      <c r="EJX17" s="916" t="s">
        <v>3816</v>
      </c>
      <c r="EJY17" s="916" t="s">
        <v>3816</v>
      </c>
      <c r="EJZ17" s="916" t="s">
        <v>3816</v>
      </c>
      <c r="EKA17" s="916" t="s">
        <v>3816</v>
      </c>
      <c r="EKB17" s="916" t="s">
        <v>3816</v>
      </c>
      <c r="EKC17" s="916" t="s">
        <v>3816</v>
      </c>
      <c r="EKD17" s="916" t="s">
        <v>3816</v>
      </c>
      <c r="EKE17" s="916" t="s">
        <v>3816</v>
      </c>
      <c r="EKF17" s="916" t="s">
        <v>3816</v>
      </c>
      <c r="EKG17" s="916" t="s">
        <v>3816</v>
      </c>
      <c r="EKH17" s="916" t="s">
        <v>3816</v>
      </c>
      <c r="EKI17" s="916" t="s">
        <v>3816</v>
      </c>
      <c r="EKJ17" s="916" t="s">
        <v>3816</v>
      </c>
      <c r="EKK17" s="916" t="s">
        <v>3816</v>
      </c>
      <c r="EKL17" s="916" t="s">
        <v>3816</v>
      </c>
      <c r="EKM17" s="916" t="s">
        <v>3816</v>
      </c>
      <c r="EKN17" s="916" t="s">
        <v>3816</v>
      </c>
      <c r="EKO17" s="916" t="s">
        <v>3816</v>
      </c>
      <c r="EKP17" s="916" t="s">
        <v>3816</v>
      </c>
      <c r="EKQ17" s="916" t="s">
        <v>3816</v>
      </c>
      <c r="EKR17" s="916" t="s">
        <v>3816</v>
      </c>
      <c r="EKS17" s="916" t="s">
        <v>3816</v>
      </c>
      <c r="EKT17" s="916" t="s">
        <v>3816</v>
      </c>
      <c r="EKU17" s="916" t="s">
        <v>3816</v>
      </c>
      <c r="EKV17" s="916" t="s">
        <v>3816</v>
      </c>
      <c r="EKW17" s="916" t="s">
        <v>3816</v>
      </c>
      <c r="EKX17" s="916" t="s">
        <v>3816</v>
      </c>
      <c r="EKY17" s="916" t="s">
        <v>3816</v>
      </c>
      <c r="EKZ17" s="916" t="s">
        <v>3816</v>
      </c>
      <c r="ELA17" s="916" t="s">
        <v>3816</v>
      </c>
      <c r="ELB17" s="916" t="s">
        <v>3816</v>
      </c>
      <c r="ELC17" s="916" t="s">
        <v>3816</v>
      </c>
      <c r="ELD17" s="916" t="s">
        <v>3816</v>
      </c>
      <c r="ELE17" s="916" t="s">
        <v>3816</v>
      </c>
      <c r="ELF17" s="916" t="s">
        <v>3816</v>
      </c>
      <c r="ELG17" s="916" t="s">
        <v>3816</v>
      </c>
      <c r="ELH17" s="916" t="s">
        <v>3816</v>
      </c>
      <c r="ELI17" s="916" t="s">
        <v>3816</v>
      </c>
      <c r="ELJ17" s="916" t="s">
        <v>3816</v>
      </c>
      <c r="ELK17" s="916" t="s">
        <v>3816</v>
      </c>
      <c r="ELL17" s="916" t="s">
        <v>3816</v>
      </c>
      <c r="ELM17" s="916" t="s">
        <v>3816</v>
      </c>
      <c r="ELN17" s="916" t="s">
        <v>3816</v>
      </c>
      <c r="ELO17" s="916" t="s">
        <v>3816</v>
      </c>
      <c r="ELP17" s="916" t="s">
        <v>3816</v>
      </c>
      <c r="ELQ17" s="916" t="s">
        <v>3816</v>
      </c>
      <c r="ELR17" s="916" t="s">
        <v>3816</v>
      </c>
      <c r="ELS17" s="916" t="s">
        <v>3816</v>
      </c>
      <c r="ELT17" s="916" t="s">
        <v>3816</v>
      </c>
      <c r="ELU17" s="916" t="s">
        <v>3816</v>
      </c>
      <c r="ELV17" s="916" t="s">
        <v>3816</v>
      </c>
      <c r="ELW17" s="916" t="s">
        <v>3816</v>
      </c>
      <c r="ELX17" s="916" t="s">
        <v>3816</v>
      </c>
      <c r="ELY17" s="916" t="s">
        <v>3816</v>
      </c>
      <c r="ELZ17" s="916" t="s">
        <v>3816</v>
      </c>
      <c r="EMA17" s="916" t="s">
        <v>3816</v>
      </c>
      <c r="EMB17" s="916" t="s">
        <v>3816</v>
      </c>
      <c r="EMC17" s="916" t="s">
        <v>3816</v>
      </c>
      <c r="EMD17" s="916" t="s">
        <v>3816</v>
      </c>
      <c r="EME17" s="916" t="s">
        <v>3816</v>
      </c>
      <c r="EMF17" s="916" t="s">
        <v>3816</v>
      </c>
      <c r="EMG17" s="916" t="s">
        <v>3816</v>
      </c>
      <c r="EMH17" s="916" t="s">
        <v>3816</v>
      </c>
      <c r="EMI17" s="916" t="s">
        <v>3816</v>
      </c>
      <c r="EMJ17" s="916" t="s">
        <v>3816</v>
      </c>
      <c r="EMK17" s="916" t="s">
        <v>3816</v>
      </c>
      <c r="EML17" s="916" t="s">
        <v>3816</v>
      </c>
      <c r="EMM17" s="916" t="s">
        <v>3816</v>
      </c>
      <c r="EMN17" s="916" t="s">
        <v>3816</v>
      </c>
      <c r="EMO17" s="916" t="s">
        <v>3816</v>
      </c>
      <c r="EMP17" s="916" t="s">
        <v>3816</v>
      </c>
      <c r="EMQ17" s="916" t="s">
        <v>3816</v>
      </c>
      <c r="EMR17" s="916" t="s">
        <v>3816</v>
      </c>
      <c r="EMS17" s="916" t="s">
        <v>3816</v>
      </c>
      <c r="EMT17" s="916" t="s">
        <v>3816</v>
      </c>
      <c r="EMU17" s="916" t="s">
        <v>3816</v>
      </c>
      <c r="EMV17" s="916" t="s">
        <v>3816</v>
      </c>
      <c r="EMW17" s="916" t="s">
        <v>3816</v>
      </c>
      <c r="EMX17" s="916" t="s">
        <v>3816</v>
      </c>
      <c r="EMY17" s="916" t="s">
        <v>3816</v>
      </c>
      <c r="EMZ17" s="916" t="s">
        <v>3816</v>
      </c>
      <c r="ENA17" s="916" t="s">
        <v>3816</v>
      </c>
      <c r="ENB17" s="916" t="s">
        <v>3816</v>
      </c>
      <c r="ENC17" s="916" t="s">
        <v>3816</v>
      </c>
      <c r="END17" s="916" t="s">
        <v>3816</v>
      </c>
      <c r="ENE17" s="916" t="s">
        <v>3816</v>
      </c>
      <c r="ENF17" s="916" t="s">
        <v>3816</v>
      </c>
      <c r="ENG17" s="916" t="s">
        <v>3816</v>
      </c>
      <c r="ENH17" s="916" t="s">
        <v>3816</v>
      </c>
      <c r="ENI17" s="916" t="s">
        <v>3816</v>
      </c>
      <c r="ENJ17" s="916" t="s">
        <v>3816</v>
      </c>
      <c r="ENK17" s="916" t="s">
        <v>3816</v>
      </c>
      <c r="ENL17" s="916" t="s">
        <v>3816</v>
      </c>
      <c r="ENM17" s="916" t="s">
        <v>3816</v>
      </c>
      <c r="ENN17" s="916" t="s">
        <v>3816</v>
      </c>
      <c r="ENO17" s="916" t="s">
        <v>3816</v>
      </c>
      <c r="ENP17" s="916" t="s">
        <v>3816</v>
      </c>
      <c r="ENQ17" s="916" t="s">
        <v>3816</v>
      </c>
      <c r="ENR17" s="916" t="s">
        <v>3816</v>
      </c>
      <c r="ENS17" s="916" t="s">
        <v>3816</v>
      </c>
      <c r="ENT17" s="916" t="s">
        <v>3816</v>
      </c>
      <c r="ENU17" s="916" t="s">
        <v>3816</v>
      </c>
      <c r="ENV17" s="916" t="s">
        <v>3816</v>
      </c>
      <c r="ENW17" s="916" t="s">
        <v>3816</v>
      </c>
      <c r="ENX17" s="916" t="s">
        <v>3816</v>
      </c>
      <c r="ENY17" s="916" t="s">
        <v>3816</v>
      </c>
      <c r="ENZ17" s="916" t="s">
        <v>3816</v>
      </c>
      <c r="EOA17" s="916" t="s">
        <v>3816</v>
      </c>
      <c r="EOB17" s="916" t="s">
        <v>3816</v>
      </c>
      <c r="EOC17" s="916" t="s">
        <v>3816</v>
      </c>
      <c r="EOD17" s="916" t="s">
        <v>3816</v>
      </c>
      <c r="EOE17" s="916" t="s">
        <v>3816</v>
      </c>
      <c r="EOF17" s="916" t="s">
        <v>3816</v>
      </c>
      <c r="EOG17" s="916" t="s">
        <v>3816</v>
      </c>
      <c r="EOH17" s="916" t="s">
        <v>3816</v>
      </c>
      <c r="EOI17" s="916" t="s">
        <v>3816</v>
      </c>
      <c r="EOJ17" s="916" t="s">
        <v>3816</v>
      </c>
      <c r="EOK17" s="916" t="s">
        <v>3816</v>
      </c>
      <c r="EOL17" s="916" t="s">
        <v>3816</v>
      </c>
      <c r="EOM17" s="916" t="s">
        <v>3816</v>
      </c>
      <c r="EON17" s="916" t="s">
        <v>3816</v>
      </c>
      <c r="EOO17" s="916" t="s">
        <v>3816</v>
      </c>
      <c r="EOP17" s="916" t="s">
        <v>3816</v>
      </c>
      <c r="EOQ17" s="916" t="s">
        <v>3816</v>
      </c>
      <c r="EOR17" s="916" t="s">
        <v>3816</v>
      </c>
      <c r="EOS17" s="916" t="s">
        <v>3816</v>
      </c>
      <c r="EOT17" s="916" t="s">
        <v>3816</v>
      </c>
      <c r="EOU17" s="916" t="s">
        <v>3816</v>
      </c>
      <c r="EOV17" s="916" t="s">
        <v>3816</v>
      </c>
      <c r="EOW17" s="916" t="s">
        <v>3816</v>
      </c>
      <c r="EOX17" s="916" t="s">
        <v>3816</v>
      </c>
      <c r="EOY17" s="916" t="s">
        <v>3816</v>
      </c>
      <c r="EOZ17" s="916" t="s">
        <v>3816</v>
      </c>
      <c r="EPA17" s="916" t="s">
        <v>3816</v>
      </c>
      <c r="EPB17" s="916" t="s">
        <v>3816</v>
      </c>
      <c r="EPC17" s="916" t="s">
        <v>3816</v>
      </c>
      <c r="EPD17" s="916" t="s">
        <v>3816</v>
      </c>
      <c r="EPE17" s="916" t="s">
        <v>3816</v>
      </c>
      <c r="EPF17" s="916" t="s">
        <v>3816</v>
      </c>
      <c r="EPG17" s="916" t="s">
        <v>3816</v>
      </c>
      <c r="EPH17" s="916" t="s">
        <v>3816</v>
      </c>
      <c r="EPI17" s="916" t="s">
        <v>3816</v>
      </c>
      <c r="EPJ17" s="916" t="s">
        <v>3816</v>
      </c>
      <c r="EPK17" s="916" t="s">
        <v>3816</v>
      </c>
      <c r="EPL17" s="916" t="s">
        <v>3816</v>
      </c>
      <c r="EPM17" s="916" t="s">
        <v>3816</v>
      </c>
      <c r="EPN17" s="916" t="s">
        <v>3816</v>
      </c>
      <c r="EPO17" s="916" t="s">
        <v>3816</v>
      </c>
      <c r="EPP17" s="916" t="s">
        <v>3816</v>
      </c>
      <c r="EPQ17" s="916" t="s">
        <v>3816</v>
      </c>
      <c r="EPR17" s="916" t="s">
        <v>3816</v>
      </c>
      <c r="EPS17" s="916" t="s">
        <v>3816</v>
      </c>
      <c r="EPT17" s="916" t="s">
        <v>3816</v>
      </c>
      <c r="EPU17" s="916" t="s">
        <v>3816</v>
      </c>
      <c r="EPV17" s="916" t="s">
        <v>3816</v>
      </c>
      <c r="EPW17" s="916" t="s">
        <v>3816</v>
      </c>
      <c r="EPX17" s="916" t="s">
        <v>3816</v>
      </c>
      <c r="EPY17" s="916" t="s">
        <v>3816</v>
      </c>
      <c r="EPZ17" s="916" t="s">
        <v>3816</v>
      </c>
      <c r="EQA17" s="916" t="s">
        <v>3816</v>
      </c>
      <c r="EQB17" s="916" t="s">
        <v>3816</v>
      </c>
      <c r="EQC17" s="916" t="s">
        <v>3816</v>
      </c>
      <c r="EQD17" s="916" t="s">
        <v>3816</v>
      </c>
      <c r="EQE17" s="916" t="s">
        <v>3816</v>
      </c>
      <c r="EQF17" s="916" t="s">
        <v>3816</v>
      </c>
      <c r="EQG17" s="916" t="s">
        <v>3816</v>
      </c>
      <c r="EQH17" s="916" t="s">
        <v>3816</v>
      </c>
      <c r="EQI17" s="916" t="s">
        <v>3816</v>
      </c>
      <c r="EQJ17" s="916" t="s">
        <v>3816</v>
      </c>
      <c r="EQK17" s="916" t="s">
        <v>3816</v>
      </c>
      <c r="EQL17" s="916" t="s">
        <v>3816</v>
      </c>
      <c r="EQM17" s="916" t="s">
        <v>3816</v>
      </c>
      <c r="EQN17" s="916" t="s">
        <v>3816</v>
      </c>
      <c r="EQO17" s="916" t="s">
        <v>3816</v>
      </c>
      <c r="EQP17" s="916" t="s">
        <v>3816</v>
      </c>
      <c r="EQQ17" s="916" t="s">
        <v>3816</v>
      </c>
      <c r="EQR17" s="916" t="s">
        <v>3816</v>
      </c>
      <c r="EQS17" s="916" t="s">
        <v>3816</v>
      </c>
      <c r="EQT17" s="916" t="s">
        <v>3816</v>
      </c>
      <c r="EQU17" s="916" t="s">
        <v>3816</v>
      </c>
      <c r="EQV17" s="916" t="s">
        <v>3816</v>
      </c>
      <c r="EQW17" s="916" t="s">
        <v>3816</v>
      </c>
      <c r="EQX17" s="916" t="s">
        <v>3816</v>
      </c>
      <c r="EQY17" s="916" t="s">
        <v>3816</v>
      </c>
      <c r="EQZ17" s="916" t="s">
        <v>3816</v>
      </c>
      <c r="ERA17" s="916" t="s">
        <v>3816</v>
      </c>
      <c r="ERB17" s="916" t="s">
        <v>3816</v>
      </c>
      <c r="ERC17" s="916" t="s">
        <v>3816</v>
      </c>
      <c r="ERD17" s="916" t="s">
        <v>3816</v>
      </c>
      <c r="ERE17" s="916" t="s">
        <v>3816</v>
      </c>
      <c r="ERF17" s="916" t="s">
        <v>3816</v>
      </c>
      <c r="ERG17" s="916" t="s">
        <v>3816</v>
      </c>
      <c r="ERH17" s="916" t="s">
        <v>3816</v>
      </c>
      <c r="ERI17" s="916" t="s">
        <v>3816</v>
      </c>
      <c r="ERJ17" s="916" t="s">
        <v>3816</v>
      </c>
      <c r="ERK17" s="916" t="s">
        <v>3816</v>
      </c>
      <c r="ERL17" s="916" t="s">
        <v>3816</v>
      </c>
      <c r="ERM17" s="916" t="s">
        <v>3816</v>
      </c>
      <c r="ERN17" s="916" t="s">
        <v>3816</v>
      </c>
      <c r="ERO17" s="916" t="s">
        <v>3816</v>
      </c>
      <c r="ERP17" s="916" t="s">
        <v>3816</v>
      </c>
      <c r="ERQ17" s="916" t="s">
        <v>3816</v>
      </c>
      <c r="ERR17" s="916" t="s">
        <v>3816</v>
      </c>
      <c r="ERS17" s="916" t="s">
        <v>3816</v>
      </c>
      <c r="ERT17" s="916" t="s">
        <v>3816</v>
      </c>
      <c r="ERU17" s="916" t="s">
        <v>3816</v>
      </c>
      <c r="ERV17" s="916" t="s">
        <v>3816</v>
      </c>
      <c r="ERW17" s="916" t="s">
        <v>3816</v>
      </c>
      <c r="ERX17" s="916" t="s">
        <v>3816</v>
      </c>
      <c r="ERY17" s="916" t="s">
        <v>3816</v>
      </c>
      <c r="ERZ17" s="916" t="s">
        <v>3816</v>
      </c>
      <c r="ESA17" s="916" t="s">
        <v>3816</v>
      </c>
      <c r="ESB17" s="916" t="s">
        <v>3816</v>
      </c>
      <c r="ESC17" s="916" t="s">
        <v>3816</v>
      </c>
      <c r="ESD17" s="916" t="s">
        <v>3816</v>
      </c>
      <c r="ESE17" s="916" t="s">
        <v>3816</v>
      </c>
      <c r="ESF17" s="916" t="s">
        <v>3816</v>
      </c>
      <c r="ESG17" s="916" t="s">
        <v>3816</v>
      </c>
      <c r="ESH17" s="916" t="s">
        <v>3816</v>
      </c>
      <c r="ESI17" s="916" t="s">
        <v>3816</v>
      </c>
      <c r="ESJ17" s="916" t="s">
        <v>3816</v>
      </c>
      <c r="ESK17" s="916" t="s">
        <v>3816</v>
      </c>
      <c r="ESL17" s="916" t="s">
        <v>3816</v>
      </c>
      <c r="ESM17" s="916" t="s">
        <v>3816</v>
      </c>
      <c r="ESN17" s="916" t="s">
        <v>3816</v>
      </c>
      <c r="ESO17" s="916" t="s">
        <v>3816</v>
      </c>
      <c r="ESP17" s="916" t="s">
        <v>3816</v>
      </c>
      <c r="ESQ17" s="916" t="s">
        <v>3816</v>
      </c>
      <c r="ESR17" s="916" t="s">
        <v>3816</v>
      </c>
      <c r="ESS17" s="916" t="s">
        <v>3816</v>
      </c>
      <c r="EST17" s="916" t="s">
        <v>3816</v>
      </c>
      <c r="ESU17" s="916" t="s">
        <v>3816</v>
      </c>
      <c r="ESV17" s="916" t="s">
        <v>3816</v>
      </c>
      <c r="ESW17" s="916" t="s">
        <v>3816</v>
      </c>
      <c r="ESX17" s="916" t="s">
        <v>3816</v>
      </c>
      <c r="ESY17" s="916" t="s">
        <v>3816</v>
      </c>
      <c r="ESZ17" s="916" t="s">
        <v>3816</v>
      </c>
      <c r="ETA17" s="916" t="s">
        <v>3816</v>
      </c>
      <c r="ETB17" s="916" t="s">
        <v>3816</v>
      </c>
      <c r="ETC17" s="916" t="s">
        <v>3816</v>
      </c>
      <c r="ETD17" s="916" t="s">
        <v>3816</v>
      </c>
      <c r="ETE17" s="916" t="s">
        <v>3816</v>
      </c>
      <c r="ETF17" s="916" t="s">
        <v>3816</v>
      </c>
      <c r="ETG17" s="916" t="s">
        <v>3816</v>
      </c>
      <c r="ETH17" s="916" t="s">
        <v>3816</v>
      </c>
      <c r="ETI17" s="916" t="s">
        <v>3816</v>
      </c>
      <c r="ETJ17" s="916" t="s">
        <v>3816</v>
      </c>
      <c r="ETK17" s="916" t="s">
        <v>3816</v>
      </c>
      <c r="ETL17" s="916" t="s">
        <v>3816</v>
      </c>
      <c r="ETM17" s="916" t="s">
        <v>3816</v>
      </c>
      <c r="ETN17" s="916" t="s">
        <v>3816</v>
      </c>
      <c r="ETO17" s="916" t="s">
        <v>3816</v>
      </c>
      <c r="ETP17" s="916" t="s">
        <v>3816</v>
      </c>
      <c r="ETQ17" s="916" t="s">
        <v>3816</v>
      </c>
      <c r="ETR17" s="916" t="s">
        <v>3816</v>
      </c>
      <c r="ETS17" s="916" t="s">
        <v>3816</v>
      </c>
      <c r="ETT17" s="916" t="s">
        <v>3816</v>
      </c>
      <c r="ETU17" s="916" t="s">
        <v>3816</v>
      </c>
      <c r="ETV17" s="916" t="s">
        <v>3816</v>
      </c>
      <c r="ETW17" s="916" t="s">
        <v>3816</v>
      </c>
      <c r="ETX17" s="916" t="s">
        <v>3816</v>
      </c>
      <c r="ETY17" s="916" t="s">
        <v>3816</v>
      </c>
      <c r="ETZ17" s="916" t="s">
        <v>3816</v>
      </c>
      <c r="EUA17" s="916" t="s">
        <v>3816</v>
      </c>
      <c r="EUB17" s="916" t="s">
        <v>3816</v>
      </c>
      <c r="EUC17" s="916" t="s">
        <v>3816</v>
      </c>
      <c r="EUD17" s="916" t="s">
        <v>3816</v>
      </c>
      <c r="EUE17" s="916" t="s">
        <v>3816</v>
      </c>
      <c r="EUF17" s="916" t="s">
        <v>3816</v>
      </c>
      <c r="EUG17" s="916" t="s">
        <v>3816</v>
      </c>
      <c r="EUH17" s="916" t="s">
        <v>3816</v>
      </c>
      <c r="EUI17" s="916" t="s">
        <v>3816</v>
      </c>
      <c r="EUJ17" s="916" t="s">
        <v>3816</v>
      </c>
      <c r="EUK17" s="916" t="s">
        <v>3816</v>
      </c>
      <c r="EUL17" s="916" t="s">
        <v>3816</v>
      </c>
      <c r="EUM17" s="916" t="s">
        <v>3816</v>
      </c>
      <c r="EUN17" s="916" t="s">
        <v>3816</v>
      </c>
      <c r="EUO17" s="916" t="s">
        <v>3816</v>
      </c>
      <c r="EUP17" s="916" t="s">
        <v>3816</v>
      </c>
      <c r="EUQ17" s="916" t="s">
        <v>3816</v>
      </c>
      <c r="EUR17" s="916" t="s">
        <v>3816</v>
      </c>
      <c r="EUS17" s="916" t="s">
        <v>3816</v>
      </c>
      <c r="EUT17" s="916" t="s">
        <v>3816</v>
      </c>
      <c r="EUU17" s="916" t="s">
        <v>3816</v>
      </c>
      <c r="EUV17" s="916" t="s">
        <v>3816</v>
      </c>
      <c r="EUW17" s="916" t="s">
        <v>3816</v>
      </c>
      <c r="EUX17" s="916" t="s">
        <v>3816</v>
      </c>
      <c r="EUY17" s="916" t="s">
        <v>3816</v>
      </c>
      <c r="EUZ17" s="916" t="s">
        <v>3816</v>
      </c>
      <c r="EVA17" s="916" t="s">
        <v>3816</v>
      </c>
      <c r="EVB17" s="916" t="s">
        <v>3816</v>
      </c>
      <c r="EVC17" s="916" t="s">
        <v>3816</v>
      </c>
      <c r="EVD17" s="916" t="s">
        <v>3816</v>
      </c>
      <c r="EVE17" s="916" t="s">
        <v>3816</v>
      </c>
      <c r="EVF17" s="916" t="s">
        <v>3816</v>
      </c>
      <c r="EVG17" s="916" t="s">
        <v>3816</v>
      </c>
      <c r="EVH17" s="916" t="s">
        <v>3816</v>
      </c>
      <c r="EVI17" s="916" t="s">
        <v>3816</v>
      </c>
      <c r="EVJ17" s="916" t="s">
        <v>3816</v>
      </c>
      <c r="EVK17" s="916" t="s">
        <v>3816</v>
      </c>
      <c r="EVL17" s="916" t="s">
        <v>3816</v>
      </c>
      <c r="EVM17" s="916" t="s">
        <v>3816</v>
      </c>
      <c r="EVN17" s="916" t="s">
        <v>3816</v>
      </c>
      <c r="EVO17" s="916" t="s">
        <v>3816</v>
      </c>
      <c r="EVP17" s="916" t="s">
        <v>3816</v>
      </c>
      <c r="EVQ17" s="916" t="s">
        <v>3816</v>
      </c>
      <c r="EVR17" s="916" t="s">
        <v>3816</v>
      </c>
      <c r="EVS17" s="916" t="s">
        <v>3816</v>
      </c>
      <c r="EVT17" s="916" t="s">
        <v>3816</v>
      </c>
      <c r="EVU17" s="916" t="s">
        <v>3816</v>
      </c>
      <c r="EVV17" s="916" t="s">
        <v>3816</v>
      </c>
      <c r="EVW17" s="916" t="s">
        <v>3816</v>
      </c>
      <c r="EVX17" s="916" t="s">
        <v>3816</v>
      </c>
      <c r="EVY17" s="916" t="s">
        <v>3816</v>
      </c>
      <c r="EVZ17" s="916" t="s">
        <v>3816</v>
      </c>
      <c r="EWA17" s="916" t="s">
        <v>3816</v>
      </c>
      <c r="EWB17" s="916" t="s">
        <v>3816</v>
      </c>
      <c r="EWC17" s="916" t="s">
        <v>3816</v>
      </c>
      <c r="EWD17" s="916" t="s">
        <v>3816</v>
      </c>
      <c r="EWE17" s="916" t="s">
        <v>3816</v>
      </c>
      <c r="EWF17" s="916" t="s">
        <v>3816</v>
      </c>
      <c r="EWG17" s="916" t="s">
        <v>3816</v>
      </c>
      <c r="EWH17" s="916" t="s">
        <v>3816</v>
      </c>
      <c r="EWI17" s="916" t="s">
        <v>3816</v>
      </c>
      <c r="EWJ17" s="916" t="s">
        <v>3816</v>
      </c>
      <c r="EWK17" s="916" t="s">
        <v>3816</v>
      </c>
      <c r="EWL17" s="916" t="s">
        <v>3816</v>
      </c>
      <c r="EWM17" s="916" t="s">
        <v>3816</v>
      </c>
      <c r="EWN17" s="916" t="s">
        <v>3816</v>
      </c>
      <c r="EWO17" s="916" t="s">
        <v>3816</v>
      </c>
      <c r="EWP17" s="916" t="s">
        <v>3816</v>
      </c>
      <c r="EWQ17" s="916" t="s">
        <v>3816</v>
      </c>
      <c r="EWR17" s="916" t="s">
        <v>3816</v>
      </c>
      <c r="EWS17" s="916" t="s">
        <v>3816</v>
      </c>
      <c r="EWT17" s="916" t="s">
        <v>3816</v>
      </c>
      <c r="EWU17" s="916" t="s">
        <v>3816</v>
      </c>
      <c r="EWV17" s="916" t="s">
        <v>3816</v>
      </c>
      <c r="EWW17" s="916" t="s">
        <v>3816</v>
      </c>
      <c r="EWX17" s="916" t="s">
        <v>3816</v>
      </c>
      <c r="EWY17" s="916" t="s">
        <v>3816</v>
      </c>
      <c r="EWZ17" s="916" t="s">
        <v>3816</v>
      </c>
      <c r="EXA17" s="916" t="s">
        <v>3816</v>
      </c>
      <c r="EXB17" s="916" t="s">
        <v>3816</v>
      </c>
      <c r="EXC17" s="916" t="s">
        <v>3816</v>
      </c>
      <c r="EXD17" s="916" t="s">
        <v>3816</v>
      </c>
      <c r="EXE17" s="916" t="s">
        <v>3816</v>
      </c>
      <c r="EXF17" s="916" t="s">
        <v>3816</v>
      </c>
      <c r="EXG17" s="916" t="s">
        <v>3816</v>
      </c>
      <c r="EXH17" s="916" t="s">
        <v>3816</v>
      </c>
      <c r="EXI17" s="916" t="s">
        <v>3816</v>
      </c>
      <c r="EXJ17" s="916" t="s">
        <v>3816</v>
      </c>
      <c r="EXK17" s="916" t="s">
        <v>3816</v>
      </c>
      <c r="EXL17" s="916" t="s">
        <v>3816</v>
      </c>
      <c r="EXM17" s="916" t="s">
        <v>3816</v>
      </c>
      <c r="EXN17" s="916" t="s">
        <v>3816</v>
      </c>
      <c r="EXO17" s="916" t="s">
        <v>3816</v>
      </c>
      <c r="EXP17" s="916" t="s">
        <v>3816</v>
      </c>
      <c r="EXQ17" s="916" t="s">
        <v>3816</v>
      </c>
      <c r="EXR17" s="916" t="s">
        <v>3816</v>
      </c>
      <c r="EXS17" s="916" t="s">
        <v>3816</v>
      </c>
      <c r="EXT17" s="916" t="s">
        <v>3816</v>
      </c>
      <c r="EXU17" s="916" t="s">
        <v>3816</v>
      </c>
      <c r="EXV17" s="916" t="s">
        <v>3816</v>
      </c>
      <c r="EXW17" s="916" t="s">
        <v>3816</v>
      </c>
      <c r="EXX17" s="916" t="s">
        <v>3816</v>
      </c>
      <c r="EXY17" s="916" t="s">
        <v>3816</v>
      </c>
      <c r="EXZ17" s="916" t="s">
        <v>3816</v>
      </c>
      <c r="EYA17" s="916" t="s">
        <v>3816</v>
      </c>
      <c r="EYB17" s="916" t="s">
        <v>3816</v>
      </c>
      <c r="EYC17" s="916" t="s">
        <v>3816</v>
      </c>
      <c r="EYD17" s="916" t="s">
        <v>3816</v>
      </c>
      <c r="EYE17" s="916" t="s">
        <v>3816</v>
      </c>
      <c r="EYF17" s="916" t="s">
        <v>3816</v>
      </c>
      <c r="EYG17" s="916" t="s">
        <v>3816</v>
      </c>
      <c r="EYH17" s="916" t="s">
        <v>3816</v>
      </c>
      <c r="EYI17" s="916" t="s">
        <v>3816</v>
      </c>
      <c r="EYJ17" s="916" t="s">
        <v>3816</v>
      </c>
      <c r="EYK17" s="916" t="s">
        <v>3816</v>
      </c>
      <c r="EYL17" s="916" t="s">
        <v>3816</v>
      </c>
      <c r="EYM17" s="916" t="s">
        <v>3816</v>
      </c>
      <c r="EYN17" s="916" t="s">
        <v>3816</v>
      </c>
      <c r="EYO17" s="916" t="s">
        <v>3816</v>
      </c>
      <c r="EYP17" s="916" t="s">
        <v>3816</v>
      </c>
      <c r="EYQ17" s="916" t="s">
        <v>3816</v>
      </c>
      <c r="EYR17" s="916" t="s">
        <v>3816</v>
      </c>
      <c r="EYS17" s="916" t="s">
        <v>3816</v>
      </c>
      <c r="EYT17" s="916" t="s">
        <v>3816</v>
      </c>
      <c r="EYU17" s="916" t="s">
        <v>3816</v>
      </c>
      <c r="EYV17" s="916" t="s">
        <v>3816</v>
      </c>
      <c r="EYW17" s="916" t="s">
        <v>3816</v>
      </c>
      <c r="EYX17" s="916" t="s">
        <v>3816</v>
      </c>
      <c r="EYY17" s="916" t="s">
        <v>3816</v>
      </c>
      <c r="EYZ17" s="916" t="s">
        <v>3816</v>
      </c>
      <c r="EZA17" s="916" t="s">
        <v>3816</v>
      </c>
      <c r="EZB17" s="916" t="s">
        <v>3816</v>
      </c>
      <c r="EZC17" s="916" t="s">
        <v>3816</v>
      </c>
      <c r="EZD17" s="916" t="s">
        <v>3816</v>
      </c>
      <c r="EZE17" s="916" t="s">
        <v>3816</v>
      </c>
      <c r="EZF17" s="916" t="s">
        <v>3816</v>
      </c>
      <c r="EZG17" s="916" t="s">
        <v>3816</v>
      </c>
      <c r="EZH17" s="916" t="s">
        <v>3816</v>
      </c>
      <c r="EZI17" s="916" t="s">
        <v>3816</v>
      </c>
      <c r="EZJ17" s="916" t="s">
        <v>3816</v>
      </c>
      <c r="EZK17" s="916" t="s">
        <v>3816</v>
      </c>
      <c r="EZL17" s="916" t="s">
        <v>3816</v>
      </c>
      <c r="EZM17" s="916" t="s">
        <v>3816</v>
      </c>
      <c r="EZN17" s="916" t="s">
        <v>3816</v>
      </c>
      <c r="EZO17" s="916" t="s">
        <v>3816</v>
      </c>
      <c r="EZP17" s="916" t="s">
        <v>3816</v>
      </c>
      <c r="EZQ17" s="916" t="s">
        <v>3816</v>
      </c>
      <c r="EZR17" s="916" t="s">
        <v>3816</v>
      </c>
      <c r="EZS17" s="916" t="s">
        <v>3816</v>
      </c>
      <c r="EZT17" s="916" t="s">
        <v>3816</v>
      </c>
      <c r="EZU17" s="916" t="s">
        <v>3816</v>
      </c>
      <c r="EZV17" s="916" t="s">
        <v>3816</v>
      </c>
      <c r="EZW17" s="916" t="s">
        <v>3816</v>
      </c>
      <c r="EZX17" s="916" t="s">
        <v>3816</v>
      </c>
      <c r="EZY17" s="916" t="s">
        <v>3816</v>
      </c>
      <c r="EZZ17" s="916" t="s">
        <v>3816</v>
      </c>
      <c r="FAA17" s="916" t="s">
        <v>3816</v>
      </c>
      <c r="FAB17" s="916" t="s">
        <v>3816</v>
      </c>
      <c r="FAC17" s="916" t="s">
        <v>3816</v>
      </c>
      <c r="FAD17" s="916" t="s">
        <v>3816</v>
      </c>
      <c r="FAE17" s="916" t="s">
        <v>3816</v>
      </c>
      <c r="FAF17" s="916" t="s">
        <v>3816</v>
      </c>
      <c r="FAG17" s="916" t="s">
        <v>3816</v>
      </c>
      <c r="FAH17" s="916" t="s">
        <v>3816</v>
      </c>
      <c r="FAI17" s="916" t="s">
        <v>3816</v>
      </c>
      <c r="FAJ17" s="916" t="s">
        <v>3816</v>
      </c>
      <c r="FAK17" s="916" t="s">
        <v>3816</v>
      </c>
      <c r="FAL17" s="916" t="s">
        <v>3816</v>
      </c>
      <c r="FAM17" s="916" t="s">
        <v>3816</v>
      </c>
      <c r="FAN17" s="916" t="s">
        <v>3816</v>
      </c>
      <c r="FAO17" s="916" t="s">
        <v>3816</v>
      </c>
      <c r="FAP17" s="916" t="s">
        <v>3816</v>
      </c>
      <c r="FAQ17" s="916" t="s">
        <v>3816</v>
      </c>
      <c r="FAR17" s="916" t="s">
        <v>3816</v>
      </c>
      <c r="FAS17" s="916" t="s">
        <v>3816</v>
      </c>
      <c r="FAT17" s="916" t="s">
        <v>3816</v>
      </c>
      <c r="FAU17" s="916" t="s">
        <v>3816</v>
      </c>
      <c r="FAV17" s="916" t="s">
        <v>3816</v>
      </c>
      <c r="FAW17" s="916" t="s">
        <v>3816</v>
      </c>
      <c r="FAX17" s="916" t="s">
        <v>3816</v>
      </c>
      <c r="FAY17" s="916" t="s">
        <v>3816</v>
      </c>
      <c r="FAZ17" s="916" t="s">
        <v>3816</v>
      </c>
      <c r="FBA17" s="916" t="s">
        <v>3816</v>
      </c>
      <c r="FBB17" s="916" t="s">
        <v>3816</v>
      </c>
      <c r="FBC17" s="916" t="s">
        <v>3816</v>
      </c>
      <c r="FBD17" s="916" t="s">
        <v>3816</v>
      </c>
      <c r="FBE17" s="916" t="s">
        <v>3816</v>
      </c>
      <c r="FBF17" s="916" t="s">
        <v>3816</v>
      </c>
      <c r="FBG17" s="916" t="s">
        <v>3816</v>
      </c>
      <c r="FBH17" s="916" t="s">
        <v>3816</v>
      </c>
      <c r="FBI17" s="916" t="s">
        <v>3816</v>
      </c>
      <c r="FBJ17" s="916" t="s">
        <v>3816</v>
      </c>
      <c r="FBK17" s="916" t="s">
        <v>3816</v>
      </c>
      <c r="FBL17" s="916" t="s">
        <v>3816</v>
      </c>
      <c r="FBM17" s="916" t="s">
        <v>3816</v>
      </c>
      <c r="FBN17" s="916" t="s">
        <v>3816</v>
      </c>
      <c r="FBO17" s="916" t="s">
        <v>3816</v>
      </c>
      <c r="FBP17" s="916" t="s">
        <v>3816</v>
      </c>
      <c r="FBQ17" s="916" t="s">
        <v>3816</v>
      </c>
      <c r="FBR17" s="916" t="s">
        <v>3816</v>
      </c>
      <c r="FBS17" s="916" t="s">
        <v>3816</v>
      </c>
      <c r="FBT17" s="916" t="s">
        <v>3816</v>
      </c>
      <c r="FBU17" s="916" t="s">
        <v>3816</v>
      </c>
      <c r="FBV17" s="916" t="s">
        <v>3816</v>
      </c>
      <c r="FBW17" s="916" t="s">
        <v>3816</v>
      </c>
      <c r="FBX17" s="916" t="s">
        <v>3816</v>
      </c>
      <c r="FBY17" s="916" t="s">
        <v>3816</v>
      </c>
      <c r="FBZ17" s="916" t="s">
        <v>3816</v>
      </c>
      <c r="FCA17" s="916" t="s">
        <v>3816</v>
      </c>
      <c r="FCB17" s="916" t="s">
        <v>3816</v>
      </c>
      <c r="FCC17" s="916" t="s">
        <v>3816</v>
      </c>
      <c r="FCD17" s="916" t="s">
        <v>3816</v>
      </c>
      <c r="FCE17" s="916" t="s">
        <v>3816</v>
      </c>
      <c r="FCF17" s="916" t="s">
        <v>3816</v>
      </c>
      <c r="FCG17" s="916" t="s">
        <v>3816</v>
      </c>
      <c r="FCH17" s="916" t="s">
        <v>3816</v>
      </c>
      <c r="FCI17" s="916" t="s">
        <v>3816</v>
      </c>
      <c r="FCJ17" s="916" t="s">
        <v>3816</v>
      </c>
      <c r="FCK17" s="916" t="s">
        <v>3816</v>
      </c>
      <c r="FCL17" s="916" t="s">
        <v>3816</v>
      </c>
      <c r="FCM17" s="916" t="s">
        <v>3816</v>
      </c>
      <c r="FCN17" s="916" t="s">
        <v>3816</v>
      </c>
      <c r="FCO17" s="916" t="s">
        <v>3816</v>
      </c>
      <c r="FCP17" s="916" t="s">
        <v>3816</v>
      </c>
      <c r="FCQ17" s="916" t="s">
        <v>3816</v>
      </c>
      <c r="FCR17" s="916" t="s">
        <v>3816</v>
      </c>
      <c r="FCS17" s="916" t="s">
        <v>3816</v>
      </c>
      <c r="FCT17" s="916" t="s">
        <v>3816</v>
      </c>
      <c r="FCU17" s="916" t="s">
        <v>3816</v>
      </c>
      <c r="FCV17" s="916" t="s">
        <v>3816</v>
      </c>
      <c r="FCW17" s="916" t="s">
        <v>3816</v>
      </c>
      <c r="FCX17" s="916" t="s">
        <v>3816</v>
      </c>
      <c r="FCY17" s="916" t="s">
        <v>3816</v>
      </c>
      <c r="FCZ17" s="916" t="s">
        <v>3816</v>
      </c>
      <c r="FDA17" s="916" t="s">
        <v>3816</v>
      </c>
      <c r="FDB17" s="916" t="s">
        <v>3816</v>
      </c>
      <c r="FDC17" s="916" t="s">
        <v>3816</v>
      </c>
      <c r="FDD17" s="916" t="s">
        <v>3816</v>
      </c>
      <c r="FDE17" s="916" t="s">
        <v>3816</v>
      </c>
      <c r="FDF17" s="916" t="s">
        <v>3816</v>
      </c>
      <c r="FDG17" s="916" t="s">
        <v>3816</v>
      </c>
      <c r="FDH17" s="916" t="s">
        <v>3816</v>
      </c>
      <c r="FDI17" s="916" t="s">
        <v>3816</v>
      </c>
      <c r="FDJ17" s="916" t="s">
        <v>3816</v>
      </c>
      <c r="FDK17" s="916" t="s">
        <v>3816</v>
      </c>
      <c r="FDL17" s="916" t="s">
        <v>3816</v>
      </c>
      <c r="FDM17" s="916" t="s">
        <v>3816</v>
      </c>
      <c r="FDN17" s="916" t="s">
        <v>3816</v>
      </c>
      <c r="FDO17" s="916" t="s">
        <v>3816</v>
      </c>
      <c r="FDP17" s="916" t="s">
        <v>3816</v>
      </c>
      <c r="FDQ17" s="916" t="s">
        <v>3816</v>
      </c>
      <c r="FDR17" s="916" t="s">
        <v>3816</v>
      </c>
      <c r="FDS17" s="916" t="s">
        <v>3816</v>
      </c>
      <c r="FDT17" s="916" t="s">
        <v>3816</v>
      </c>
      <c r="FDU17" s="916" t="s">
        <v>3816</v>
      </c>
      <c r="FDV17" s="916" t="s">
        <v>3816</v>
      </c>
      <c r="FDW17" s="916" t="s">
        <v>3816</v>
      </c>
      <c r="FDX17" s="916" t="s">
        <v>3816</v>
      </c>
      <c r="FDY17" s="916" t="s">
        <v>3816</v>
      </c>
      <c r="FDZ17" s="916" t="s">
        <v>3816</v>
      </c>
      <c r="FEA17" s="916" t="s">
        <v>3816</v>
      </c>
      <c r="FEB17" s="916" t="s">
        <v>3816</v>
      </c>
      <c r="FEC17" s="916" t="s">
        <v>3816</v>
      </c>
      <c r="FED17" s="916" t="s">
        <v>3816</v>
      </c>
      <c r="FEE17" s="916" t="s">
        <v>3816</v>
      </c>
      <c r="FEF17" s="916" t="s">
        <v>3816</v>
      </c>
      <c r="FEG17" s="916" t="s">
        <v>3816</v>
      </c>
      <c r="FEH17" s="916" t="s">
        <v>3816</v>
      </c>
      <c r="FEI17" s="916" t="s">
        <v>3816</v>
      </c>
      <c r="FEJ17" s="916" t="s">
        <v>3816</v>
      </c>
      <c r="FEK17" s="916" t="s">
        <v>3816</v>
      </c>
      <c r="FEL17" s="916" t="s">
        <v>3816</v>
      </c>
      <c r="FEM17" s="916" t="s">
        <v>3816</v>
      </c>
      <c r="FEN17" s="916" t="s">
        <v>3816</v>
      </c>
      <c r="FEO17" s="916" t="s">
        <v>3816</v>
      </c>
      <c r="FEP17" s="916" t="s">
        <v>3816</v>
      </c>
      <c r="FEQ17" s="916" t="s">
        <v>3816</v>
      </c>
      <c r="FER17" s="916" t="s">
        <v>3816</v>
      </c>
      <c r="FES17" s="916" t="s">
        <v>3816</v>
      </c>
      <c r="FET17" s="916" t="s">
        <v>3816</v>
      </c>
      <c r="FEU17" s="916" t="s">
        <v>3816</v>
      </c>
      <c r="FEV17" s="916" t="s">
        <v>3816</v>
      </c>
      <c r="FEW17" s="916" t="s">
        <v>3816</v>
      </c>
      <c r="FEX17" s="916" t="s">
        <v>3816</v>
      </c>
      <c r="FEY17" s="916" t="s">
        <v>3816</v>
      </c>
      <c r="FEZ17" s="916" t="s">
        <v>3816</v>
      </c>
      <c r="FFA17" s="916" t="s">
        <v>3816</v>
      </c>
      <c r="FFB17" s="916" t="s">
        <v>3816</v>
      </c>
      <c r="FFC17" s="916" t="s">
        <v>3816</v>
      </c>
      <c r="FFD17" s="916" t="s">
        <v>3816</v>
      </c>
      <c r="FFE17" s="916" t="s">
        <v>3816</v>
      </c>
      <c r="FFF17" s="916" t="s">
        <v>3816</v>
      </c>
      <c r="FFG17" s="916" t="s">
        <v>3816</v>
      </c>
      <c r="FFH17" s="916" t="s">
        <v>3816</v>
      </c>
      <c r="FFI17" s="916" t="s">
        <v>3816</v>
      </c>
      <c r="FFJ17" s="916" t="s">
        <v>3816</v>
      </c>
      <c r="FFK17" s="916" t="s">
        <v>3816</v>
      </c>
      <c r="FFL17" s="916" t="s">
        <v>3816</v>
      </c>
      <c r="FFM17" s="916" t="s">
        <v>3816</v>
      </c>
      <c r="FFN17" s="916" t="s">
        <v>3816</v>
      </c>
      <c r="FFO17" s="916" t="s">
        <v>3816</v>
      </c>
      <c r="FFP17" s="916" t="s">
        <v>3816</v>
      </c>
      <c r="FFQ17" s="916" t="s">
        <v>3816</v>
      </c>
      <c r="FFR17" s="916" t="s">
        <v>3816</v>
      </c>
      <c r="FFS17" s="916" t="s">
        <v>3816</v>
      </c>
      <c r="FFT17" s="916" t="s">
        <v>3816</v>
      </c>
      <c r="FFU17" s="916" t="s">
        <v>3816</v>
      </c>
      <c r="FFV17" s="916" t="s">
        <v>3816</v>
      </c>
      <c r="FFW17" s="916" t="s">
        <v>3816</v>
      </c>
      <c r="FFX17" s="916" t="s">
        <v>3816</v>
      </c>
      <c r="FFY17" s="916" t="s">
        <v>3816</v>
      </c>
      <c r="FFZ17" s="916" t="s">
        <v>3816</v>
      </c>
      <c r="FGA17" s="916" t="s">
        <v>3816</v>
      </c>
      <c r="FGB17" s="916" t="s">
        <v>3816</v>
      </c>
      <c r="FGC17" s="916" t="s">
        <v>3816</v>
      </c>
      <c r="FGD17" s="916" t="s">
        <v>3816</v>
      </c>
      <c r="FGE17" s="916" t="s">
        <v>3816</v>
      </c>
      <c r="FGF17" s="916" t="s">
        <v>3816</v>
      </c>
      <c r="FGG17" s="916" t="s">
        <v>3816</v>
      </c>
      <c r="FGH17" s="916" t="s">
        <v>3816</v>
      </c>
      <c r="FGI17" s="916" t="s">
        <v>3816</v>
      </c>
      <c r="FGJ17" s="916" t="s">
        <v>3816</v>
      </c>
      <c r="FGK17" s="916" t="s">
        <v>3816</v>
      </c>
      <c r="FGL17" s="916" t="s">
        <v>3816</v>
      </c>
      <c r="FGM17" s="916" t="s">
        <v>3816</v>
      </c>
      <c r="FGN17" s="916" t="s">
        <v>3816</v>
      </c>
      <c r="FGO17" s="916" t="s">
        <v>3816</v>
      </c>
      <c r="FGP17" s="916" t="s">
        <v>3816</v>
      </c>
      <c r="FGQ17" s="916" t="s">
        <v>3816</v>
      </c>
      <c r="FGR17" s="916" t="s">
        <v>3816</v>
      </c>
      <c r="FGS17" s="916" t="s">
        <v>3816</v>
      </c>
      <c r="FGT17" s="916" t="s">
        <v>3816</v>
      </c>
      <c r="FGU17" s="916" t="s">
        <v>3816</v>
      </c>
      <c r="FGV17" s="916" t="s">
        <v>3816</v>
      </c>
      <c r="FGW17" s="916" t="s">
        <v>3816</v>
      </c>
      <c r="FGX17" s="916" t="s">
        <v>3816</v>
      </c>
      <c r="FGY17" s="916" t="s">
        <v>3816</v>
      </c>
      <c r="FGZ17" s="916" t="s">
        <v>3816</v>
      </c>
      <c r="FHA17" s="916" t="s">
        <v>3816</v>
      </c>
      <c r="FHB17" s="916" t="s">
        <v>3816</v>
      </c>
      <c r="FHC17" s="916" t="s">
        <v>3816</v>
      </c>
      <c r="FHD17" s="916" t="s">
        <v>3816</v>
      </c>
      <c r="FHE17" s="916" t="s">
        <v>3816</v>
      </c>
      <c r="FHF17" s="916" t="s">
        <v>3816</v>
      </c>
      <c r="FHG17" s="916" t="s">
        <v>3816</v>
      </c>
      <c r="FHH17" s="916" t="s">
        <v>3816</v>
      </c>
      <c r="FHI17" s="916" t="s">
        <v>3816</v>
      </c>
      <c r="FHJ17" s="916" t="s">
        <v>3816</v>
      </c>
      <c r="FHK17" s="916" t="s">
        <v>3816</v>
      </c>
      <c r="FHL17" s="916" t="s">
        <v>3816</v>
      </c>
      <c r="FHM17" s="916" t="s">
        <v>3816</v>
      </c>
      <c r="FHN17" s="916" t="s">
        <v>3816</v>
      </c>
      <c r="FHO17" s="916" t="s">
        <v>3816</v>
      </c>
      <c r="FHP17" s="916" t="s">
        <v>3816</v>
      </c>
      <c r="FHQ17" s="916" t="s">
        <v>3816</v>
      </c>
      <c r="FHR17" s="916" t="s">
        <v>3816</v>
      </c>
      <c r="FHS17" s="916" t="s">
        <v>3816</v>
      </c>
      <c r="FHT17" s="916" t="s">
        <v>3816</v>
      </c>
      <c r="FHU17" s="916" t="s">
        <v>3816</v>
      </c>
      <c r="FHV17" s="916" t="s">
        <v>3816</v>
      </c>
      <c r="FHW17" s="916" t="s">
        <v>3816</v>
      </c>
      <c r="FHX17" s="916" t="s">
        <v>3816</v>
      </c>
      <c r="FHY17" s="916" t="s">
        <v>3816</v>
      </c>
      <c r="FHZ17" s="916" t="s">
        <v>3816</v>
      </c>
      <c r="FIA17" s="916" t="s">
        <v>3816</v>
      </c>
      <c r="FIB17" s="916" t="s">
        <v>3816</v>
      </c>
      <c r="FIC17" s="916" t="s">
        <v>3816</v>
      </c>
      <c r="FID17" s="916" t="s">
        <v>3816</v>
      </c>
      <c r="FIE17" s="916" t="s">
        <v>3816</v>
      </c>
      <c r="FIF17" s="916" t="s">
        <v>3816</v>
      </c>
      <c r="FIG17" s="916" t="s">
        <v>3816</v>
      </c>
      <c r="FIH17" s="916" t="s">
        <v>3816</v>
      </c>
      <c r="FII17" s="916" t="s">
        <v>3816</v>
      </c>
      <c r="FIJ17" s="916" t="s">
        <v>3816</v>
      </c>
      <c r="FIK17" s="916" t="s">
        <v>3816</v>
      </c>
      <c r="FIL17" s="916" t="s">
        <v>3816</v>
      </c>
      <c r="FIM17" s="916" t="s">
        <v>3816</v>
      </c>
      <c r="FIN17" s="916" t="s">
        <v>3816</v>
      </c>
      <c r="FIO17" s="916" t="s">
        <v>3816</v>
      </c>
      <c r="FIP17" s="916" t="s">
        <v>3816</v>
      </c>
      <c r="FIQ17" s="916" t="s">
        <v>3816</v>
      </c>
      <c r="FIR17" s="916" t="s">
        <v>3816</v>
      </c>
      <c r="FIS17" s="916" t="s">
        <v>3816</v>
      </c>
      <c r="FIT17" s="916" t="s">
        <v>3816</v>
      </c>
      <c r="FIU17" s="916" t="s">
        <v>3816</v>
      </c>
      <c r="FIV17" s="916" t="s">
        <v>3816</v>
      </c>
      <c r="FIW17" s="916" t="s">
        <v>3816</v>
      </c>
      <c r="FIX17" s="916" t="s">
        <v>3816</v>
      </c>
      <c r="FIY17" s="916" t="s">
        <v>3816</v>
      </c>
      <c r="FIZ17" s="916" t="s">
        <v>3816</v>
      </c>
      <c r="FJA17" s="916" t="s">
        <v>3816</v>
      </c>
      <c r="FJB17" s="916" t="s">
        <v>3816</v>
      </c>
      <c r="FJC17" s="916" t="s">
        <v>3816</v>
      </c>
      <c r="FJD17" s="916" t="s">
        <v>3816</v>
      </c>
      <c r="FJE17" s="916" t="s">
        <v>3816</v>
      </c>
      <c r="FJF17" s="916" t="s">
        <v>3816</v>
      </c>
      <c r="FJG17" s="916" t="s">
        <v>3816</v>
      </c>
      <c r="FJH17" s="916" t="s">
        <v>3816</v>
      </c>
      <c r="FJI17" s="916" t="s">
        <v>3816</v>
      </c>
      <c r="FJJ17" s="916" t="s">
        <v>3816</v>
      </c>
      <c r="FJK17" s="916" t="s">
        <v>3816</v>
      </c>
      <c r="FJL17" s="916" t="s">
        <v>3816</v>
      </c>
      <c r="FJM17" s="916" t="s">
        <v>3816</v>
      </c>
      <c r="FJN17" s="916" t="s">
        <v>3816</v>
      </c>
      <c r="FJO17" s="916" t="s">
        <v>3816</v>
      </c>
      <c r="FJP17" s="916" t="s">
        <v>3816</v>
      </c>
      <c r="FJQ17" s="916" t="s">
        <v>3816</v>
      </c>
      <c r="FJR17" s="916" t="s">
        <v>3816</v>
      </c>
      <c r="FJS17" s="916" t="s">
        <v>3816</v>
      </c>
      <c r="FJT17" s="916" t="s">
        <v>3816</v>
      </c>
      <c r="FJU17" s="916" t="s">
        <v>3816</v>
      </c>
      <c r="FJV17" s="916" t="s">
        <v>3816</v>
      </c>
      <c r="FJW17" s="916" t="s">
        <v>3816</v>
      </c>
      <c r="FJX17" s="916" t="s">
        <v>3816</v>
      </c>
      <c r="FJY17" s="916" t="s">
        <v>3816</v>
      </c>
      <c r="FJZ17" s="916" t="s">
        <v>3816</v>
      </c>
      <c r="FKA17" s="916" t="s">
        <v>3816</v>
      </c>
      <c r="FKB17" s="916" t="s">
        <v>3816</v>
      </c>
      <c r="FKC17" s="916" t="s">
        <v>3816</v>
      </c>
      <c r="FKD17" s="916" t="s">
        <v>3816</v>
      </c>
      <c r="FKE17" s="916" t="s">
        <v>3816</v>
      </c>
      <c r="FKF17" s="916" t="s">
        <v>3816</v>
      </c>
      <c r="FKG17" s="916" t="s">
        <v>3816</v>
      </c>
      <c r="FKH17" s="916" t="s">
        <v>3816</v>
      </c>
      <c r="FKI17" s="916" t="s">
        <v>3816</v>
      </c>
      <c r="FKJ17" s="916" t="s">
        <v>3816</v>
      </c>
      <c r="FKK17" s="916" t="s">
        <v>3816</v>
      </c>
      <c r="FKL17" s="916" t="s">
        <v>3816</v>
      </c>
      <c r="FKM17" s="916" t="s">
        <v>3816</v>
      </c>
      <c r="FKN17" s="916" t="s">
        <v>3816</v>
      </c>
      <c r="FKO17" s="916" t="s">
        <v>3816</v>
      </c>
      <c r="FKP17" s="916" t="s">
        <v>3816</v>
      </c>
      <c r="FKQ17" s="916" t="s">
        <v>3816</v>
      </c>
      <c r="FKR17" s="916" t="s">
        <v>3816</v>
      </c>
      <c r="FKS17" s="916" t="s">
        <v>3816</v>
      </c>
      <c r="FKT17" s="916" t="s">
        <v>3816</v>
      </c>
      <c r="FKU17" s="916" t="s">
        <v>3816</v>
      </c>
      <c r="FKV17" s="916" t="s">
        <v>3816</v>
      </c>
      <c r="FKW17" s="916" t="s">
        <v>3816</v>
      </c>
      <c r="FKX17" s="916" t="s">
        <v>3816</v>
      </c>
      <c r="FKY17" s="916" t="s">
        <v>3816</v>
      </c>
      <c r="FKZ17" s="916" t="s">
        <v>3816</v>
      </c>
      <c r="FLA17" s="916" t="s">
        <v>3816</v>
      </c>
      <c r="FLB17" s="916" t="s">
        <v>3816</v>
      </c>
      <c r="FLC17" s="916" t="s">
        <v>3816</v>
      </c>
      <c r="FLD17" s="916" t="s">
        <v>3816</v>
      </c>
      <c r="FLE17" s="916" t="s">
        <v>3816</v>
      </c>
      <c r="FLF17" s="916" t="s">
        <v>3816</v>
      </c>
      <c r="FLG17" s="916" t="s">
        <v>3816</v>
      </c>
      <c r="FLH17" s="916" t="s">
        <v>3816</v>
      </c>
      <c r="FLI17" s="916" t="s">
        <v>3816</v>
      </c>
      <c r="FLJ17" s="916" t="s">
        <v>3816</v>
      </c>
      <c r="FLK17" s="916" t="s">
        <v>3816</v>
      </c>
      <c r="FLL17" s="916" t="s">
        <v>3816</v>
      </c>
      <c r="FLM17" s="916" t="s">
        <v>3816</v>
      </c>
      <c r="FLN17" s="916" t="s">
        <v>3816</v>
      </c>
      <c r="FLO17" s="916" t="s">
        <v>3816</v>
      </c>
      <c r="FLP17" s="916" t="s">
        <v>3816</v>
      </c>
      <c r="FLQ17" s="916" t="s">
        <v>3816</v>
      </c>
      <c r="FLR17" s="916" t="s">
        <v>3816</v>
      </c>
      <c r="FLS17" s="916" t="s">
        <v>3816</v>
      </c>
      <c r="FLT17" s="916" t="s">
        <v>3816</v>
      </c>
      <c r="FLU17" s="916" t="s">
        <v>3816</v>
      </c>
      <c r="FLV17" s="916" t="s">
        <v>3816</v>
      </c>
      <c r="FLW17" s="916" t="s">
        <v>3816</v>
      </c>
      <c r="FLX17" s="916" t="s">
        <v>3816</v>
      </c>
      <c r="FLY17" s="916" t="s">
        <v>3816</v>
      </c>
      <c r="FLZ17" s="916" t="s">
        <v>3816</v>
      </c>
      <c r="FMA17" s="916" t="s">
        <v>3816</v>
      </c>
      <c r="FMB17" s="916" t="s">
        <v>3816</v>
      </c>
      <c r="FMC17" s="916" t="s">
        <v>3816</v>
      </c>
      <c r="FMD17" s="916" t="s">
        <v>3816</v>
      </c>
      <c r="FME17" s="916" t="s">
        <v>3816</v>
      </c>
      <c r="FMF17" s="916" t="s">
        <v>3816</v>
      </c>
      <c r="FMG17" s="916" t="s">
        <v>3816</v>
      </c>
      <c r="FMH17" s="916" t="s">
        <v>3816</v>
      </c>
      <c r="FMI17" s="916" t="s">
        <v>3816</v>
      </c>
      <c r="FMJ17" s="916" t="s">
        <v>3816</v>
      </c>
      <c r="FMK17" s="916" t="s">
        <v>3816</v>
      </c>
      <c r="FML17" s="916" t="s">
        <v>3816</v>
      </c>
      <c r="FMM17" s="916" t="s">
        <v>3816</v>
      </c>
      <c r="FMN17" s="916" t="s">
        <v>3816</v>
      </c>
      <c r="FMO17" s="916" t="s">
        <v>3816</v>
      </c>
      <c r="FMP17" s="916" t="s">
        <v>3816</v>
      </c>
      <c r="FMQ17" s="916" t="s">
        <v>3816</v>
      </c>
      <c r="FMR17" s="916" t="s">
        <v>3816</v>
      </c>
      <c r="FMS17" s="916" t="s">
        <v>3816</v>
      </c>
      <c r="FMT17" s="916" t="s">
        <v>3816</v>
      </c>
      <c r="FMU17" s="916" t="s">
        <v>3816</v>
      </c>
      <c r="FMV17" s="916" t="s">
        <v>3816</v>
      </c>
      <c r="FMW17" s="916" t="s">
        <v>3816</v>
      </c>
      <c r="FMX17" s="916" t="s">
        <v>3816</v>
      </c>
      <c r="FMY17" s="916" t="s">
        <v>3816</v>
      </c>
      <c r="FMZ17" s="916" t="s">
        <v>3816</v>
      </c>
      <c r="FNA17" s="916" t="s">
        <v>3816</v>
      </c>
      <c r="FNB17" s="916" t="s">
        <v>3816</v>
      </c>
      <c r="FNC17" s="916" t="s">
        <v>3816</v>
      </c>
      <c r="FND17" s="916" t="s">
        <v>3816</v>
      </c>
      <c r="FNE17" s="916" t="s">
        <v>3816</v>
      </c>
      <c r="FNF17" s="916" t="s">
        <v>3816</v>
      </c>
      <c r="FNG17" s="916" t="s">
        <v>3816</v>
      </c>
      <c r="FNH17" s="916" t="s">
        <v>3816</v>
      </c>
      <c r="FNI17" s="916" t="s">
        <v>3816</v>
      </c>
      <c r="FNJ17" s="916" t="s">
        <v>3816</v>
      </c>
      <c r="FNK17" s="916" t="s">
        <v>3816</v>
      </c>
      <c r="FNL17" s="916" t="s">
        <v>3816</v>
      </c>
      <c r="FNM17" s="916" t="s">
        <v>3816</v>
      </c>
      <c r="FNN17" s="916" t="s">
        <v>3816</v>
      </c>
      <c r="FNO17" s="916" t="s">
        <v>3816</v>
      </c>
      <c r="FNP17" s="916" t="s">
        <v>3816</v>
      </c>
      <c r="FNQ17" s="916" t="s">
        <v>3816</v>
      </c>
      <c r="FNR17" s="916" t="s">
        <v>3816</v>
      </c>
      <c r="FNS17" s="916" t="s">
        <v>3816</v>
      </c>
      <c r="FNT17" s="916" t="s">
        <v>3816</v>
      </c>
      <c r="FNU17" s="916" t="s">
        <v>3816</v>
      </c>
      <c r="FNV17" s="916" t="s">
        <v>3816</v>
      </c>
      <c r="FNW17" s="916" t="s">
        <v>3816</v>
      </c>
      <c r="FNX17" s="916" t="s">
        <v>3816</v>
      </c>
      <c r="FNY17" s="916" t="s">
        <v>3816</v>
      </c>
      <c r="FNZ17" s="916" t="s">
        <v>3816</v>
      </c>
      <c r="FOA17" s="916" t="s">
        <v>3816</v>
      </c>
      <c r="FOB17" s="916" t="s">
        <v>3816</v>
      </c>
      <c r="FOC17" s="916" t="s">
        <v>3816</v>
      </c>
      <c r="FOD17" s="916" t="s">
        <v>3816</v>
      </c>
      <c r="FOE17" s="916" t="s">
        <v>3816</v>
      </c>
      <c r="FOF17" s="916" t="s">
        <v>3816</v>
      </c>
      <c r="FOG17" s="916" t="s">
        <v>3816</v>
      </c>
      <c r="FOH17" s="916" t="s">
        <v>3816</v>
      </c>
      <c r="FOI17" s="916" t="s">
        <v>3816</v>
      </c>
      <c r="FOJ17" s="916" t="s">
        <v>3816</v>
      </c>
      <c r="FOK17" s="916" t="s">
        <v>3816</v>
      </c>
      <c r="FOL17" s="916" t="s">
        <v>3816</v>
      </c>
      <c r="FOM17" s="916" t="s">
        <v>3816</v>
      </c>
      <c r="FON17" s="916" t="s">
        <v>3816</v>
      </c>
      <c r="FOO17" s="916" t="s">
        <v>3816</v>
      </c>
      <c r="FOP17" s="916" t="s">
        <v>3816</v>
      </c>
      <c r="FOQ17" s="916" t="s">
        <v>3816</v>
      </c>
      <c r="FOR17" s="916" t="s">
        <v>3816</v>
      </c>
      <c r="FOS17" s="916" t="s">
        <v>3816</v>
      </c>
      <c r="FOT17" s="916" t="s">
        <v>3816</v>
      </c>
      <c r="FOU17" s="916" t="s">
        <v>3816</v>
      </c>
      <c r="FOV17" s="916" t="s">
        <v>3816</v>
      </c>
      <c r="FOW17" s="916" t="s">
        <v>3816</v>
      </c>
      <c r="FOX17" s="916" t="s">
        <v>3816</v>
      </c>
      <c r="FOY17" s="916" t="s">
        <v>3816</v>
      </c>
      <c r="FOZ17" s="916" t="s">
        <v>3816</v>
      </c>
      <c r="FPA17" s="916" t="s">
        <v>3816</v>
      </c>
      <c r="FPB17" s="916" t="s">
        <v>3816</v>
      </c>
      <c r="FPC17" s="916" t="s">
        <v>3816</v>
      </c>
      <c r="FPD17" s="916" t="s">
        <v>3816</v>
      </c>
      <c r="FPE17" s="916" t="s">
        <v>3816</v>
      </c>
      <c r="FPF17" s="916" t="s">
        <v>3816</v>
      </c>
      <c r="FPG17" s="916" t="s">
        <v>3816</v>
      </c>
      <c r="FPH17" s="916" t="s">
        <v>3816</v>
      </c>
      <c r="FPI17" s="916" t="s">
        <v>3816</v>
      </c>
      <c r="FPJ17" s="916" t="s">
        <v>3816</v>
      </c>
      <c r="FPK17" s="916" t="s">
        <v>3816</v>
      </c>
      <c r="FPL17" s="916" t="s">
        <v>3816</v>
      </c>
      <c r="FPM17" s="916" t="s">
        <v>3816</v>
      </c>
      <c r="FPN17" s="916" t="s">
        <v>3816</v>
      </c>
      <c r="FPO17" s="916" t="s">
        <v>3816</v>
      </c>
      <c r="FPP17" s="916" t="s">
        <v>3816</v>
      </c>
      <c r="FPQ17" s="916" t="s">
        <v>3816</v>
      </c>
      <c r="FPR17" s="916" t="s">
        <v>3816</v>
      </c>
      <c r="FPS17" s="916" t="s">
        <v>3816</v>
      </c>
      <c r="FPT17" s="916" t="s">
        <v>3816</v>
      </c>
      <c r="FPU17" s="916" t="s">
        <v>3816</v>
      </c>
      <c r="FPV17" s="916" t="s">
        <v>3816</v>
      </c>
      <c r="FPW17" s="916" t="s">
        <v>3816</v>
      </c>
      <c r="FPX17" s="916" t="s">
        <v>3816</v>
      </c>
      <c r="FPY17" s="916" t="s">
        <v>3816</v>
      </c>
      <c r="FPZ17" s="916" t="s">
        <v>3816</v>
      </c>
      <c r="FQA17" s="916" t="s">
        <v>3816</v>
      </c>
      <c r="FQB17" s="916" t="s">
        <v>3816</v>
      </c>
      <c r="FQC17" s="916" t="s">
        <v>3816</v>
      </c>
      <c r="FQD17" s="916" t="s">
        <v>3816</v>
      </c>
      <c r="FQE17" s="916" t="s">
        <v>3816</v>
      </c>
      <c r="FQF17" s="916" t="s">
        <v>3816</v>
      </c>
      <c r="FQG17" s="916" t="s">
        <v>3816</v>
      </c>
      <c r="FQH17" s="916" t="s">
        <v>3816</v>
      </c>
      <c r="FQI17" s="916" t="s">
        <v>3816</v>
      </c>
      <c r="FQJ17" s="916" t="s">
        <v>3816</v>
      </c>
      <c r="FQK17" s="916" t="s">
        <v>3816</v>
      </c>
      <c r="FQL17" s="916" t="s">
        <v>3816</v>
      </c>
      <c r="FQM17" s="916" t="s">
        <v>3816</v>
      </c>
      <c r="FQN17" s="916" t="s">
        <v>3816</v>
      </c>
      <c r="FQO17" s="916" t="s">
        <v>3816</v>
      </c>
      <c r="FQP17" s="916" t="s">
        <v>3816</v>
      </c>
      <c r="FQQ17" s="916" t="s">
        <v>3816</v>
      </c>
      <c r="FQR17" s="916" t="s">
        <v>3816</v>
      </c>
      <c r="FQS17" s="916" t="s">
        <v>3816</v>
      </c>
      <c r="FQT17" s="916" t="s">
        <v>3816</v>
      </c>
      <c r="FQU17" s="916" t="s">
        <v>3816</v>
      </c>
      <c r="FQV17" s="916" t="s">
        <v>3816</v>
      </c>
      <c r="FQW17" s="916" t="s">
        <v>3816</v>
      </c>
      <c r="FQX17" s="916" t="s">
        <v>3816</v>
      </c>
      <c r="FQY17" s="916" t="s">
        <v>3816</v>
      </c>
      <c r="FQZ17" s="916" t="s">
        <v>3816</v>
      </c>
      <c r="FRA17" s="916" t="s">
        <v>3816</v>
      </c>
      <c r="FRB17" s="916" t="s">
        <v>3816</v>
      </c>
      <c r="FRC17" s="916" t="s">
        <v>3816</v>
      </c>
      <c r="FRD17" s="916" t="s">
        <v>3816</v>
      </c>
      <c r="FRE17" s="916" t="s">
        <v>3816</v>
      </c>
      <c r="FRF17" s="916" t="s">
        <v>3816</v>
      </c>
      <c r="FRG17" s="916" t="s">
        <v>3816</v>
      </c>
      <c r="FRH17" s="916" t="s">
        <v>3816</v>
      </c>
      <c r="FRI17" s="916" t="s">
        <v>3816</v>
      </c>
      <c r="FRJ17" s="916" t="s">
        <v>3816</v>
      </c>
      <c r="FRK17" s="916" t="s">
        <v>3816</v>
      </c>
      <c r="FRL17" s="916" t="s">
        <v>3816</v>
      </c>
      <c r="FRM17" s="916" t="s">
        <v>3816</v>
      </c>
      <c r="FRN17" s="916" t="s">
        <v>3816</v>
      </c>
      <c r="FRO17" s="916" t="s">
        <v>3816</v>
      </c>
      <c r="FRP17" s="916" t="s">
        <v>3816</v>
      </c>
      <c r="FRQ17" s="916" t="s">
        <v>3816</v>
      </c>
      <c r="FRR17" s="916" t="s">
        <v>3816</v>
      </c>
      <c r="FRS17" s="916" t="s">
        <v>3816</v>
      </c>
      <c r="FRT17" s="916" t="s">
        <v>3816</v>
      </c>
      <c r="FRU17" s="916" t="s">
        <v>3816</v>
      </c>
      <c r="FRV17" s="916" t="s">
        <v>3816</v>
      </c>
      <c r="FRW17" s="916" t="s">
        <v>3816</v>
      </c>
      <c r="FRX17" s="916" t="s">
        <v>3816</v>
      </c>
      <c r="FRY17" s="916" t="s">
        <v>3816</v>
      </c>
      <c r="FRZ17" s="916" t="s">
        <v>3816</v>
      </c>
      <c r="FSA17" s="916" t="s">
        <v>3816</v>
      </c>
      <c r="FSB17" s="916" t="s">
        <v>3816</v>
      </c>
      <c r="FSC17" s="916" t="s">
        <v>3816</v>
      </c>
      <c r="FSD17" s="916" t="s">
        <v>3816</v>
      </c>
      <c r="FSE17" s="916" t="s">
        <v>3816</v>
      </c>
      <c r="FSF17" s="916" t="s">
        <v>3816</v>
      </c>
      <c r="FSG17" s="916" t="s">
        <v>3816</v>
      </c>
      <c r="FSH17" s="916" t="s">
        <v>3816</v>
      </c>
      <c r="FSI17" s="916" t="s">
        <v>3816</v>
      </c>
      <c r="FSJ17" s="916" t="s">
        <v>3816</v>
      </c>
      <c r="FSK17" s="916" t="s">
        <v>3816</v>
      </c>
      <c r="FSL17" s="916" t="s">
        <v>3816</v>
      </c>
      <c r="FSM17" s="916" t="s">
        <v>3816</v>
      </c>
      <c r="FSN17" s="916" t="s">
        <v>3816</v>
      </c>
      <c r="FSO17" s="916" t="s">
        <v>3816</v>
      </c>
      <c r="FSP17" s="916" t="s">
        <v>3816</v>
      </c>
      <c r="FSQ17" s="916" t="s">
        <v>3816</v>
      </c>
      <c r="FSR17" s="916" t="s">
        <v>3816</v>
      </c>
      <c r="FSS17" s="916" t="s">
        <v>3816</v>
      </c>
      <c r="FST17" s="916" t="s">
        <v>3816</v>
      </c>
      <c r="FSU17" s="916" t="s">
        <v>3816</v>
      </c>
      <c r="FSV17" s="916" t="s">
        <v>3816</v>
      </c>
      <c r="FSW17" s="916" t="s">
        <v>3816</v>
      </c>
      <c r="FSX17" s="916" t="s">
        <v>3816</v>
      </c>
      <c r="FSY17" s="916" t="s">
        <v>3816</v>
      </c>
      <c r="FSZ17" s="916" t="s">
        <v>3816</v>
      </c>
      <c r="FTA17" s="916" t="s">
        <v>3816</v>
      </c>
      <c r="FTB17" s="916" t="s">
        <v>3816</v>
      </c>
      <c r="FTC17" s="916" t="s">
        <v>3816</v>
      </c>
      <c r="FTD17" s="916" t="s">
        <v>3816</v>
      </c>
      <c r="FTE17" s="916" t="s">
        <v>3816</v>
      </c>
      <c r="FTF17" s="916" t="s">
        <v>3816</v>
      </c>
      <c r="FTG17" s="916" t="s">
        <v>3816</v>
      </c>
      <c r="FTH17" s="916" t="s">
        <v>3816</v>
      </c>
      <c r="FTI17" s="916" t="s">
        <v>3816</v>
      </c>
      <c r="FTJ17" s="916" t="s">
        <v>3816</v>
      </c>
      <c r="FTK17" s="916" t="s">
        <v>3816</v>
      </c>
      <c r="FTL17" s="916" t="s">
        <v>3816</v>
      </c>
      <c r="FTM17" s="916" t="s">
        <v>3816</v>
      </c>
      <c r="FTN17" s="916" t="s">
        <v>3816</v>
      </c>
      <c r="FTO17" s="916" t="s">
        <v>3816</v>
      </c>
      <c r="FTP17" s="916" t="s">
        <v>3816</v>
      </c>
      <c r="FTQ17" s="916" t="s">
        <v>3816</v>
      </c>
      <c r="FTR17" s="916" t="s">
        <v>3816</v>
      </c>
      <c r="FTS17" s="916" t="s">
        <v>3816</v>
      </c>
      <c r="FTT17" s="916" t="s">
        <v>3816</v>
      </c>
      <c r="FTU17" s="916" t="s">
        <v>3816</v>
      </c>
      <c r="FTV17" s="916" t="s">
        <v>3816</v>
      </c>
      <c r="FTW17" s="916" t="s">
        <v>3816</v>
      </c>
      <c r="FTX17" s="916" t="s">
        <v>3816</v>
      </c>
      <c r="FTY17" s="916" t="s">
        <v>3816</v>
      </c>
      <c r="FTZ17" s="916" t="s">
        <v>3816</v>
      </c>
      <c r="FUA17" s="916" t="s">
        <v>3816</v>
      </c>
      <c r="FUB17" s="916" t="s">
        <v>3816</v>
      </c>
      <c r="FUC17" s="916" t="s">
        <v>3816</v>
      </c>
      <c r="FUD17" s="916" t="s">
        <v>3816</v>
      </c>
      <c r="FUE17" s="916" t="s">
        <v>3816</v>
      </c>
      <c r="FUF17" s="916" t="s">
        <v>3816</v>
      </c>
      <c r="FUG17" s="916" t="s">
        <v>3816</v>
      </c>
      <c r="FUH17" s="916" t="s">
        <v>3816</v>
      </c>
      <c r="FUI17" s="916" t="s">
        <v>3816</v>
      </c>
      <c r="FUJ17" s="916" t="s">
        <v>3816</v>
      </c>
      <c r="FUK17" s="916" t="s">
        <v>3816</v>
      </c>
      <c r="FUL17" s="916" t="s">
        <v>3816</v>
      </c>
      <c r="FUM17" s="916" t="s">
        <v>3816</v>
      </c>
      <c r="FUN17" s="916" t="s">
        <v>3816</v>
      </c>
      <c r="FUO17" s="916" t="s">
        <v>3816</v>
      </c>
      <c r="FUP17" s="916" t="s">
        <v>3816</v>
      </c>
      <c r="FUQ17" s="916" t="s">
        <v>3816</v>
      </c>
      <c r="FUR17" s="916" t="s">
        <v>3816</v>
      </c>
      <c r="FUS17" s="916" t="s">
        <v>3816</v>
      </c>
      <c r="FUT17" s="916" t="s">
        <v>3816</v>
      </c>
      <c r="FUU17" s="916" t="s">
        <v>3816</v>
      </c>
      <c r="FUV17" s="916" t="s">
        <v>3816</v>
      </c>
      <c r="FUW17" s="916" t="s">
        <v>3816</v>
      </c>
      <c r="FUX17" s="916" t="s">
        <v>3816</v>
      </c>
      <c r="FUY17" s="916" t="s">
        <v>3816</v>
      </c>
      <c r="FUZ17" s="916" t="s">
        <v>3816</v>
      </c>
      <c r="FVA17" s="916" t="s">
        <v>3816</v>
      </c>
      <c r="FVB17" s="916" t="s">
        <v>3816</v>
      </c>
      <c r="FVC17" s="916" t="s">
        <v>3816</v>
      </c>
      <c r="FVD17" s="916" t="s">
        <v>3816</v>
      </c>
      <c r="FVE17" s="916" t="s">
        <v>3816</v>
      </c>
      <c r="FVF17" s="916" t="s">
        <v>3816</v>
      </c>
      <c r="FVG17" s="916" t="s">
        <v>3816</v>
      </c>
      <c r="FVH17" s="916" t="s">
        <v>3816</v>
      </c>
      <c r="FVI17" s="916" t="s">
        <v>3816</v>
      </c>
      <c r="FVJ17" s="916" t="s">
        <v>3816</v>
      </c>
      <c r="FVK17" s="916" t="s">
        <v>3816</v>
      </c>
      <c r="FVL17" s="916" t="s">
        <v>3816</v>
      </c>
      <c r="FVM17" s="916" t="s">
        <v>3816</v>
      </c>
      <c r="FVN17" s="916" t="s">
        <v>3816</v>
      </c>
      <c r="FVO17" s="916" t="s">
        <v>3816</v>
      </c>
      <c r="FVP17" s="916" t="s">
        <v>3816</v>
      </c>
      <c r="FVQ17" s="916" t="s">
        <v>3816</v>
      </c>
      <c r="FVR17" s="916" t="s">
        <v>3816</v>
      </c>
      <c r="FVS17" s="916" t="s">
        <v>3816</v>
      </c>
      <c r="FVT17" s="916" t="s">
        <v>3816</v>
      </c>
      <c r="FVU17" s="916" t="s">
        <v>3816</v>
      </c>
      <c r="FVV17" s="916" t="s">
        <v>3816</v>
      </c>
      <c r="FVW17" s="916" t="s">
        <v>3816</v>
      </c>
      <c r="FVX17" s="916" t="s">
        <v>3816</v>
      </c>
      <c r="FVY17" s="916" t="s">
        <v>3816</v>
      </c>
      <c r="FVZ17" s="916" t="s">
        <v>3816</v>
      </c>
      <c r="FWA17" s="916" t="s">
        <v>3816</v>
      </c>
      <c r="FWB17" s="916" t="s">
        <v>3816</v>
      </c>
      <c r="FWC17" s="916" t="s">
        <v>3816</v>
      </c>
      <c r="FWD17" s="916" t="s">
        <v>3816</v>
      </c>
      <c r="FWE17" s="916" t="s">
        <v>3816</v>
      </c>
      <c r="FWF17" s="916" t="s">
        <v>3816</v>
      </c>
      <c r="FWG17" s="916" t="s">
        <v>3816</v>
      </c>
      <c r="FWH17" s="916" t="s">
        <v>3816</v>
      </c>
      <c r="FWI17" s="916" t="s">
        <v>3816</v>
      </c>
      <c r="FWJ17" s="916" t="s">
        <v>3816</v>
      </c>
      <c r="FWK17" s="916" t="s">
        <v>3816</v>
      </c>
      <c r="FWL17" s="916" t="s">
        <v>3816</v>
      </c>
      <c r="FWM17" s="916" t="s">
        <v>3816</v>
      </c>
      <c r="FWN17" s="916" t="s">
        <v>3816</v>
      </c>
      <c r="FWO17" s="916" t="s">
        <v>3816</v>
      </c>
      <c r="FWP17" s="916" t="s">
        <v>3816</v>
      </c>
      <c r="FWQ17" s="916" t="s">
        <v>3816</v>
      </c>
      <c r="FWR17" s="916" t="s">
        <v>3816</v>
      </c>
      <c r="FWS17" s="916" t="s">
        <v>3816</v>
      </c>
      <c r="FWT17" s="916" t="s">
        <v>3816</v>
      </c>
      <c r="FWU17" s="916" t="s">
        <v>3816</v>
      </c>
      <c r="FWV17" s="916" t="s">
        <v>3816</v>
      </c>
      <c r="FWW17" s="916" t="s">
        <v>3816</v>
      </c>
      <c r="FWX17" s="916" t="s">
        <v>3816</v>
      </c>
      <c r="FWY17" s="916" t="s">
        <v>3816</v>
      </c>
      <c r="FWZ17" s="916" t="s">
        <v>3816</v>
      </c>
      <c r="FXA17" s="916" t="s">
        <v>3816</v>
      </c>
      <c r="FXB17" s="916" t="s">
        <v>3816</v>
      </c>
      <c r="FXC17" s="916" t="s">
        <v>3816</v>
      </c>
      <c r="FXD17" s="916" t="s">
        <v>3816</v>
      </c>
      <c r="FXE17" s="916" t="s">
        <v>3816</v>
      </c>
      <c r="FXF17" s="916" t="s">
        <v>3816</v>
      </c>
      <c r="FXG17" s="916" t="s">
        <v>3816</v>
      </c>
      <c r="FXH17" s="916" t="s">
        <v>3816</v>
      </c>
      <c r="FXI17" s="916" t="s">
        <v>3816</v>
      </c>
      <c r="FXJ17" s="916" t="s">
        <v>3816</v>
      </c>
      <c r="FXK17" s="916" t="s">
        <v>3816</v>
      </c>
      <c r="FXL17" s="916" t="s">
        <v>3816</v>
      </c>
      <c r="FXM17" s="916" t="s">
        <v>3816</v>
      </c>
      <c r="FXN17" s="916" t="s">
        <v>3816</v>
      </c>
      <c r="FXO17" s="916" t="s">
        <v>3816</v>
      </c>
      <c r="FXP17" s="916" t="s">
        <v>3816</v>
      </c>
      <c r="FXQ17" s="916" t="s">
        <v>3816</v>
      </c>
      <c r="FXR17" s="916" t="s">
        <v>3816</v>
      </c>
      <c r="FXS17" s="916" t="s">
        <v>3816</v>
      </c>
      <c r="FXT17" s="916" t="s">
        <v>3816</v>
      </c>
      <c r="FXU17" s="916" t="s">
        <v>3816</v>
      </c>
      <c r="FXV17" s="916" t="s">
        <v>3816</v>
      </c>
      <c r="FXW17" s="916" t="s">
        <v>3816</v>
      </c>
      <c r="FXX17" s="916" t="s">
        <v>3816</v>
      </c>
      <c r="FXY17" s="916" t="s">
        <v>3816</v>
      </c>
      <c r="FXZ17" s="916" t="s">
        <v>3816</v>
      </c>
      <c r="FYA17" s="916" t="s">
        <v>3816</v>
      </c>
      <c r="FYB17" s="916" t="s">
        <v>3816</v>
      </c>
      <c r="FYC17" s="916" t="s">
        <v>3816</v>
      </c>
      <c r="FYD17" s="916" t="s">
        <v>3816</v>
      </c>
      <c r="FYE17" s="916" t="s">
        <v>3816</v>
      </c>
      <c r="FYF17" s="916" t="s">
        <v>3816</v>
      </c>
      <c r="FYG17" s="916" t="s">
        <v>3816</v>
      </c>
      <c r="FYH17" s="916" t="s">
        <v>3816</v>
      </c>
      <c r="FYI17" s="916" t="s">
        <v>3816</v>
      </c>
      <c r="FYJ17" s="916" t="s">
        <v>3816</v>
      </c>
      <c r="FYK17" s="916" t="s">
        <v>3816</v>
      </c>
      <c r="FYL17" s="916" t="s">
        <v>3816</v>
      </c>
      <c r="FYM17" s="916" t="s">
        <v>3816</v>
      </c>
      <c r="FYN17" s="916" t="s">
        <v>3816</v>
      </c>
      <c r="FYO17" s="916" t="s">
        <v>3816</v>
      </c>
      <c r="FYP17" s="916" t="s">
        <v>3816</v>
      </c>
      <c r="FYQ17" s="916" t="s">
        <v>3816</v>
      </c>
      <c r="FYR17" s="916" t="s">
        <v>3816</v>
      </c>
      <c r="FYS17" s="916" t="s">
        <v>3816</v>
      </c>
      <c r="FYT17" s="916" t="s">
        <v>3816</v>
      </c>
      <c r="FYU17" s="916" t="s">
        <v>3816</v>
      </c>
      <c r="FYV17" s="916" t="s">
        <v>3816</v>
      </c>
      <c r="FYW17" s="916" t="s">
        <v>3816</v>
      </c>
      <c r="FYX17" s="916" t="s">
        <v>3816</v>
      </c>
      <c r="FYY17" s="916" t="s">
        <v>3816</v>
      </c>
      <c r="FYZ17" s="916" t="s">
        <v>3816</v>
      </c>
      <c r="FZA17" s="916" t="s">
        <v>3816</v>
      </c>
      <c r="FZB17" s="916" t="s">
        <v>3816</v>
      </c>
      <c r="FZC17" s="916" t="s">
        <v>3816</v>
      </c>
      <c r="FZD17" s="916" t="s">
        <v>3816</v>
      </c>
      <c r="FZE17" s="916" t="s">
        <v>3816</v>
      </c>
      <c r="FZF17" s="916" t="s">
        <v>3816</v>
      </c>
      <c r="FZG17" s="916" t="s">
        <v>3816</v>
      </c>
      <c r="FZH17" s="916" t="s">
        <v>3816</v>
      </c>
      <c r="FZI17" s="916" t="s">
        <v>3816</v>
      </c>
      <c r="FZJ17" s="916" t="s">
        <v>3816</v>
      </c>
      <c r="FZK17" s="916" t="s">
        <v>3816</v>
      </c>
      <c r="FZL17" s="916" t="s">
        <v>3816</v>
      </c>
      <c r="FZM17" s="916" t="s">
        <v>3816</v>
      </c>
      <c r="FZN17" s="916" t="s">
        <v>3816</v>
      </c>
      <c r="FZO17" s="916" t="s">
        <v>3816</v>
      </c>
      <c r="FZP17" s="916" t="s">
        <v>3816</v>
      </c>
      <c r="FZQ17" s="916" t="s">
        <v>3816</v>
      </c>
      <c r="FZR17" s="916" t="s">
        <v>3816</v>
      </c>
      <c r="FZS17" s="916" t="s">
        <v>3816</v>
      </c>
      <c r="FZT17" s="916" t="s">
        <v>3816</v>
      </c>
      <c r="FZU17" s="916" t="s">
        <v>3816</v>
      </c>
      <c r="FZV17" s="916" t="s">
        <v>3816</v>
      </c>
      <c r="FZW17" s="916" t="s">
        <v>3816</v>
      </c>
      <c r="FZX17" s="916" t="s">
        <v>3816</v>
      </c>
      <c r="FZY17" s="916" t="s">
        <v>3816</v>
      </c>
      <c r="FZZ17" s="916" t="s">
        <v>3816</v>
      </c>
      <c r="GAA17" s="916" t="s">
        <v>3816</v>
      </c>
      <c r="GAB17" s="916" t="s">
        <v>3816</v>
      </c>
      <c r="GAC17" s="916" t="s">
        <v>3816</v>
      </c>
      <c r="GAD17" s="916" t="s">
        <v>3816</v>
      </c>
      <c r="GAE17" s="916" t="s">
        <v>3816</v>
      </c>
      <c r="GAF17" s="916" t="s">
        <v>3816</v>
      </c>
      <c r="GAG17" s="916" t="s">
        <v>3816</v>
      </c>
      <c r="GAH17" s="916" t="s">
        <v>3816</v>
      </c>
      <c r="GAI17" s="916" t="s">
        <v>3816</v>
      </c>
      <c r="GAJ17" s="916" t="s">
        <v>3816</v>
      </c>
      <c r="GAK17" s="916" t="s">
        <v>3816</v>
      </c>
      <c r="GAL17" s="916" t="s">
        <v>3816</v>
      </c>
      <c r="GAM17" s="916" t="s">
        <v>3816</v>
      </c>
      <c r="GAN17" s="916" t="s">
        <v>3816</v>
      </c>
      <c r="GAO17" s="916" t="s">
        <v>3816</v>
      </c>
      <c r="GAP17" s="916" t="s">
        <v>3816</v>
      </c>
      <c r="GAQ17" s="916" t="s">
        <v>3816</v>
      </c>
      <c r="GAR17" s="916" t="s">
        <v>3816</v>
      </c>
      <c r="GAS17" s="916" t="s">
        <v>3816</v>
      </c>
      <c r="GAT17" s="916" t="s">
        <v>3816</v>
      </c>
      <c r="GAU17" s="916" t="s">
        <v>3816</v>
      </c>
      <c r="GAV17" s="916" t="s">
        <v>3816</v>
      </c>
      <c r="GAW17" s="916" t="s">
        <v>3816</v>
      </c>
      <c r="GAX17" s="916" t="s">
        <v>3816</v>
      </c>
      <c r="GAY17" s="916" t="s">
        <v>3816</v>
      </c>
      <c r="GAZ17" s="916" t="s">
        <v>3816</v>
      </c>
      <c r="GBA17" s="916" t="s">
        <v>3816</v>
      </c>
      <c r="GBB17" s="916" t="s">
        <v>3816</v>
      </c>
      <c r="GBC17" s="916" t="s">
        <v>3816</v>
      </c>
      <c r="GBD17" s="916" t="s">
        <v>3816</v>
      </c>
      <c r="GBE17" s="916" t="s">
        <v>3816</v>
      </c>
      <c r="GBF17" s="916" t="s">
        <v>3816</v>
      </c>
      <c r="GBG17" s="916" t="s">
        <v>3816</v>
      </c>
      <c r="GBH17" s="916" t="s">
        <v>3816</v>
      </c>
      <c r="GBI17" s="916" t="s">
        <v>3816</v>
      </c>
      <c r="GBJ17" s="916" t="s">
        <v>3816</v>
      </c>
      <c r="GBK17" s="916" t="s">
        <v>3816</v>
      </c>
      <c r="GBL17" s="916" t="s">
        <v>3816</v>
      </c>
      <c r="GBM17" s="916" t="s">
        <v>3816</v>
      </c>
      <c r="GBN17" s="916" t="s">
        <v>3816</v>
      </c>
      <c r="GBO17" s="916" t="s">
        <v>3816</v>
      </c>
      <c r="GBP17" s="916" t="s">
        <v>3816</v>
      </c>
      <c r="GBQ17" s="916" t="s">
        <v>3816</v>
      </c>
      <c r="GBR17" s="916" t="s">
        <v>3816</v>
      </c>
      <c r="GBS17" s="916" t="s">
        <v>3816</v>
      </c>
      <c r="GBT17" s="916" t="s">
        <v>3816</v>
      </c>
      <c r="GBU17" s="916" t="s">
        <v>3816</v>
      </c>
      <c r="GBV17" s="916" t="s">
        <v>3816</v>
      </c>
      <c r="GBW17" s="916" t="s">
        <v>3816</v>
      </c>
      <c r="GBX17" s="916" t="s">
        <v>3816</v>
      </c>
      <c r="GBY17" s="916" t="s">
        <v>3816</v>
      </c>
      <c r="GBZ17" s="916" t="s">
        <v>3816</v>
      </c>
      <c r="GCA17" s="916" t="s">
        <v>3816</v>
      </c>
      <c r="GCB17" s="916" t="s">
        <v>3816</v>
      </c>
      <c r="GCC17" s="916" t="s">
        <v>3816</v>
      </c>
      <c r="GCD17" s="916" t="s">
        <v>3816</v>
      </c>
      <c r="GCE17" s="916" t="s">
        <v>3816</v>
      </c>
      <c r="GCF17" s="916" t="s">
        <v>3816</v>
      </c>
      <c r="GCG17" s="916" t="s">
        <v>3816</v>
      </c>
      <c r="GCH17" s="916" t="s">
        <v>3816</v>
      </c>
      <c r="GCI17" s="916" t="s">
        <v>3816</v>
      </c>
      <c r="GCJ17" s="916" t="s">
        <v>3816</v>
      </c>
      <c r="GCK17" s="916" t="s">
        <v>3816</v>
      </c>
      <c r="GCL17" s="916" t="s">
        <v>3816</v>
      </c>
      <c r="GCM17" s="916" t="s">
        <v>3816</v>
      </c>
      <c r="GCN17" s="916" t="s">
        <v>3816</v>
      </c>
      <c r="GCO17" s="916" t="s">
        <v>3816</v>
      </c>
      <c r="GCP17" s="916" t="s">
        <v>3816</v>
      </c>
      <c r="GCQ17" s="916" t="s">
        <v>3816</v>
      </c>
      <c r="GCR17" s="916" t="s">
        <v>3816</v>
      </c>
      <c r="GCS17" s="916" t="s">
        <v>3816</v>
      </c>
      <c r="GCT17" s="916" t="s">
        <v>3816</v>
      </c>
      <c r="GCU17" s="916" t="s">
        <v>3816</v>
      </c>
      <c r="GCV17" s="916" t="s">
        <v>3816</v>
      </c>
      <c r="GCW17" s="916" t="s">
        <v>3816</v>
      </c>
      <c r="GCX17" s="916" t="s">
        <v>3816</v>
      </c>
      <c r="GCY17" s="916" t="s">
        <v>3816</v>
      </c>
      <c r="GCZ17" s="916" t="s">
        <v>3816</v>
      </c>
      <c r="GDA17" s="916" t="s">
        <v>3816</v>
      </c>
      <c r="GDB17" s="916" t="s">
        <v>3816</v>
      </c>
      <c r="GDC17" s="916" t="s">
        <v>3816</v>
      </c>
      <c r="GDD17" s="916" t="s">
        <v>3816</v>
      </c>
      <c r="GDE17" s="916" t="s">
        <v>3816</v>
      </c>
      <c r="GDF17" s="916" t="s">
        <v>3816</v>
      </c>
      <c r="GDG17" s="916" t="s">
        <v>3816</v>
      </c>
      <c r="GDH17" s="916" t="s">
        <v>3816</v>
      </c>
      <c r="GDI17" s="916" t="s">
        <v>3816</v>
      </c>
      <c r="GDJ17" s="916" t="s">
        <v>3816</v>
      </c>
      <c r="GDK17" s="916" t="s">
        <v>3816</v>
      </c>
      <c r="GDL17" s="916" t="s">
        <v>3816</v>
      </c>
      <c r="GDM17" s="916" t="s">
        <v>3816</v>
      </c>
      <c r="GDN17" s="916" t="s">
        <v>3816</v>
      </c>
      <c r="GDO17" s="916" t="s">
        <v>3816</v>
      </c>
      <c r="GDP17" s="916" t="s">
        <v>3816</v>
      </c>
      <c r="GDQ17" s="916" t="s">
        <v>3816</v>
      </c>
      <c r="GDR17" s="916" t="s">
        <v>3816</v>
      </c>
      <c r="GDS17" s="916" t="s">
        <v>3816</v>
      </c>
      <c r="GDT17" s="916" t="s">
        <v>3816</v>
      </c>
      <c r="GDU17" s="916" t="s">
        <v>3816</v>
      </c>
      <c r="GDV17" s="916" t="s">
        <v>3816</v>
      </c>
      <c r="GDW17" s="916" t="s">
        <v>3816</v>
      </c>
      <c r="GDX17" s="916" t="s">
        <v>3816</v>
      </c>
      <c r="GDY17" s="916" t="s">
        <v>3816</v>
      </c>
      <c r="GDZ17" s="916" t="s">
        <v>3816</v>
      </c>
      <c r="GEA17" s="916" t="s">
        <v>3816</v>
      </c>
      <c r="GEB17" s="916" t="s">
        <v>3816</v>
      </c>
      <c r="GEC17" s="916" t="s">
        <v>3816</v>
      </c>
      <c r="GED17" s="916" t="s">
        <v>3816</v>
      </c>
      <c r="GEE17" s="916" t="s">
        <v>3816</v>
      </c>
      <c r="GEF17" s="916" t="s">
        <v>3816</v>
      </c>
      <c r="GEG17" s="916" t="s">
        <v>3816</v>
      </c>
      <c r="GEH17" s="916" t="s">
        <v>3816</v>
      </c>
      <c r="GEI17" s="916" t="s">
        <v>3816</v>
      </c>
      <c r="GEJ17" s="916" t="s">
        <v>3816</v>
      </c>
      <c r="GEK17" s="916" t="s">
        <v>3816</v>
      </c>
      <c r="GEL17" s="916" t="s">
        <v>3816</v>
      </c>
      <c r="GEM17" s="916" t="s">
        <v>3816</v>
      </c>
      <c r="GEN17" s="916" t="s">
        <v>3816</v>
      </c>
      <c r="GEO17" s="916" t="s">
        <v>3816</v>
      </c>
      <c r="GEP17" s="916" t="s">
        <v>3816</v>
      </c>
      <c r="GEQ17" s="916" t="s">
        <v>3816</v>
      </c>
      <c r="GER17" s="916" t="s">
        <v>3816</v>
      </c>
      <c r="GES17" s="916" t="s">
        <v>3816</v>
      </c>
      <c r="GET17" s="916" t="s">
        <v>3816</v>
      </c>
      <c r="GEU17" s="916" t="s">
        <v>3816</v>
      </c>
      <c r="GEV17" s="916" t="s">
        <v>3816</v>
      </c>
      <c r="GEW17" s="916" t="s">
        <v>3816</v>
      </c>
      <c r="GEX17" s="916" t="s">
        <v>3816</v>
      </c>
      <c r="GEY17" s="916" t="s">
        <v>3816</v>
      </c>
      <c r="GEZ17" s="916" t="s">
        <v>3816</v>
      </c>
      <c r="GFA17" s="916" t="s">
        <v>3816</v>
      </c>
      <c r="GFB17" s="916" t="s">
        <v>3816</v>
      </c>
      <c r="GFC17" s="916" t="s">
        <v>3816</v>
      </c>
      <c r="GFD17" s="916" t="s">
        <v>3816</v>
      </c>
      <c r="GFE17" s="916" t="s">
        <v>3816</v>
      </c>
      <c r="GFF17" s="916" t="s">
        <v>3816</v>
      </c>
      <c r="GFG17" s="916" t="s">
        <v>3816</v>
      </c>
      <c r="GFH17" s="916" t="s">
        <v>3816</v>
      </c>
      <c r="GFI17" s="916" t="s">
        <v>3816</v>
      </c>
      <c r="GFJ17" s="916" t="s">
        <v>3816</v>
      </c>
      <c r="GFK17" s="916" t="s">
        <v>3816</v>
      </c>
      <c r="GFL17" s="916" t="s">
        <v>3816</v>
      </c>
      <c r="GFM17" s="916" t="s">
        <v>3816</v>
      </c>
      <c r="GFN17" s="916" t="s">
        <v>3816</v>
      </c>
      <c r="GFO17" s="916" t="s">
        <v>3816</v>
      </c>
      <c r="GFP17" s="916" t="s">
        <v>3816</v>
      </c>
      <c r="GFQ17" s="916" t="s">
        <v>3816</v>
      </c>
      <c r="GFR17" s="916" t="s">
        <v>3816</v>
      </c>
      <c r="GFS17" s="916" t="s">
        <v>3816</v>
      </c>
      <c r="GFT17" s="916" t="s">
        <v>3816</v>
      </c>
      <c r="GFU17" s="916" t="s">
        <v>3816</v>
      </c>
      <c r="GFV17" s="916" t="s">
        <v>3816</v>
      </c>
      <c r="GFW17" s="916" t="s">
        <v>3816</v>
      </c>
      <c r="GFX17" s="916" t="s">
        <v>3816</v>
      </c>
      <c r="GFY17" s="916" t="s">
        <v>3816</v>
      </c>
      <c r="GFZ17" s="916" t="s">
        <v>3816</v>
      </c>
      <c r="GGA17" s="916" t="s">
        <v>3816</v>
      </c>
      <c r="GGB17" s="916" t="s">
        <v>3816</v>
      </c>
      <c r="GGC17" s="916" t="s">
        <v>3816</v>
      </c>
      <c r="GGD17" s="916" t="s">
        <v>3816</v>
      </c>
      <c r="GGE17" s="916" t="s">
        <v>3816</v>
      </c>
      <c r="GGF17" s="916" t="s">
        <v>3816</v>
      </c>
      <c r="GGG17" s="916" t="s">
        <v>3816</v>
      </c>
      <c r="GGH17" s="916" t="s">
        <v>3816</v>
      </c>
      <c r="GGI17" s="916" t="s">
        <v>3816</v>
      </c>
      <c r="GGJ17" s="916" t="s">
        <v>3816</v>
      </c>
      <c r="GGK17" s="916" t="s">
        <v>3816</v>
      </c>
      <c r="GGL17" s="916" t="s">
        <v>3816</v>
      </c>
      <c r="GGM17" s="916" t="s">
        <v>3816</v>
      </c>
      <c r="GGN17" s="916" t="s">
        <v>3816</v>
      </c>
      <c r="GGO17" s="916" t="s">
        <v>3816</v>
      </c>
      <c r="GGP17" s="916" t="s">
        <v>3816</v>
      </c>
      <c r="GGQ17" s="916" t="s">
        <v>3816</v>
      </c>
      <c r="GGR17" s="916" t="s">
        <v>3816</v>
      </c>
      <c r="GGS17" s="916" t="s">
        <v>3816</v>
      </c>
      <c r="GGT17" s="916" t="s">
        <v>3816</v>
      </c>
      <c r="GGU17" s="916" t="s">
        <v>3816</v>
      </c>
      <c r="GGV17" s="916" t="s">
        <v>3816</v>
      </c>
      <c r="GGW17" s="916" t="s">
        <v>3816</v>
      </c>
      <c r="GGX17" s="916" t="s">
        <v>3816</v>
      </c>
      <c r="GGY17" s="916" t="s">
        <v>3816</v>
      </c>
      <c r="GGZ17" s="916" t="s">
        <v>3816</v>
      </c>
      <c r="GHA17" s="916" t="s">
        <v>3816</v>
      </c>
      <c r="GHB17" s="916" t="s">
        <v>3816</v>
      </c>
      <c r="GHC17" s="916" t="s">
        <v>3816</v>
      </c>
      <c r="GHD17" s="916" t="s">
        <v>3816</v>
      </c>
      <c r="GHE17" s="916" t="s">
        <v>3816</v>
      </c>
      <c r="GHF17" s="916" t="s">
        <v>3816</v>
      </c>
      <c r="GHG17" s="916" t="s">
        <v>3816</v>
      </c>
      <c r="GHH17" s="916" t="s">
        <v>3816</v>
      </c>
      <c r="GHI17" s="916" t="s">
        <v>3816</v>
      </c>
      <c r="GHJ17" s="916" t="s">
        <v>3816</v>
      </c>
      <c r="GHK17" s="916" t="s">
        <v>3816</v>
      </c>
      <c r="GHL17" s="916" t="s">
        <v>3816</v>
      </c>
      <c r="GHM17" s="916" t="s">
        <v>3816</v>
      </c>
      <c r="GHN17" s="916" t="s">
        <v>3816</v>
      </c>
      <c r="GHO17" s="916" t="s">
        <v>3816</v>
      </c>
      <c r="GHP17" s="916" t="s">
        <v>3816</v>
      </c>
      <c r="GHQ17" s="916" t="s">
        <v>3816</v>
      </c>
      <c r="GHR17" s="916" t="s">
        <v>3816</v>
      </c>
      <c r="GHS17" s="916" t="s">
        <v>3816</v>
      </c>
      <c r="GHT17" s="916" t="s">
        <v>3816</v>
      </c>
      <c r="GHU17" s="916" t="s">
        <v>3816</v>
      </c>
      <c r="GHV17" s="916" t="s">
        <v>3816</v>
      </c>
      <c r="GHW17" s="916" t="s">
        <v>3816</v>
      </c>
      <c r="GHX17" s="916" t="s">
        <v>3816</v>
      </c>
      <c r="GHY17" s="916" t="s">
        <v>3816</v>
      </c>
      <c r="GHZ17" s="916" t="s">
        <v>3816</v>
      </c>
      <c r="GIA17" s="916" t="s">
        <v>3816</v>
      </c>
      <c r="GIB17" s="916" t="s">
        <v>3816</v>
      </c>
      <c r="GIC17" s="916" t="s">
        <v>3816</v>
      </c>
      <c r="GID17" s="916" t="s">
        <v>3816</v>
      </c>
      <c r="GIE17" s="916" t="s">
        <v>3816</v>
      </c>
      <c r="GIF17" s="916" t="s">
        <v>3816</v>
      </c>
      <c r="GIG17" s="916" t="s">
        <v>3816</v>
      </c>
      <c r="GIH17" s="916" t="s">
        <v>3816</v>
      </c>
      <c r="GII17" s="916" t="s">
        <v>3816</v>
      </c>
      <c r="GIJ17" s="916" t="s">
        <v>3816</v>
      </c>
      <c r="GIK17" s="916" t="s">
        <v>3816</v>
      </c>
      <c r="GIL17" s="916" t="s">
        <v>3816</v>
      </c>
      <c r="GIM17" s="916" t="s">
        <v>3816</v>
      </c>
      <c r="GIN17" s="916" t="s">
        <v>3816</v>
      </c>
      <c r="GIO17" s="916" t="s">
        <v>3816</v>
      </c>
      <c r="GIP17" s="916" t="s">
        <v>3816</v>
      </c>
      <c r="GIQ17" s="916" t="s">
        <v>3816</v>
      </c>
      <c r="GIR17" s="916" t="s">
        <v>3816</v>
      </c>
      <c r="GIS17" s="916" t="s">
        <v>3816</v>
      </c>
      <c r="GIT17" s="916" t="s">
        <v>3816</v>
      </c>
      <c r="GIU17" s="916" t="s">
        <v>3816</v>
      </c>
      <c r="GIV17" s="916" t="s">
        <v>3816</v>
      </c>
      <c r="GIW17" s="916" t="s">
        <v>3816</v>
      </c>
      <c r="GIX17" s="916" t="s">
        <v>3816</v>
      </c>
      <c r="GIY17" s="916" t="s">
        <v>3816</v>
      </c>
      <c r="GIZ17" s="916" t="s">
        <v>3816</v>
      </c>
      <c r="GJA17" s="916" t="s">
        <v>3816</v>
      </c>
      <c r="GJB17" s="916" t="s">
        <v>3816</v>
      </c>
      <c r="GJC17" s="916" t="s">
        <v>3816</v>
      </c>
      <c r="GJD17" s="916" t="s">
        <v>3816</v>
      </c>
      <c r="GJE17" s="916" t="s">
        <v>3816</v>
      </c>
      <c r="GJF17" s="916" t="s">
        <v>3816</v>
      </c>
      <c r="GJG17" s="916" t="s">
        <v>3816</v>
      </c>
      <c r="GJH17" s="916" t="s">
        <v>3816</v>
      </c>
      <c r="GJI17" s="916" t="s">
        <v>3816</v>
      </c>
      <c r="GJJ17" s="916" t="s">
        <v>3816</v>
      </c>
      <c r="GJK17" s="916" t="s">
        <v>3816</v>
      </c>
      <c r="GJL17" s="916" t="s">
        <v>3816</v>
      </c>
      <c r="GJM17" s="916" t="s">
        <v>3816</v>
      </c>
      <c r="GJN17" s="916" t="s">
        <v>3816</v>
      </c>
      <c r="GJO17" s="916" t="s">
        <v>3816</v>
      </c>
      <c r="GJP17" s="916" t="s">
        <v>3816</v>
      </c>
      <c r="GJQ17" s="916" t="s">
        <v>3816</v>
      </c>
      <c r="GJR17" s="916" t="s">
        <v>3816</v>
      </c>
      <c r="GJS17" s="916" t="s">
        <v>3816</v>
      </c>
      <c r="GJT17" s="916" t="s">
        <v>3816</v>
      </c>
      <c r="GJU17" s="916" t="s">
        <v>3816</v>
      </c>
      <c r="GJV17" s="916" t="s">
        <v>3816</v>
      </c>
      <c r="GJW17" s="916" t="s">
        <v>3816</v>
      </c>
      <c r="GJX17" s="916" t="s">
        <v>3816</v>
      </c>
      <c r="GJY17" s="916" t="s">
        <v>3816</v>
      </c>
      <c r="GJZ17" s="916" t="s">
        <v>3816</v>
      </c>
      <c r="GKA17" s="916" t="s">
        <v>3816</v>
      </c>
      <c r="GKB17" s="916" t="s">
        <v>3816</v>
      </c>
      <c r="GKC17" s="916" t="s">
        <v>3816</v>
      </c>
      <c r="GKD17" s="916" t="s">
        <v>3816</v>
      </c>
      <c r="GKE17" s="916" t="s">
        <v>3816</v>
      </c>
      <c r="GKF17" s="916" t="s">
        <v>3816</v>
      </c>
      <c r="GKG17" s="916" t="s">
        <v>3816</v>
      </c>
      <c r="GKH17" s="916" t="s">
        <v>3816</v>
      </c>
      <c r="GKI17" s="916" t="s">
        <v>3816</v>
      </c>
      <c r="GKJ17" s="916" t="s">
        <v>3816</v>
      </c>
      <c r="GKK17" s="916" t="s">
        <v>3816</v>
      </c>
      <c r="GKL17" s="916" t="s">
        <v>3816</v>
      </c>
      <c r="GKM17" s="916" t="s">
        <v>3816</v>
      </c>
      <c r="GKN17" s="916" t="s">
        <v>3816</v>
      </c>
      <c r="GKO17" s="916" t="s">
        <v>3816</v>
      </c>
      <c r="GKP17" s="916" t="s">
        <v>3816</v>
      </c>
      <c r="GKQ17" s="916" t="s">
        <v>3816</v>
      </c>
      <c r="GKR17" s="916" t="s">
        <v>3816</v>
      </c>
      <c r="GKS17" s="916" t="s">
        <v>3816</v>
      </c>
      <c r="GKT17" s="916" t="s">
        <v>3816</v>
      </c>
      <c r="GKU17" s="916" t="s">
        <v>3816</v>
      </c>
      <c r="GKV17" s="916" t="s">
        <v>3816</v>
      </c>
      <c r="GKW17" s="916" t="s">
        <v>3816</v>
      </c>
      <c r="GKX17" s="916" t="s">
        <v>3816</v>
      </c>
      <c r="GKY17" s="916" t="s">
        <v>3816</v>
      </c>
      <c r="GKZ17" s="916" t="s">
        <v>3816</v>
      </c>
      <c r="GLA17" s="916" t="s">
        <v>3816</v>
      </c>
      <c r="GLB17" s="916" t="s">
        <v>3816</v>
      </c>
      <c r="GLC17" s="916" t="s">
        <v>3816</v>
      </c>
      <c r="GLD17" s="916" t="s">
        <v>3816</v>
      </c>
      <c r="GLE17" s="916" t="s">
        <v>3816</v>
      </c>
      <c r="GLF17" s="916" t="s">
        <v>3816</v>
      </c>
      <c r="GLG17" s="916" t="s">
        <v>3816</v>
      </c>
      <c r="GLH17" s="916" t="s">
        <v>3816</v>
      </c>
      <c r="GLI17" s="916" t="s">
        <v>3816</v>
      </c>
      <c r="GLJ17" s="916" t="s">
        <v>3816</v>
      </c>
      <c r="GLK17" s="916" t="s">
        <v>3816</v>
      </c>
      <c r="GLL17" s="916" t="s">
        <v>3816</v>
      </c>
      <c r="GLM17" s="916" t="s">
        <v>3816</v>
      </c>
      <c r="GLN17" s="916" t="s">
        <v>3816</v>
      </c>
      <c r="GLO17" s="916" t="s">
        <v>3816</v>
      </c>
      <c r="GLP17" s="916" t="s">
        <v>3816</v>
      </c>
      <c r="GLQ17" s="916" t="s">
        <v>3816</v>
      </c>
      <c r="GLR17" s="916" t="s">
        <v>3816</v>
      </c>
      <c r="GLS17" s="916" t="s">
        <v>3816</v>
      </c>
      <c r="GLT17" s="916" t="s">
        <v>3816</v>
      </c>
      <c r="GLU17" s="916" t="s">
        <v>3816</v>
      </c>
      <c r="GLV17" s="916" t="s">
        <v>3816</v>
      </c>
      <c r="GLW17" s="916" t="s">
        <v>3816</v>
      </c>
      <c r="GLX17" s="916" t="s">
        <v>3816</v>
      </c>
      <c r="GLY17" s="916" t="s">
        <v>3816</v>
      </c>
      <c r="GLZ17" s="916" t="s">
        <v>3816</v>
      </c>
      <c r="GMA17" s="916" t="s">
        <v>3816</v>
      </c>
      <c r="GMB17" s="916" t="s">
        <v>3816</v>
      </c>
      <c r="GMC17" s="916" t="s">
        <v>3816</v>
      </c>
      <c r="GMD17" s="916" t="s">
        <v>3816</v>
      </c>
      <c r="GME17" s="916" t="s">
        <v>3816</v>
      </c>
      <c r="GMF17" s="916" t="s">
        <v>3816</v>
      </c>
      <c r="GMG17" s="916" t="s">
        <v>3816</v>
      </c>
      <c r="GMH17" s="916" t="s">
        <v>3816</v>
      </c>
      <c r="GMI17" s="916" t="s">
        <v>3816</v>
      </c>
      <c r="GMJ17" s="916" t="s">
        <v>3816</v>
      </c>
      <c r="GMK17" s="916" t="s">
        <v>3816</v>
      </c>
      <c r="GML17" s="916" t="s">
        <v>3816</v>
      </c>
      <c r="GMM17" s="916" t="s">
        <v>3816</v>
      </c>
      <c r="GMN17" s="916" t="s">
        <v>3816</v>
      </c>
      <c r="GMO17" s="916" t="s">
        <v>3816</v>
      </c>
      <c r="GMP17" s="916" t="s">
        <v>3816</v>
      </c>
      <c r="GMQ17" s="916" t="s">
        <v>3816</v>
      </c>
      <c r="GMR17" s="916" t="s">
        <v>3816</v>
      </c>
      <c r="GMS17" s="916" t="s">
        <v>3816</v>
      </c>
      <c r="GMT17" s="916" t="s">
        <v>3816</v>
      </c>
      <c r="GMU17" s="916" t="s">
        <v>3816</v>
      </c>
      <c r="GMV17" s="916" t="s">
        <v>3816</v>
      </c>
      <c r="GMW17" s="916" t="s">
        <v>3816</v>
      </c>
      <c r="GMX17" s="916" t="s">
        <v>3816</v>
      </c>
      <c r="GMY17" s="916" t="s">
        <v>3816</v>
      </c>
      <c r="GMZ17" s="916" t="s">
        <v>3816</v>
      </c>
      <c r="GNA17" s="916" t="s">
        <v>3816</v>
      </c>
      <c r="GNB17" s="916" t="s">
        <v>3816</v>
      </c>
      <c r="GNC17" s="916" t="s">
        <v>3816</v>
      </c>
      <c r="GND17" s="916" t="s">
        <v>3816</v>
      </c>
      <c r="GNE17" s="916" t="s">
        <v>3816</v>
      </c>
      <c r="GNF17" s="916" t="s">
        <v>3816</v>
      </c>
      <c r="GNG17" s="916" t="s">
        <v>3816</v>
      </c>
      <c r="GNH17" s="916" t="s">
        <v>3816</v>
      </c>
      <c r="GNI17" s="916" t="s">
        <v>3816</v>
      </c>
      <c r="GNJ17" s="916" t="s">
        <v>3816</v>
      </c>
      <c r="GNK17" s="916" t="s">
        <v>3816</v>
      </c>
      <c r="GNL17" s="916" t="s">
        <v>3816</v>
      </c>
      <c r="GNM17" s="916" t="s">
        <v>3816</v>
      </c>
      <c r="GNN17" s="916" t="s">
        <v>3816</v>
      </c>
      <c r="GNO17" s="916" t="s">
        <v>3816</v>
      </c>
      <c r="GNP17" s="916" t="s">
        <v>3816</v>
      </c>
      <c r="GNQ17" s="916" t="s">
        <v>3816</v>
      </c>
      <c r="GNR17" s="916" t="s">
        <v>3816</v>
      </c>
      <c r="GNS17" s="916" t="s">
        <v>3816</v>
      </c>
      <c r="GNT17" s="916" t="s">
        <v>3816</v>
      </c>
      <c r="GNU17" s="916" t="s">
        <v>3816</v>
      </c>
      <c r="GNV17" s="916" t="s">
        <v>3816</v>
      </c>
      <c r="GNW17" s="916" t="s">
        <v>3816</v>
      </c>
      <c r="GNX17" s="916" t="s">
        <v>3816</v>
      </c>
      <c r="GNY17" s="916" t="s">
        <v>3816</v>
      </c>
      <c r="GNZ17" s="916" t="s">
        <v>3816</v>
      </c>
      <c r="GOA17" s="916" t="s">
        <v>3816</v>
      </c>
      <c r="GOB17" s="916" t="s">
        <v>3816</v>
      </c>
      <c r="GOC17" s="916" t="s">
        <v>3816</v>
      </c>
      <c r="GOD17" s="916" t="s">
        <v>3816</v>
      </c>
      <c r="GOE17" s="916" t="s">
        <v>3816</v>
      </c>
      <c r="GOF17" s="916" t="s">
        <v>3816</v>
      </c>
      <c r="GOG17" s="916" t="s">
        <v>3816</v>
      </c>
      <c r="GOH17" s="916" t="s">
        <v>3816</v>
      </c>
      <c r="GOI17" s="916" t="s">
        <v>3816</v>
      </c>
      <c r="GOJ17" s="916" t="s">
        <v>3816</v>
      </c>
      <c r="GOK17" s="916" t="s">
        <v>3816</v>
      </c>
      <c r="GOL17" s="916" t="s">
        <v>3816</v>
      </c>
      <c r="GOM17" s="916" t="s">
        <v>3816</v>
      </c>
      <c r="GON17" s="916" t="s">
        <v>3816</v>
      </c>
      <c r="GOO17" s="916" t="s">
        <v>3816</v>
      </c>
      <c r="GOP17" s="916" t="s">
        <v>3816</v>
      </c>
      <c r="GOQ17" s="916" t="s">
        <v>3816</v>
      </c>
      <c r="GOR17" s="916" t="s">
        <v>3816</v>
      </c>
      <c r="GOS17" s="916" t="s">
        <v>3816</v>
      </c>
      <c r="GOT17" s="916" t="s">
        <v>3816</v>
      </c>
      <c r="GOU17" s="916" t="s">
        <v>3816</v>
      </c>
      <c r="GOV17" s="916" t="s">
        <v>3816</v>
      </c>
      <c r="GOW17" s="916" t="s">
        <v>3816</v>
      </c>
      <c r="GOX17" s="916" t="s">
        <v>3816</v>
      </c>
      <c r="GOY17" s="916" t="s">
        <v>3816</v>
      </c>
      <c r="GOZ17" s="916" t="s">
        <v>3816</v>
      </c>
      <c r="GPA17" s="916" t="s">
        <v>3816</v>
      </c>
      <c r="GPB17" s="916" t="s">
        <v>3816</v>
      </c>
      <c r="GPC17" s="916" t="s">
        <v>3816</v>
      </c>
      <c r="GPD17" s="916" t="s">
        <v>3816</v>
      </c>
      <c r="GPE17" s="916" t="s">
        <v>3816</v>
      </c>
      <c r="GPF17" s="916" t="s">
        <v>3816</v>
      </c>
      <c r="GPG17" s="916" t="s">
        <v>3816</v>
      </c>
      <c r="GPH17" s="916" t="s">
        <v>3816</v>
      </c>
      <c r="GPI17" s="916" t="s">
        <v>3816</v>
      </c>
      <c r="GPJ17" s="916" t="s">
        <v>3816</v>
      </c>
      <c r="GPK17" s="916" t="s">
        <v>3816</v>
      </c>
      <c r="GPL17" s="916" t="s">
        <v>3816</v>
      </c>
      <c r="GPM17" s="916" t="s">
        <v>3816</v>
      </c>
      <c r="GPN17" s="916" t="s">
        <v>3816</v>
      </c>
      <c r="GPO17" s="916" t="s">
        <v>3816</v>
      </c>
      <c r="GPP17" s="916" t="s">
        <v>3816</v>
      </c>
      <c r="GPQ17" s="916" t="s">
        <v>3816</v>
      </c>
      <c r="GPR17" s="916" t="s">
        <v>3816</v>
      </c>
      <c r="GPS17" s="916" t="s">
        <v>3816</v>
      </c>
      <c r="GPT17" s="916" t="s">
        <v>3816</v>
      </c>
      <c r="GPU17" s="916" t="s">
        <v>3816</v>
      </c>
      <c r="GPV17" s="916" t="s">
        <v>3816</v>
      </c>
      <c r="GPW17" s="916" t="s">
        <v>3816</v>
      </c>
      <c r="GPX17" s="916" t="s">
        <v>3816</v>
      </c>
      <c r="GPY17" s="916" t="s">
        <v>3816</v>
      </c>
      <c r="GPZ17" s="916" t="s">
        <v>3816</v>
      </c>
      <c r="GQA17" s="916" t="s">
        <v>3816</v>
      </c>
      <c r="GQB17" s="916" t="s">
        <v>3816</v>
      </c>
      <c r="GQC17" s="916" t="s">
        <v>3816</v>
      </c>
      <c r="GQD17" s="916" t="s">
        <v>3816</v>
      </c>
      <c r="GQE17" s="916" t="s">
        <v>3816</v>
      </c>
      <c r="GQF17" s="916" t="s">
        <v>3816</v>
      </c>
      <c r="GQG17" s="916" t="s">
        <v>3816</v>
      </c>
      <c r="GQH17" s="916" t="s">
        <v>3816</v>
      </c>
      <c r="GQI17" s="916" t="s">
        <v>3816</v>
      </c>
      <c r="GQJ17" s="916" t="s">
        <v>3816</v>
      </c>
      <c r="GQK17" s="916" t="s">
        <v>3816</v>
      </c>
      <c r="GQL17" s="916" t="s">
        <v>3816</v>
      </c>
      <c r="GQM17" s="916" t="s">
        <v>3816</v>
      </c>
      <c r="GQN17" s="916" t="s">
        <v>3816</v>
      </c>
      <c r="GQO17" s="916" t="s">
        <v>3816</v>
      </c>
      <c r="GQP17" s="916" t="s">
        <v>3816</v>
      </c>
      <c r="GQQ17" s="916" t="s">
        <v>3816</v>
      </c>
      <c r="GQR17" s="916" t="s">
        <v>3816</v>
      </c>
      <c r="GQS17" s="916" t="s">
        <v>3816</v>
      </c>
      <c r="GQT17" s="916" t="s">
        <v>3816</v>
      </c>
      <c r="GQU17" s="916" t="s">
        <v>3816</v>
      </c>
      <c r="GQV17" s="916" t="s">
        <v>3816</v>
      </c>
      <c r="GQW17" s="916" t="s">
        <v>3816</v>
      </c>
      <c r="GQX17" s="916" t="s">
        <v>3816</v>
      </c>
      <c r="GQY17" s="916" t="s">
        <v>3816</v>
      </c>
      <c r="GQZ17" s="916" t="s">
        <v>3816</v>
      </c>
      <c r="GRA17" s="916" t="s">
        <v>3816</v>
      </c>
      <c r="GRB17" s="916" t="s">
        <v>3816</v>
      </c>
      <c r="GRC17" s="916" t="s">
        <v>3816</v>
      </c>
      <c r="GRD17" s="916" t="s">
        <v>3816</v>
      </c>
      <c r="GRE17" s="916" t="s">
        <v>3816</v>
      </c>
      <c r="GRF17" s="916" t="s">
        <v>3816</v>
      </c>
      <c r="GRG17" s="916" t="s">
        <v>3816</v>
      </c>
      <c r="GRH17" s="916" t="s">
        <v>3816</v>
      </c>
      <c r="GRI17" s="916" t="s">
        <v>3816</v>
      </c>
      <c r="GRJ17" s="916" t="s">
        <v>3816</v>
      </c>
      <c r="GRK17" s="916" t="s">
        <v>3816</v>
      </c>
      <c r="GRL17" s="916" t="s">
        <v>3816</v>
      </c>
      <c r="GRM17" s="916" t="s">
        <v>3816</v>
      </c>
      <c r="GRN17" s="916" t="s">
        <v>3816</v>
      </c>
      <c r="GRO17" s="916" t="s">
        <v>3816</v>
      </c>
      <c r="GRP17" s="916" t="s">
        <v>3816</v>
      </c>
      <c r="GRQ17" s="916" t="s">
        <v>3816</v>
      </c>
      <c r="GRR17" s="916" t="s">
        <v>3816</v>
      </c>
      <c r="GRS17" s="916" t="s">
        <v>3816</v>
      </c>
      <c r="GRT17" s="916" t="s">
        <v>3816</v>
      </c>
      <c r="GRU17" s="916" t="s">
        <v>3816</v>
      </c>
      <c r="GRV17" s="916" t="s">
        <v>3816</v>
      </c>
      <c r="GRW17" s="916" t="s">
        <v>3816</v>
      </c>
      <c r="GRX17" s="916" t="s">
        <v>3816</v>
      </c>
      <c r="GRY17" s="916" t="s">
        <v>3816</v>
      </c>
      <c r="GRZ17" s="916" t="s">
        <v>3816</v>
      </c>
      <c r="GSA17" s="916" t="s">
        <v>3816</v>
      </c>
      <c r="GSB17" s="916" t="s">
        <v>3816</v>
      </c>
      <c r="GSC17" s="916" t="s">
        <v>3816</v>
      </c>
      <c r="GSD17" s="916" t="s">
        <v>3816</v>
      </c>
      <c r="GSE17" s="916" t="s">
        <v>3816</v>
      </c>
      <c r="GSF17" s="916" t="s">
        <v>3816</v>
      </c>
      <c r="GSG17" s="916" t="s">
        <v>3816</v>
      </c>
      <c r="GSH17" s="916" t="s">
        <v>3816</v>
      </c>
      <c r="GSI17" s="916" t="s">
        <v>3816</v>
      </c>
      <c r="GSJ17" s="916" t="s">
        <v>3816</v>
      </c>
      <c r="GSK17" s="916" t="s">
        <v>3816</v>
      </c>
      <c r="GSL17" s="916" t="s">
        <v>3816</v>
      </c>
      <c r="GSM17" s="916" t="s">
        <v>3816</v>
      </c>
      <c r="GSN17" s="916" t="s">
        <v>3816</v>
      </c>
      <c r="GSO17" s="916" t="s">
        <v>3816</v>
      </c>
      <c r="GSP17" s="916" t="s">
        <v>3816</v>
      </c>
      <c r="GSQ17" s="916" t="s">
        <v>3816</v>
      </c>
      <c r="GSR17" s="916" t="s">
        <v>3816</v>
      </c>
      <c r="GSS17" s="916" t="s">
        <v>3816</v>
      </c>
      <c r="GST17" s="916" t="s">
        <v>3816</v>
      </c>
      <c r="GSU17" s="916" t="s">
        <v>3816</v>
      </c>
      <c r="GSV17" s="916" t="s">
        <v>3816</v>
      </c>
      <c r="GSW17" s="916" t="s">
        <v>3816</v>
      </c>
      <c r="GSX17" s="916" t="s">
        <v>3816</v>
      </c>
      <c r="GSY17" s="916" t="s">
        <v>3816</v>
      </c>
      <c r="GSZ17" s="916" t="s">
        <v>3816</v>
      </c>
      <c r="GTA17" s="916" t="s">
        <v>3816</v>
      </c>
      <c r="GTB17" s="916" t="s">
        <v>3816</v>
      </c>
      <c r="GTC17" s="916" t="s">
        <v>3816</v>
      </c>
      <c r="GTD17" s="916" t="s">
        <v>3816</v>
      </c>
      <c r="GTE17" s="916" t="s">
        <v>3816</v>
      </c>
      <c r="GTF17" s="916" t="s">
        <v>3816</v>
      </c>
      <c r="GTG17" s="916" t="s">
        <v>3816</v>
      </c>
      <c r="GTH17" s="916" t="s">
        <v>3816</v>
      </c>
      <c r="GTI17" s="916" t="s">
        <v>3816</v>
      </c>
      <c r="GTJ17" s="916" t="s">
        <v>3816</v>
      </c>
      <c r="GTK17" s="916" t="s">
        <v>3816</v>
      </c>
      <c r="GTL17" s="916" t="s">
        <v>3816</v>
      </c>
      <c r="GTM17" s="916" t="s">
        <v>3816</v>
      </c>
      <c r="GTN17" s="916" t="s">
        <v>3816</v>
      </c>
      <c r="GTO17" s="916" t="s">
        <v>3816</v>
      </c>
      <c r="GTP17" s="916" t="s">
        <v>3816</v>
      </c>
      <c r="GTQ17" s="916" t="s">
        <v>3816</v>
      </c>
      <c r="GTR17" s="916" t="s">
        <v>3816</v>
      </c>
      <c r="GTS17" s="916" t="s">
        <v>3816</v>
      </c>
      <c r="GTT17" s="916" t="s">
        <v>3816</v>
      </c>
      <c r="GTU17" s="916" t="s">
        <v>3816</v>
      </c>
      <c r="GTV17" s="916" t="s">
        <v>3816</v>
      </c>
      <c r="GTW17" s="916" t="s">
        <v>3816</v>
      </c>
      <c r="GTX17" s="916" t="s">
        <v>3816</v>
      </c>
      <c r="GTY17" s="916" t="s">
        <v>3816</v>
      </c>
      <c r="GTZ17" s="916" t="s">
        <v>3816</v>
      </c>
      <c r="GUA17" s="916" t="s">
        <v>3816</v>
      </c>
      <c r="GUB17" s="916" t="s">
        <v>3816</v>
      </c>
      <c r="GUC17" s="916" t="s">
        <v>3816</v>
      </c>
      <c r="GUD17" s="916" t="s">
        <v>3816</v>
      </c>
      <c r="GUE17" s="916" t="s">
        <v>3816</v>
      </c>
      <c r="GUF17" s="916" t="s">
        <v>3816</v>
      </c>
      <c r="GUG17" s="916" t="s">
        <v>3816</v>
      </c>
      <c r="GUH17" s="916" t="s">
        <v>3816</v>
      </c>
      <c r="GUI17" s="916" t="s">
        <v>3816</v>
      </c>
      <c r="GUJ17" s="916" t="s">
        <v>3816</v>
      </c>
      <c r="GUK17" s="916" t="s">
        <v>3816</v>
      </c>
      <c r="GUL17" s="916" t="s">
        <v>3816</v>
      </c>
      <c r="GUM17" s="916" t="s">
        <v>3816</v>
      </c>
      <c r="GUN17" s="916" t="s">
        <v>3816</v>
      </c>
      <c r="GUO17" s="916" t="s">
        <v>3816</v>
      </c>
      <c r="GUP17" s="916" t="s">
        <v>3816</v>
      </c>
      <c r="GUQ17" s="916" t="s">
        <v>3816</v>
      </c>
      <c r="GUR17" s="916" t="s">
        <v>3816</v>
      </c>
      <c r="GUS17" s="916" t="s">
        <v>3816</v>
      </c>
      <c r="GUT17" s="916" t="s">
        <v>3816</v>
      </c>
      <c r="GUU17" s="916" t="s">
        <v>3816</v>
      </c>
      <c r="GUV17" s="916" t="s">
        <v>3816</v>
      </c>
      <c r="GUW17" s="916" t="s">
        <v>3816</v>
      </c>
      <c r="GUX17" s="916" t="s">
        <v>3816</v>
      </c>
      <c r="GUY17" s="916" t="s">
        <v>3816</v>
      </c>
      <c r="GUZ17" s="916" t="s">
        <v>3816</v>
      </c>
      <c r="GVA17" s="916" t="s">
        <v>3816</v>
      </c>
      <c r="GVB17" s="916" t="s">
        <v>3816</v>
      </c>
      <c r="GVC17" s="916" t="s">
        <v>3816</v>
      </c>
      <c r="GVD17" s="916" t="s">
        <v>3816</v>
      </c>
      <c r="GVE17" s="916" t="s">
        <v>3816</v>
      </c>
      <c r="GVF17" s="916" t="s">
        <v>3816</v>
      </c>
      <c r="GVG17" s="916" t="s">
        <v>3816</v>
      </c>
      <c r="GVH17" s="916" t="s">
        <v>3816</v>
      </c>
      <c r="GVI17" s="916" t="s">
        <v>3816</v>
      </c>
      <c r="GVJ17" s="916" t="s">
        <v>3816</v>
      </c>
      <c r="GVK17" s="916" t="s">
        <v>3816</v>
      </c>
      <c r="GVL17" s="916" t="s">
        <v>3816</v>
      </c>
      <c r="GVM17" s="916" t="s">
        <v>3816</v>
      </c>
      <c r="GVN17" s="916" t="s">
        <v>3816</v>
      </c>
      <c r="GVO17" s="916" t="s">
        <v>3816</v>
      </c>
      <c r="GVP17" s="916" t="s">
        <v>3816</v>
      </c>
      <c r="GVQ17" s="916" t="s">
        <v>3816</v>
      </c>
      <c r="GVR17" s="916" t="s">
        <v>3816</v>
      </c>
      <c r="GVS17" s="916" t="s">
        <v>3816</v>
      </c>
      <c r="GVT17" s="916" t="s">
        <v>3816</v>
      </c>
      <c r="GVU17" s="916" t="s">
        <v>3816</v>
      </c>
      <c r="GVV17" s="916" t="s">
        <v>3816</v>
      </c>
      <c r="GVW17" s="916" t="s">
        <v>3816</v>
      </c>
      <c r="GVX17" s="916" t="s">
        <v>3816</v>
      </c>
      <c r="GVY17" s="916" t="s">
        <v>3816</v>
      </c>
      <c r="GVZ17" s="916" t="s">
        <v>3816</v>
      </c>
      <c r="GWA17" s="916" t="s">
        <v>3816</v>
      </c>
      <c r="GWB17" s="916" t="s">
        <v>3816</v>
      </c>
      <c r="GWC17" s="916" t="s">
        <v>3816</v>
      </c>
      <c r="GWD17" s="916" t="s">
        <v>3816</v>
      </c>
      <c r="GWE17" s="916" t="s">
        <v>3816</v>
      </c>
      <c r="GWF17" s="916" t="s">
        <v>3816</v>
      </c>
      <c r="GWG17" s="916" t="s">
        <v>3816</v>
      </c>
      <c r="GWH17" s="916" t="s">
        <v>3816</v>
      </c>
      <c r="GWI17" s="916" t="s">
        <v>3816</v>
      </c>
      <c r="GWJ17" s="916" t="s">
        <v>3816</v>
      </c>
      <c r="GWK17" s="916" t="s">
        <v>3816</v>
      </c>
      <c r="GWL17" s="916" t="s">
        <v>3816</v>
      </c>
      <c r="GWM17" s="916" t="s">
        <v>3816</v>
      </c>
      <c r="GWN17" s="916" t="s">
        <v>3816</v>
      </c>
      <c r="GWO17" s="916" t="s">
        <v>3816</v>
      </c>
      <c r="GWP17" s="916" t="s">
        <v>3816</v>
      </c>
      <c r="GWQ17" s="916" t="s">
        <v>3816</v>
      </c>
      <c r="GWR17" s="916" t="s">
        <v>3816</v>
      </c>
      <c r="GWS17" s="916" t="s">
        <v>3816</v>
      </c>
      <c r="GWT17" s="916" t="s">
        <v>3816</v>
      </c>
      <c r="GWU17" s="916" t="s">
        <v>3816</v>
      </c>
      <c r="GWV17" s="916" t="s">
        <v>3816</v>
      </c>
      <c r="GWW17" s="916" t="s">
        <v>3816</v>
      </c>
      <c r="GWX17" s="916" t="s">
        <v>3816</v>
      </c>
      <c r="GWY17" s="916" t="s">
        <v>3816</v>
      </c>
      <c r="GWZ17" s="916" t="s">
        <v>3816</v>
      </c>
      <c r="GXA17" s="916" t="s">
        <v>3816</v>
      </c>
      <c r="GXB17" s="916" t="s">
        <v>3816</v>
      </c>
      <c r="GXC17" s="916" t="s">
        <v>3816</v>
      </c>
      <c r="GXD17" s="916" t="s">
        <v>3816</v>
      </c>
      <c r="GXE17" s="916" t="s">
        <v>3816</v>
      </c>
      <c r="GXF17" s="916" t="s">
        <v>3816</v>
      </c>
      <c r="GXG17" s="916" t="s">
        <v>3816</v>
      </c>
      <c r="GXH17" s="916" t="s">
        <v>3816</v>
      </c>
      <c r="GXI17" s="916" t="s">
        <v>3816</v>
      </c>
      <c r="GXJ17" s="916" t="s">
        <v>3816</v>
      </c>
      <c r="GXK17" s="916" t="s">
        <v>3816</v>
      </c>
      <c r="GXL17" s="916" t="s">
        <v>3816</v>
      </c>
      <c r="GXM17" s="916" t="s">
        <v>3816</v>
      </c>
      <c r="GXN17" s="916" t="s">
        <v>3816</v>
      </c>
      <c r="GXO17" s="916" t="s">
        <v>3816</v>
      </c>
      <c r="GXP17" s="916" t="s">
        <v>3816</v>
      </c>
      <c r="GXQ17" s="916" t="s">
        <v>3816</v>
      </c>
      <c r="GXR17" s="916" t="s">
        <v>3816</v>
      </c>
      <c r="GXS17" s="916" t="s">
        <v>3816</v>
      </c>
      <c r="GXT17" s="916" t="s">
        <v>3816</v>
      </c>
      <c r="GXU17" s="916" t="s">
        <v>3816</v>
      </c>
      <c r="GXV17" s="916" t="s">
        <v>3816</v>
      </c>
      <c r="GXW17" s="916" t="s">
        <v>3816</v>
      </c>
      <c r="GXX17" s="916" t="s">
        <v>3816</v>
      </c>
      <c r="GXY17" s="916" t="s">
        <v>3816</v>
      </c>
      <c r="GXZ17" s="916" t="s">
        <v>3816</v>
      </c>
      <c r="GYA17" s="916" t="s">
        <v>3816</v>
      </c>
      <c r="GYB17" s="916" t="s">
        <v>3816</v>
      </c>
      <c r="GYC17" s="916" t="s">
        <v>3816</v>
      </c>
      <c r="GYD17" s="916" t="s">
        <v>3816</v>
      </c>
      <c r="GYE17" s="916" t="s">
        <v>3816</v>
      </c>
      <c r="GYF17" s="916" t="s">
        <v>3816</v>
      </c>
      <c r="GYG17" s="916" t="s">
        <v>3816</v>
      </c>
      <c r="GYH17" s="916" t="s">
        <v>3816</v>
      </c>
      <c r="GYI17" s="916" t="s">
        <v>3816</v>
      </c>
      <c r="GYJ17" s="916" t="s">
        <v>3816</v>
      </c>
      <c r="GYK17" s="916" t="s">
        <v>3816</v>
      </c>
      <c r="GYL17" s="916" t="s">
        <v>3816</v>
      </c>
      <c r="GYM17" s="916" t="s">
        <v>3816</v>
      </c>
      <c r="GYN17" s="916" t="s">
        <v>3816</v>
      </c>
      <c r="GYO17" s="916" t="s">
        <v>3816</v>
      </c>
      <c r="GYP17" s="916" t="s">
        <v>3816</v>
      </c>
      <c r="GYQ17" s="916" t="s">
        <v>3816</v>
      </c>
      <c r="GYR17" s="916" t="s">
        <v>3816</v>
      </c>
      <c r="GYS17" s="916" t="s">
        <v>3816</v>
      </c>
      <c r="GYT17" s="916" t="s">
        <v>3816</v>
      </c>
      <c r="GYU17" s="916" t="s">
        <v>3816</v>
      </c>
      <c r="GYV17" s="916" t="s">
        <v>3816</v>
      </c>
      <c r="GYW17" s="916" t="s">
        <v>3816</v>
      </c>
      <c r="GYX17" s="916" t="s">
        <v>3816</v>
      </c>
      <c r="GYY17" s="916" t="s">
        <v>3816</v>
      </c>
      <c r="GYZ17" s="916" t="s">
        <v>3816</v>
      </c>
      <c r="GZA17" s="916" t="s">
        <v>3816</v>
      </c>
      <c r="GZB17" s="916" t="s">
        <v>3816</v>
      </c>
      <c r="GZC17" s="916" t="s">
        <v>3816</v>
      </c>
      <c r="GZD17" s="916" t="s">
        <v>3816</v>
      </c>
      <c r="GZE17" s="916" t="s">
        <v>3816</v>
      </c>
      <c r="GZF17" s="916" t="s">
        <v>3816</v>
      </c>
      <c r="GZG17" s="916" t="s">
        <v>3816</v>
      </c>
      <c r="GZH17" s="916" t="s">
        <v>3816</v>
      </c>
      <c r="GZI17" s="916" t="s">
        <v>3816</v>
      </c>
      <c r="GZJ17" s="916" t="s">
        <v>3816</v>
      </c>
      <c r="GZK17" s="916" t="s">
        <v>3816</v>
      </c>
      <c r="GZL17" s="916" t="s">
        <v>3816</v>
      </c>
      <c r="GZM17" s="916" t="s">
        <v>3816</v>
      </c>
      <c r="GZN17" s="916" t="s">
        <v>3816</v>
      </c>
      <c r="GZO17" s="916" t="s">
        <v>3816</v>
      </c>
      <c r="GZP17" s="916" t="s">
        <v>3816</v>
      </c>
      <c r="GZQ17" s="916" t="s">
        <v>3816</v>
      </c>
      <c r="GZR17" s="916" t="s">
        <v>3816</v>
      </c>
      <c r="GZS17" s="916" t="s">
        <v>3816</v>
      </c>
      <c r="GZT17" s="916" t="s">
        <v>3816</v>
      </c>
      <c r="GZU17" s="916" t="s">
        <v>3816</v>
      </c>
      <c r="GZV17" s="916" t="s">
        <v>3816</v>
      </c>
      <c r="GZW17" s="916" t="s">
        <v>3816</v>
      </c>
      <c r="GZX17" s="916" t="s">
        <v>3816</v>
      </c>
      <c r="GZY17" s="916" t="s">
        <v>3816</v>
      </c>
      <c r="GZZ17" s="916" t="s">
        <v>3816</v>
      </c>
      <c r="HAA17" s="916" t="s">
        <v>3816</v>
      </c>
      <c r="HAB17" s="916" t="s">
        <v>3816</v>
      </c>
      <c r="HAC17" s="916" t="s">
        <v>3816</v>
      </c>
      <c r="HAD17" s="916" t="s">
        <v>3816</v>
      </c>
      <c r="HAE17" s="916" t="s">
        <v>3816</v>
      </c>
      <c r="HAF17" s="916" t="s">
        <v>3816</v>
      </c>
      <c r="HAG17" s="916" t="s">
        <v>3816</v>
      </c>
      <c r="HAH17" s="916" t="s">
        <v>3816</v>
      </c>
      <c r="HAI17" s="916" t="s">
        <v>3816</v>
      </c>
      <c r="HAJ17" s="916" t="s">
        <v>3816</v>
      </c>
      <c r="HAK17" s="916" t="s">
        <v>3816</v>
      </c>
      <c r="HAL17" s="916" t="s">
        <v>3816</v>
      </c>
      <c r="HAM17" s="916" t="s">
        <v>3816</v>
      </c>
      <c r="HAN17" s="916" t="s">
        <v>3816</v>
      </c>
      <c r="HAO17" s="916" t="s">
        <v>3816</v>
      </c>
      <c r="HAP17" s="916" t="s">
        <v>3816</v>
      </c>
      <c r="HAQ17" s="916" t="s">
        <v>3816</v>
      </c>
      <c r="HAR17" s="916" t="s">
        <v>3816</v>
      </c>
      <c r="HAS17" s="916" t="s">
        <v>3816</v>
      </c>
      <c r="HAT17" s="916" t="s">
        <v>3816</v>
      </c>
      <c r="HAU17" s="916" t="s">
        <v>3816</v>
      </c>
      <c r="HAV17" s="916" t="s">
        <v>3816</v>
      </c>
      <c r="HAW17" s="916" t="s">
        <v>3816</v>
      </c>
      <c r="HAX17" s="916" t="s">
        <v>3816</v>
      </c>
      <c r="HAY17" s="916" t="s">
        <v>3816</v>
      </c>
      <c r="HAZ17" s="916" t="s">
        <v>3816</v>
      </c>
      <c r="HBA17" s="916" t="s">
        <v>3816</v>
      </c>
      <c r="HBB17" s="916" t="s">
        <v>3816</v>
      </c>
      <c r="HBC17" s="916" t="s">
        <v>3816</v>
      </c>
      <c r="HBD17" s="916" t="s">
        <v>3816</v>
      </c>
      <c r="HBE17" s="916" t="s">
        <v>3816</v>
      </c>
      <c r="HBF17" s="916" t="s">
        <v>3816</v>
      </c>
      <c r="HBG17" s="916" t="s">
        <v>3816</v>
      </c>
      <c r="HBH17" s="916" t="s">
        <v>3816</v>
      </c>
      <c r="HBI17" s="916" t="s">
        <v>3816</v>
      </c>
      <c r="HBJ17" s="916" t="s">
        <v>3816</v>
      </c>
      <c r="HBK17" s="916" t="s">
        <v>3816</v>
      </c>
      <c r="HBL17" s="916" t="s">
        <v>3816</v>
      </c>
      <c r="HBM17" s="916" t="s">
        <v>3816</v>
      </c>
      <c r="HBN17" s="916" t="s">
        <v>3816</v>
      </c>
      <c r="HBO17" s="916" t="s">
        <v>3816</v>
      </c>
      <c r="HBP17" s="916" t="s">
        <v>3816</v>
      </c>
      <c r="HBQ17" s="916" t="s">
        <v>3816</v>
      </c>
      <c r="HBR17" s="916" t="s">
        <v>3816</v>
      </c>
      <c r="HBS17" s="916" t="s">
        <v>3816</v>
      </c>
      <c r="HBT17" s="916" t="s">
        <v>3816</v>
      </c>
      <c r="HBU17" s="916" t="s">
        <v>3816</v>
      </c>
      <c r="HBV17" s="916" t="s">
        <v>3816</v>
      </c>
      <c r="HBW17" s="916" t="s">
        <v>3816</v>
      </c>
      <c r="HBX17" s="916" t="s">
        <v>3816</v>
      </c>
      <c r="HBY17" s="916" t="s">
        <v>3816</v>
      </c>
      <c r="HBZ17" s="916" t="s">
        <v>3816</v>
      </c>
      <c r="HCA17" s="916" t="s">
        <v>3816</v>
      </c>
      <c r="HCB17" s="916" t="s">
        <v>3816</v>
      </c>
      <c r="HCC17" s="916" t="s">
        <v>3816</v>
      </c>
      <c r="HCD17" s="916" t="s">
        <v>3816</v>
      </c>
      <c r="HCE17" s="916" t="s">
        <v>3816</v>
      </c>
      <c r="HCF17" s="916" t="s">
        <v>3816</v>
      </c>
      <c r="HCG17" s="916" t="s">
        <v>3816</v>
      </c>
      <c r="HCH17" s="916" t="s">
        <v>3816</v>
      </c>
      <c r="HCI17" s="916" t="s">
        <v>3816</v>
      </c>
      <c r="HCJ17" s="916" t="s">
        <v>3816</v>
      </c>
      <c r="HCK17" s="916" t="s">
        <v>3816</v>
      </c>
      <c r="HCL17" s="916" t="s">
        <v>3816</v>
      </c>
      <c r="HCM17" s="916" t="s">
        <v>3816</v>
      </c>
      <c r="HCN17" s="916" t="s">
        <v>3816</v>
      </c>
      <c r="HCO17" s="916" t="s">
        <v>3816</v>
      </c>
      <c r="HCP17" s="916" t="s">
        <v>3816</v>
      </c>
      <c r="HCQ17" s="916" t="s">
        <v>3816</v>
      </c>
      <c r="HCR17" s="916" t="s">
        <v>3816</v>
      </c>
      <c r="HCS17" s="916" t="s">
        <v>3816</v>
      </c>
      <c r="HCT17" s="916" t="s">
        <v>3816</v>
      </c>
      <c r="HCU17" s="916" t="s">
        <v>3816</v>
      </c>
      <c r="HCV17" s="916" t="s">
        <v>3816</v>
      </c>
      <c r="HCW17" s="916" t="s">
        <v>3816</v>
      </c>
      <c r="HCX17" s="916" t="s">
        <v>3816</v>
      </c>
      <c r="HCY17" s="916" t="s">
        <v>3816</v>
      </c>
      <c r="HCZ17" s="916" t="s">
        <v>3816</v>
      </c>
      <c r="HDA17" s="916" t="s">
        <v>3816</v>
      </c>
      <c r="HDB17" s="916" t="s">
        <v>3816</v>
      </c>
      <c r="HDC17" s="916" t="s">
        <v>3816</v>
      </c>
      <c r="HDD17" s="916" t="s">
        <v>3816</v>
      </c>
      <c r="HDE17" s="916" t="s">
        <v>3816</v>
      </c>
      <c r="HDF17" s="916" t="s">
        <v>3816</v>
      </c>
      <c r="HDG17" s="916" t="s">
        <v>3816</v>
      </c>
      <c r="HDH17" s="916" t="s">
        <v>3816</v>
      </c>
      <c r="HDI17" s="916" t="s">
        <v>3816</v>
      </c>
      <c r="HDJ17" s="916" t="s">
        <v>3816</v>
      </c>
      <c r="HDK17" s="916" t="s">
        <v>3816</v>
      </c>
      <c r="HDL17" s="916" t="s">
        <v>3816</v>
      </c>
      <c r="HDM17" s="916" t="s">
        <v>3816</v>
      </c>
      <c r="HDN17" s="916" t="s">
        <v>3816</v>
      </c>
      <c r="HDO17" s="916" t="s">
        <v>3816</v>
      </c>
      <c r="HDP17" s="916" t="s">
        <v>3816</v>
      </c>
      <c r="HDQ17" s="916" t="s">
        <v>3816</v>
      </c>
      <c r="HDR17" s="916" t="s">
        <v>3816</v>
      </c>
      <c r="HDS17" s="916" t="s">
        <v>3816</v>
      </c>
      <c r="HDT17" s="916" t="s">
        <v>3816</v>
      </c>
      <c r="HDU17" s="916" t="s">
        <v>3816</v>
      </c>
      <c r="HDV17" s="916" t="s">
        <v>3816</v>
      </c>
      <c r="HDW17" s="916" t="s">
        <v>3816</v>
      </c>
      <c r="HDX17" s="916" t="s">
        <v>3816</v>
      </c>
      <c r="HDY17" s="916" t="s">
        <v>3816</v>
      </c>
      <c r="HDZ17" s="916" t="s">
        <v>3816</v>
      </c>
      <c r="HEA17" s="916" t="s">
        <v>3816</v>
      </c>
      <c r="HEB17" s="916" t="s">
        <v>3816</v>
      </c>
      <c r="HEC17" s="916" t="s">
        <v>3816</v>
      </c>
      <c r="HED17" s="916" t="s">
        <v>3816</v>
      </c>
      <c r="HEE17" s="916" t="s">
        <v>3816</v>
      </c>
      <c r="HEF17" s="916" t="s">
        <v>3816</v>
      </c>
      <c r="HEG17" s="916" t="s">
        <v>3816</v>
      </c>
      <c r="HEH17" s="916" t="s">
        <v>3816</v>
      </c>
      <c r="HEI17" s="916" t="s">
        <v>3816</v>
      </c>
      <c r="HEJ17" s="916" t="s">
        <v>3816</v>
      </c>
      <c r="HEK17" s="916" t="s">
        <v>3816</v>
      </c>
      <c r="HEL17" s="916" t="s">
        <v>3816</v>
      </c>
      <c r="HEM17" s="916" t="s">
        <v>3816</v>
      </c>
      <c r="HEN17" s="916" t="s">
        <v>3816</v>
      </c>
      <c r="HEO17" s="916" t="s">
        <v>3816</v>
      </c>
      <c r="HEP17" s="916" t="s">
        <v>3816</v>
      </c>
      <c r="HEQ17" s="916" t="s">
        <v>3816</v>
      </c>
      <c r="HER17" s="916" t="s">
        <v>3816</v>
      </c>
      <c r="HES17" s="916" t="s">
        <v>3816</v>
      </c>
      <c r="HET17" s="916" t="s">
        <v>3816</v>
      </c>
      <c r="HEU17" s="916" t="s">
        <v>3816</v>
      </c>
      <c r="HEV17" s="916" t="s">
        <v>3816</v>
      </c>
      <c r="HEW17" s="916" t="s">
        <v>3816</v>
      </c>
      <c r="HEX17" s="916" t="s">
        <v>3816</v>
      </c>
      <c r="HEY17" s="916" t="s">
        <v>3816</v>
      </c>
      <c r="HEZ17" s="916" t="s">
        <v>3816</v>
      </c>
      <c r="HFA17" s="916" t="s">
        <v>3816</v>
      </c>
      <c r="HFB17" s="916" t="s">
        <v>3816</v>
      </c>
      <c r="HFC17" s="916" t="s">
        <v>3816</v>
      </c>
      <c r="HFD17" s="916" t="s">
        <v>3816</v>
      </c>
      <c r="HFE17" s="916" t="s">
        <v>3816</v>
      </c>
      <c r="HFF17" s="916" t="s">
        <v>3816</v>
      </c>
      <c r="HFG17" s="916" t="s">
        <v>3816</v>
      </c>
      <c r="HFH17" s="916" t="s">
        <v>3816</v>
      </c>
      <c r="HFI17" s="916" t="s">
        <v>3816</v>
      </c>
      <c r="HFJ17" s="916" t="s">
        <v>3816</v>
      </c>
      <c r="HFK17" s="916" t="s">
        <v>3816</v>
      </c>
      <c r="HFL17" s="916" t="s">
        <v>3816</v>
      </c>
      <c r="HFM17" s="916" t="s">
        <v>3816</v>
      </c>
      <c r="HFN17" s="916" t="s">
        <v>3816</v>
      </c>
      <c r="HFO17" s="916" t="s">
        <v>3816</v>
      </c>
      <c r="HFP17" s="916" t="s">
        <v>3816</v>
      </c>
      <c r="HFQ17" s="916" t="s">
        <v>3816</v>
      </c>
      <c r="HFR17" s="916" t="s">
        <v>3816</v>
      </c>
      <c r="HFS17" s="916" t="s">
        <v>3816</v>
      </c>
      <c r="HFT17" s="916" t="s">
        <v>3816</v>
      </c>
      <c r="HFU17" s="916" t="s">
        <v>3816</v>
      </c>
      <c r="HFV17" s="916" t="s">
        <v>3816</v>
      </c>
      <c r="HFW17" s="916" t="s">
        <v>3816</v>
      </c>
      <c r="HFX17" s="916" t="s">
        <v>3816</v>
      </c>
      <c r="HFY17" s="916" t="s">
        <v>3816</v>
      </c>
      <c r="HFZ17" s="916" t="s">
        <v>3816</v>
      </c>
      <c r="HGA17" s="916" t="s">
        <v>3816</v>
      </c>
      <c r="HGB17" s="916" t="s">
        <v>3816</v>
      </c>
      <c r="HGC17" s="916" t="s">
        <v>3816</v>
      </c>
      <c r="HGD17" s="916" t="s">
        <v>3816</v>
      </c>
      <c r="HGE17" s="916" t="s">
        <v>3816</v>
      </c>
      <c r="HGF17" s="916" t="s">
        <v>3816</v>
      </c>
      <c r="HGG17" s="916" t="s">
        <v>3816</v>
      </c>
      <c r="HGH17" s="916" t="s">
        <v>3816</v>
      </c>
      <c r="HGI17" s="916" t="s">
        <v>3816</v>
      </c>
      <c r="HGJ17" s="916" t="s">
        <v>3816</v>
      </c>
      <c r="HGK17" s="916" t="s">
        <v>3816</v>
      </c>
      <c r="HGL17" s="916" t="s">
        <v>3816</v>
      </c>
      <c r="HGM17" s="916" t="s">
        <v>3816</v>
      </c>
      <c r="HGN17" s="916" t="s">
        <v>3816</v>
      </c>
      <c r="HGO17" s="916" t="s">
        <v>3816</v>
      </c>
      <c r="HGP17" s="916" t="s">
        <v>3816</v>
      </c>
      <c r="HGQ17" s="916" t="s">
        <v>3816</v>
      </c>
      <c r="HGR17" s="916" t="s">
        <v>3816</v>
      </c>
      <c r="HGS17" s="916" t="s">
        <v>3816</v>
      </c>
      <c r="HGT17" s="916" t="s">
        <v>3816</v>
      </c>
      <c r="HGU17" s="916" t="s">
        <v>3816</v>
      </c>
      <c r="HGV17" s="916" t="s">
        <v>3816</v>
      </c>
      <c r="HGW17" s="916" t="s">
        <v>3816</v>
      </c>
      <c r="HGX17" s="916" t="s">
        <v>3816</v>
      </c>
      <c r="HGY17" s="916" t="s">
        <v>3816</v>
      </c>
      <c r="HGZ17" s="916" t="s">
        <v>3816</v>
      </c>
      <c r="HHA17" s="916" t="s">
        <v>3816</v>
      </c>
      <c r="HHB17" s="916" t="s">
        <v>3816</v>
      </c>
      <c r="HHC17" s="916" t="s">
        <v>3816</v>
      </c>
      <c r="HHD17" s="916" t="s">
        <v>3816</v>
      </c>
      <c r="HHE17" s="916" t="s">
        <v>3816</v>
      </c>
      <c r="HHF17" s="916" t="s">
        <v>3816</v>
      </c>
      <c r="HHG17" s="916" t="s">
        <v>3816</v>
      </c>
      <c r="HHH17" s="916" t="s">
        <v>3816</v>
      </c>
      <c r="HHI17" s="916" t="s">
        <v>3816</v>
      </c>
      <c r="HHJ17" s="916" t="s">
        <v>3816</v>
      </c>
      <c r="HHK17" s="916" t="s">
        <v>3816</v>
      </c>
      <c r="HHL17" s="916" t="s">
        <v>3816</v>
      </c>
      <c r="HHM17" s="916" t="s">
        <v>3816</v>
      </c>
      <c r="HHN17" s="916" t="s">
        <v>3816</v>
      </c>
      <c r="HHO17" s="916" t="s">
        <v>3816</v>
      </c>
      <c r="HHP17" s="916" t="s">
        <v>3816</v>
      </c>
      <c r="HHQ17" s="916" t="s">
        <v>3816</v>
      </c>
      <c r="HHR17" s="916" t="s">
        <v>3816</v>
      </c>
      <c r="HHS17" s="916" t="s">
        <v>3816</v>
      </c>
      <c r="HHT17" s="916" t="s">
        <v>3816</v>
      </c>
      <c r="HHU17" s="916" t="s">
        <v>3816</v>
      </c>
      <c r="HHV17" s="916" t="s">
        <v>3816</v>
      </c>
      <c r="HHW17" s="916" t="s">
        <v>3816</v>
      </c>
      <c r="HHX17" s="916" t="s">
        <v>3816</v>
      </c>
      <c r="HHY17" s="916" t="s">
        <v>3816</v>
      </c>
      <c r="HHZ17" s="916" t="s">
        <v>3816</v>
      </c>
      <c r="HIA17" s="916" t="s">
        <v>3816</v>
      </c>
      <c r="HIB17" s="916" t="s">
        <v>3816</v>
      </c>
      <c r="HIC17" s="916" t="s">
        <v>3816</v>
      </c>
      <c r="HID17" s="916" t="s">
        <v>3816</v>
      </c>
      <c r="HIE17" s="916" t="s">
        <v>3816</v>
      </c>
      <c r="HIF17" s="916" t="s">
        <v>3816</v>
      </c>
      <c r="HIG17" s="916" t="s">
        <v>3816</v>
      </c>
      <c r="HIH17" s="916" t="s">
        <v>3816</v>
      </c>
      <c r="HII17" s="916" t="s">
        <v>3816</v>
      </c>
      <c r="HIJ17" s="916" t="s">
        <v>3816</v>
      </c>
      <c r="HIK17" s="916" t="s">
        <v>3816</v>
      </c>
      <c r="HIL17" s="916" t="s">
        <v>3816</v>
      </c>
      <c r="HIM17" s="916" t="s">
        <v>3816</v>
      </c>
      <c r="HIN17" s="916" t="s">
        <v>3816</v>
      </c>
      <c r="HIO17" s="916" t="s">
        <v>3816</v>
      </c>
      <c r="HIP17" s="916" t="s">
        <v>3816</v>
      </c>
      <c r="HIQ17" s="916" t="s">
        <v>3816</v>
      </c>
      <c r="HIR17" s="916" t="s">
        <v>3816</v>
      </c>
      <c r="HIS17" s="916" t="s">
        <v>3816</v>
      </c>
      <c r="HIT17" s="916" t="s">
        <v>3816</v>
      </c>
      <c r="HIU17" s="916" t="s">
        <v>3816</v>
      </c>
      <c r="HIV17" s="916" t="s">
        <v>3816</v>
      </c>
      <c r="HIW17" s="916" t="s">
        <v>3816</v>
      </c>
      <c r="HIX17" s="916" t="s">
        <v>3816</v>
      </c>
      <c r="HIY17" s="916" t="s">
        <v>3816</v>
      </c>
      <c r="HIZ17" s="916" t="s">
        <v>3816</v>
      </c>
      <c r="HJA17" s="916" t="s">
        <v>3816</v>
      </c>
      <c r="HJB17" s="916" t="s">
        <v>3816</v>
      </c>
      <c r="HJC17" s="916" t="s">
        <v>3816</v>
      </c>
      <c r="HJD17" s="916" t="s">
        <v>3816</v>
      </c>
      <c r="HJE17" s="916" t="s">
        <v>3816</v>
      </c>
      <c r="HJF17" s="916" t="s">
        <v>3816</v>
      </c>
      <c r="HJG17" s="916" t="s">
        <v>3816</v>
      </c>
      <c r="HJH17" s="916" t="s">
        <v>3816</v>
      </c>
      <c r="HJI17" s="916" t="s">
        <v>3816</v>
      </c>
      <c r="HJJ17" s="916" t="s">
        <v>3816</v>
      </c>
      <c r="HJK17" s="916" t="s">
        <v>3816</v>
      </c>
      <c r="HJL17" s="916" t="s">
        <v>3816</v>
      </c>
      <c r="HJM17" s="916" t="s">
        <v>3816</v>
      </c>
      <c r="HJN17" s="916" t="s">
        <v>3816</v>
      </c>
      <c r="HJO17" s="916" t="s">
        <v>3816</v>
      </c>
      <c r="HJP17" s="916" t="s">
        <v>3816</v>
      </c>
      <c r="HJQ17" s="916" t="s">
        <v>3816</v>
      </c>
      <c r="HJR17" s="916" t="s">
        <v>3816</v>
      </c>
      <c r="HJS17" s="916" t="s">
        <v>3816</v>
      </c>
      <c r="HJT17" s="916" t="s">
        <v>3816</v>
      </c>
      <c r="HJU17" s="916" t="s">
        <v>3816</v>
      </c>
      <c r="HJV17" s="916" t="s">
        <v>3816</v>
      </c>
      <c r="HJW17" s="916" t="s">
        <v>3816</v>
      </c>
      <c r="HJX17" s="916" t="s">
        <v>3816</v>
      </c>
      <c r="HJY17" s="916" t="s">
        <v>3816</v>
      </c>
      <c r="HJZ17" s="916" t="s">
        <v>3816</v>
      </c>
      <c r="HKA17" s="916" t="s">
        <v>3816</v>
      </c>
      <c r="HKB17" s="916" t="s">
        <v>3816</v>
      </c>
      <c r="HKC17" s="916" t="s">
        <v>3816</v>
      </c>
      <c r="HKD17" s="916" t="s">
        <v>3816</v>
      </c>
      <c r="HKE17" s="916" t="s">
        <v>3816</v>
      </c>
      <c r="HKF17" s="916" t="s">
        <v>3816</v>
      </c>
      <c r="HKG17" s="916" t="s">
        <v>3816</v>
      </c>
      <c r="HKH17" s="916" t="s">
        <v>3816</v>
      </c>
      <c r="HKI17" s="916" t="s">
        <v>3816</v>
      </c>
      <c r="HKJ17" s="916" t="s">
        <v>3816</v>
      </c>
      <c r="HKK17" s="916" t="s">
        <v>3816</v>
      </c>
      <c r="HKL17" s="916" t="s">
        <v>3816</v>
      </c>
      <c r="HKM17" s="916" t="s">
        <v>3816</v>
      </c>
      <c r="HKN17" s="916" t="s">
        <v>3816</v>
      </c>
      <c r="HKO17" s="916" t="s">
        <v>3816</v>
      </c>
      <c r="HKP17" s="916" t="s">
        <v>3816</v>
      </c>
      <c r="HKQ17" s="916" t="s">
        <v>3816</v>
      </c>
      <c r="HKR17" s="916" t="s">
        <v>3816</v>
      </c>
      <c r="HKS17" s="916" t="s">
        <v>3816</v>
      </c>
      <c r="HKT17" s="916" t="s">
        <v>3816</v>
      </c>
      <c r="HKU17" s="916" t="s">
        <v>3816</v>
      </c>
      <c r="HKV17" s="916" t="s">
        <v>3816</v>
      </c>
      <c r="HKW17" s="916" t="s">
        <v>3816</v>
      </c>
      <c r="HKX17" s="916" t="s">
        <v>3816</v>
      </c>
      <c r="HKY17" s="916" t="s">
        <v>3816</v>
      </c>
      <c r="HKZ17" s="916" t="s">
        <v>3816</v>
      </c>
      <c r="HLA17" s="916" t="s">
        <v>3816</v>
      </c>
      <c r="HLB17" s="916" t="s">
        <v>3816</v>
      </c>
      <c r="HLC17" s="916" t="s">
        <v>3816</v>
      </c>
      <c r="HLD17" s="916" t="s">
        <v>3816</v>
      </c>
      <c r="HLE17" s="916" t="s">
        <v>3816</v>
      </c>
      <c r="HLF17" s="916" t="s">
        <v>3816</v>
      </c>
      <c r="HLG17" s="916" t="s">
        <v>3816</v>
      </c>
      <c r="HLH17" s="916" t="s">
        <v>3816</v>
      </c>
      <c r="HLI17" s="916" t="s">
        <v>3816</v>
      </c>
      <c r="HLJ17" s="916" t="s">
        <v>3816</v>
      </c>
      <c r="HLK17" s="916" t="s">
        <v>3816</v>
      </c>
      <c r="HLL17" s="916" t="s">
        <v>3816</v>
      </c>
      <c r="HLM17" s="916" t="s">
        <v>3816</v>
      </c>
      <c r="HLN17" s="916" t="s">
        <v>3816</v>
      </c>
      <c r="HLO17" s="916" t="s">
        <v>3816</v>
      </c>
      <c r="HLP17" s="916" t="s">
        <v>3816</v>
      </c>
      <c r="HLQ17" s="916" t="s">
        <v>3816</v>
      </c>
      <c r="HLR17" s="916" t="s">
        <v>3816</v>
      </c>
      <c r="HLS17" s="916" t="s">
        <v>3816</v>
      </c>
      <c r="HLT17" s="916" t="s">
        <v>3816</v>
      </c>
      <c r="HLU17" s="916" t="s">
        <v>3816</v>
      </c>
      <c r="HLV17" s="916" t="s">
        <v>3816</v>
      </c>
      <c r="HLW17" s="916" t="s">
        <v>3816</v>
      </c>
      <c r="HLX17" s="916" t="s">
        <v>3816</v>
      </c>
      <c r="HLY17" s="916" t="s">
        <v>3816</v>
      </c>
      <c r="HLZ17" s="916" t="s">
        <v>3816</v>
      </c>
      <c r="HMA17" s="916" t="s">
        <v>3816</v>
      </c>
      <c r="HMB17" s="916" t="s">
        <v>3816</v>
      </c>
      <c r="HMC17" s="916" t="s">
        <v>3816</v>
      </c>
      <c r="HMD17" s="916" t="s">
        <v>3816</v>
      </c>
      <c r="HME17" s="916" t="s">
        <v>3816</v>
      </c>
      <c r="HMF17" s="916" t="s">
        <v>3816</v>
      </c>
      <c r="HMG17" s="916" t="s">
        <v>3816</v>
      </c>
      <c r="HMH17" s="916" t="s">
        <v>3816</v>
      </c>
      <c r="HMI17" s="916" t="s">
        <v>3816</v>
      </c>
      <c r="HMJ17" s="916" t="s">
        <v>3816</v>
      </c>
      <c r="HMK17" s="916" t="s">
        <v>3816</v>
      </c>
      <c r="HML17" s="916" t="s">
        <v>3816</v>
      </c>
      <c r="HMM17" s="916" t="s">
        <v>3816</v>
      </c>
      <c r="HMN17" s="916" t="s">
        <v>3816</v>
      </c>
      <c r="HMO17" s="916" t="s">
        <v>3816</v>
      </c>
      <c r="HMP17" s="916" t="s">
        <v>3816</v>
      </c>
      <c r="HMQ17" s="916" t="s">
        <v>3816</v>
      </c>
      <c r="HMR17" s="916" t="s">
        <v>3816</v>
      </c>
      <c r="HMS17" s="916" t="s">
        <v>3816</v>
      </c>
      <c r="HMT17" s="916" t="s">
        <v>3816</v>
      </c>
      <c r="HMU17" s="916" t="s">
        <v>3816</v>
      </c>
      <c r="HMV17" s="916" t="s">
        <v>3816</v>
      </c>
      <c r="HMW17" s="916" t="s">
        <v>3816</v>
      </c>
      <c r="HMX17" s="916" t="s">
        <v>3816</v>
      </c>
      <c r="HMY17" s="916" t="s">
        <v>3816</v>
      </c>
      <c r="HMZ17" s="916" t="s">
        <v>3816</v>
      </c>
      <c r="HNA17" s="916" t="s">
        <v>3816</v>
      </c>
      <c r="HNB17" s="916" t="s">
        <v>3816</v>
      </c>
      <c r="HNC17" s="916" t="s">
        <v>3816</v>
      </c>
      <c r="HND17" s="916" t="s">
        <v>3816</v>
      </c>
      <c r="HNE17" s="916" t="s">
        <v>3816</v>
      </c>
      <c r="HNF17" s="916" t="s">
        <v>3816</v>
      </c>
      <c r="HNG17" s="916" t="s">
        <v>3816</v>
      </c>
      <c r="HNH17" s="916" t="s">
        <v>3816</v>
      </c>
      <c r="HNI17" s="916" t="s">
        <v>3816</v>
      </c>
      <c r="HNJ17" s="916" t="s">
        <v>3816</v>
      </c>
      <c r="HNK17" s="916" t="s">
        <v>3816</v>
      </c>
      <c r="HNL17" s="916" t="s">
        <v>3816</v>
      </c>
      <c r="HNM17" s="916" t="s">
        <v>3816</v>
      </c>
      <c r="HNN17" s="916" t="s">
        <v>3816</v>
      </c>
      <c r="HNO17" s="916" t="s">
        <v>3816</v>
      </c>
      <c r="HNP17" s="916" t="s">
        <v>3816</v>
      </c>
      <c r="HNQ17" s="916" t="s">
        <v>3816</v>
      </c>
      <c r="HNR17" s="916" t="s">
        <v>3816</v>
      </c>
      <c r="HNS17" s="916" t="s">
        <v>3816</v>
      </c>
      <c r="HNT17" s="916" t="s">
        <v>3816</v>
      </c>
      <c r="HNU17" s="916" t="s">
        <v>3816</v>
      </c>
      <c r="HNV17" s="916" t="s">
        <v>3816</v>
      </c>
      <c r="HNW17" s="916" t="s">
        <v>3816</v>
      </c>
      <c r="HNX17" s="916" t="s">
        <v>3816</v>
      </c>
      <c r="HNY17" s="916" t="s">
        <v>3816</v>
      </c>
      <c r="HNZ17" s="916" t="s">
        <v>3816</v>
      </c>
      <c r="HOA17" s="916" t="s">
        <v>3816</v>
      </c>
      <c r="HOB17" s="916" t="s">
        <v>3816</v>
      </c>
      <c r="HOC17" s="916" t="s">
        <v>3816</v>
      </c>
      <c r="HOD17" s="916" t="s">
        <v>3816</v>
      </c>
      <c r="HOE17" s="916" t="s">
        <v>3816</v>
      </c>
      <c r="HOF17" s="916" t="s">
        <v>3816</v>
      </c>
      <c r="HOG17" s="916" t="s">
        <v>3816</v>
      </c>
      <c r="HOH17" s="916" t="s">
        <v>3816</v>
      </c>
      <c r="HOI17" s="916" t="s">
        <v>3816</v>
      </c>
      <c r="HOJ17" s="916" t="s">
        <v>3816</v>
      </c>
      <c r="HOK17" s="916" t="s">
        <v>3816</v>
      </c>
      <c r="HOL17" s="916" t="s">
        <v>3816</v>
      </c>
      <c r="HOM17" s="916" t="s">
        <v>3816</v>
      </c>
      <c r="HON17" s="916" t="s">
        <v>3816</v>
      </c>
      <c r="HOO17" s="916" t="s">
        <v>3816</v>
      </c>
      <c r="HOP17" s="916" t="s">
        <v>3816</v>
      </c>
      <c r="HOQ17" s="916" t="s">
        <v>3816</v>
      </c>
      <c r="HOR17" s="916" t="s">
        <v>3816</v>
      </c>
      <c r="HOS17" s="916" t="s">
        <v>3816</v>
      </c>
      <c r="HOT17" s="916" t="s">
        <v>3816</v>
      </c>
      <c r="HOU17" s="916" t="s">
        <v>3816</v>
      </c>
      <c r="HOV17" s="916" t="s">
        <v>3816</v>
      </c>
      <c r="HOW17" s="916" t="s">
        <v>3816</v>
      </c>
      <c r="HOX17" s="916" t="s">
        <v>3816</v>
      </c>
      <c r="HOY17" s="916" t="s">
        <v>3816</v>
      </c>
      <c r="HOZ17" s="916" t="s">
        <v>3816</v>
      </c>
      <c r="HPA17" s="916" t="s">
        <v>3816</v>
      </c>
      <c r="HPB17" s="916" t="s">
        <v>3816</v>
      </c>
      <c r="HPC17" s="916" t="s">
        <v>3816</v>
      </c>
      <c r="HPD17" s="916" t="s">
        <v>3816</v>
      </c>
      <c r="HPE17" s="916" t="s">
        <v>3816</v>
      </c>
      <c r="HPF17" s="916" t="s">
        <v>3816</v>
      </c>
      <c r="HPG17" s="916" t="s">
        <v>3816</v>
      </c>
      <c r="HPH17" s="916" t="s">
        <v>3816</v>
      </c>
      <c r="HPI17" s="916" t="s">
        <v>3816</v>
      </c>
      <c r="HPJ17" s="916" t="s">
        <v>3816</v>
      </c>
      <c r="HPK17" s="916" t="s">
        <v>3816</v>
      </c>
      <c r="HPL17" s="916" t="s">
        <v>3816</v>
      </c>
      <c r="HPM17" s="916" t="s">
        <v>3816</v>
      </c>
      <c r="HPN17" s="916" t="s">
        <v>3816</v>
      </c>
      <c r="HPO17" s="916" t="s">
        <v>3816</v>
      </c>
      <c r="HPP17" s="916" t="s">
        <v>3816</v>
      </c>
      <c r="HPQ17" s="916" t="s">
        <v>3816</v>
      </c>
      <c r="HPR17" s="916" t="s">
        <v>3816</v>
      </c>
      <c r="HPS17" s="916" t="s">
        <v>3816</v>
      </c>
      <c r="HPT17" s="916" t="s">
        <v>3816</v>
      </c>
      <c r="HPU17" s="916" t="s">
        <v>3816</v>
      </c>
      <c r="HPV17" s="916" t="s">
        <v>3816</v>
      </c>
      <c r="HPW17" s="916" t="s">
        <v>3816</v>
      </c>
      <c r="HPX17" s="916" t="s">
        <v>3816</v>
      </c>
      <c r="HPY17" s="916" t="s">
        <v>3816</v>
      </c>
      <c r="HPZ17" s="916" t="s">
        <v>3816</v>
      </c>
      <c r="HQA17" s="916" t="s">
        <v>3816</v>
      </c>
      <c r="HQB17" s="916" t="s">
        <v>3816</v>
      </c>
      <c r="HQC17" s="916" t="s">
        <v>3816</v>
      </c>
      <c r="HQD17" s="916" t="s">
        <v>3816</v>
      </c>
      <c r="HQE17" s="916" t="s">
        <v>3816</v>
      </c>
      <c r="HQF17" s="916" t="s">
        <v>3816</v>
      </c>
      <c r="HQG17" s="916" t="s">
        <v>3816</v>
      </c>
      <c r="HQH17" s="916" t="s">
        <v>3816</v>
      </c>
      <c r="HQI17" s="916" t="s">
        <v>3816</v>
      </c>
      <c r="HQJ17" s="916" t="s">
        <v>3816</v>
      </c>
      <c r="HQK17" s="916" t="s">
        <v>3816</v>
      </c>
      <c r="HQL17" s="916" t="s">
        <v>3816</v>
      </c>
      <c r="HQM17" s="916" t="s">
        <v>3816</v>
      </c>
      <c r="HQN17" s="916" t="s">
        <v>3816</v>
      </c>
      <c r="HQO17" s="916" t="s">
        <v>3816</v>
      </c>
      <c r="HQP17" s="916" t="s">
        <v>3816</v>
      </c>
      <c r="HQQ17" s="916" t="s">
        <v>3816</v>
      </c>
      <c r="HQR17" s="916" t="s">
        <v>3816</v>
      </c>
      <c r="HQS17" s="916" t="s">
        <v>3816</v>
      </c>
      <c r="HQT17" s="916" t="s">
        <v>3816</v>
      </c>
      <c r="HQU17" s="916" t="s">
        <v>3816</v>
      </c>
      <c r="HQV17" s="916" t="s">
        <v>3816</v>
      </c>
      <c r="HQW17" s="916" t="s">
        <v>3816</v>
      </c>
      <c r="HQX17" s="916" t="s">
        <v>3816</v>
      </c>
      <c r="HQY17" s="916" t="s">
        <v>3816</v>
      </c>
      <c r="HQZ17" s="916" t="s">
        <v>3816</v>
      </c>
      <c r="HRA17" s="916" t="s">
        <v>3816</v>
      </c>
      <c r="HRB17" s="916" t="s">
        <v>3816</v>
      </c>
      <c r="HRC17" s="916" t="s">
        <v>3816</v>
      </c>
      <c r="HRD17" s="916" t="s">
        <v>3816</v>
      </c>
      <c r="HRE17" s="916" t="s">
        <v>3816</v>
      </c>
      <c r="HRF17" s="916" t="s">
        <v>3816</v>
      </c>
      <c r="HRG17" s="916" t="s">
        <v>3816</v>
      </c>
      <c r="HRH17" s="916" t="s">
        <v>3816</v>
      </c>
      <c r="HRI17" s="916" t="s">
        <v>3816</v>
      </c>
      <c r="HRJ17" s="916" t="s">
        <v>3816</v>
      </c>
      <c r="HRK17" s="916" t="s">
        <v>3816</v>
      </c>
      <c r="HRL17" s="916" t="s">
        <v>3816</v>
      </c>
      <c r="HRM17" s="916" t="s">
        <v>3816</v>
      </c>
      <c r="HRN17" s="916" t="s">
        <v>3816</v>
      </c>
      <c r="HRO17" s="916" t="s">
        <v>3816</v>
      </c>
      <c r="HRP17" s="916" t="s">
        <v>3816</v>
      </c>
      <c r="HRQ17" s="916" t="s">
        <v>3816</v>
      </c>
      <c r="HRR17" s="916" t="s">
        <v>3816</v>
      </c>
      <c r="HRS17" s="916" t="s">
        <v>3816</v>
      </c>
      <c r="HRT17" s="916" t="s">
        <v>3816</v>
      </c>
      <c r="HRU17" s="916" t="s">
        <v>3816</v>
      </c>
      <c r="HRV17" s="916" t="s">
        <v>3816</v>
      </c>
      <c r="HRW17" s="916" t="s">
        <v>3816</v>
      </c>
      <c r="HRX17" s="916" t="s">
        <v>3816</v>
      </c>
      <c r="HRY17" s="916" t="s">
        <v>3816</v>
      </c>
      <c r="HRZ17" s="916" t="s">
        <v>3816</v>
      </c>
      <c r="HSA17" s="916" t="s">
        <v>3816</v>
      </c>
      <c r="HSB17" s="916" t="s">
        <v>3816</v>
      </c>
      <c r="HSC17" s="916" t="s">
        <v>3816</v>
      </c>
      <c r="HSD17" s="916" t="s">
        <v>3816</v>
      </c>
      <c r="HSE17" s="916" t="s">
        <v>3816</v>
      </c>
      <c r="HSF17" s="916" t="s">
        <v>3816</v>
      </c>
      <c r="HSG17" s="916" t="s">
        <v>3816</v>
      </c>
      <c r="HSH17" s="916" t="s">
        <v>3816</v>
      </c>
      <c r="HSI17" s="916" t="s">
        <v>3816</v>
      </c>
      <c r="HSJ17" s="916" t="s">
        <v>3816</v>
      </c>
      <c r="HSK17" s="916" t="s">
        <v>3816</v>
      </c>
      <c r="HSL17" s="916" t="s">
        <v>3816</v>
      </c>
      <c r="HSM17" s="916" t="s">
        <v>3816</v>
      </c>
      <c r="HSN17" s="916" t="s">
        <v>3816</v>
      </c>
      <c r="HSO17" s="916" t="s">
        <v>3816</v>
      </c>
      <c r="HSP17" s="916" t="s">
        <v>3816</v>
      </c>
      <c r="HSQ17" s="916" t="s">
        <v>3816</v>
      </c>
      <c r="HSR17" s="916" t="s">
        <v>3816</v>
      </c>
      <c r="HSS17" s="916" t="s">
        <v>3816</v>
      </c>
      <c r="HST17" s="916" t="s">
        <v>3816</v>
      </c>
      <c r="HSU17" s="916" t="s">
        <v>3816</v>
      </c>
      <c r="HSV17" s="916" t="s">
        <v>3816</v>
      </c>
      <c r="HSW17" s="916" t="s">
        <v>3816</v>
      </c>
      <c r="HSX17" s="916" t="s">
        <v>3816</v>
      </c>
      <c r="HSY17" s="916" t="s">
        <v>3816</v>
      </c>
      <c r="HSZ17" s="916" t="s">
        <v>3816</v>
      </c>
      <c r="HTA17" s="916" t="s">
        <v>3816</v>
      </c>
      <c r="HTB17" s="916" t="s">
        <v>3816</v>
      </c>
      <c r="HTC17" s="916" t="s">
        <v>3816</v>
      </c>
      <c r="HTD17" s="916" t="s">
        <v>3816</v>
      </c>
      <c r="HTE17" s="916" t="s">
        <v>3816</v>
      </c>
      <c r="HTF17" s="916" t="s">
        <v>3816</v>
      </c>
      <c r="HTG17" s="916" t="s">
        <v>3816</v>
      </c>
      <c r="HTH17" s="916" t="s">
        <v>3816</v>
      </c>
      <c r="HTI17" s="916" t="s">
        <v>3816</v>
      </c>
      <c r="HTJ17" s="916" t="s">
        <v>3816</v>
      </c>
      <c r="HTK17" s="916" t="s">
        <v>3816</v>
      </c>
      <c r="HTL17" s="916" t="s">
        <v>3816</v>
      </c>
      <c r="HTM17" s="916" t="s">
        <v>3816</v>
      </c>
      <c r="HTN17" s="916" t="s">
        <v>3816</v>
      </c>
      <c r="HTO17" s="916" t="s">
        <v>3816</v>
      </c>
      <c r="HTP17" s="916" t="s">
        <v>3816</v>
      </c>
      <c r="HTQ17" s="916" t="s">
        <v>3816</v>
      </c>
      <c r="HTR17" s="916" t="s">
        <v>3816</v>
      </c>
      <c r="HTS17" s="916" t="s">
        <v>3816</v>
      </c>
      <c r="HTT17" s="916" t="s">
        <v>3816</v>
      </c>
      <c r="HTU17" s="916" t="s">
        <v>3816</v>
      </c>
      <c r="HTV17" s="916" t="s">
        <v>3816</v>
      </c>
      <c r="HTW17" s="916" t="s">
        <v>3816</v>
      </c>
      <c r="HTX17" s="916" t="s">
        <v>3816</v>
      </c>
      <c r="HTY17" s="916" t="s">
        <v>3816</v>
      </c>
      <c r="HTZ17" s="916" t="s">
        <v>3816</v>
      </c>
      <c r="HUA17" s="916" t="s">
        <v>3816</v>
      </c>
      <c r="HUB17" s="916" t="s">
        <v>3816</v>
      </c>
      <c r="HUC17" s="916" t="s">
        <v>3816</v>
      </c>
      <c r="HUD17" s="916" t="s">
        <v>3816</v>
      </c>
      <c r="HUE17" s="916" t="s">
        <v>3816</v>
      </c>
      <c r="HUF17" s="916" t="s">
        <v>3816</v>
      </c>
      <c r="HUG17" s="916" t="s">
        <v>3816</v>
      </c>
      <c r="HUH17" s="916" t="s">
        <v>3816</v>
      </c>
      <c r="HUI17" s="916" t="s">
        <v>3816</v>
      </c>
      <c r="HUJ17" s="916" t="s">
        <v>3816</v>
      </c>
      <c r="HUK17" s="916" t="s">
        <v>3816</v>
      </c>
      <c r="HUL17" s="916" t="s">
        <v>3816</v>
      </c>
      <c r="HUM17" s="916" t="s">
        <v>3816</v>
      </c>
      <c r="HUN17" s="916" t="s">
        <v>3816</v>
      </c>
      <c r="HUO17" s="916" t="s">
        <v>3816</v>
      </c>
      <c r="HUP17" s="916" t="s">
        <v>3816</v>
      </c>
      <c r="HUQ17" s="916" t="s">
        <v>3816</v>
      </c>
      <c r="HUR17" s="916" t="s">
        <v>3816</v>
      </c>
      <c r="HUS17" s="916" t="s">
        <v>3816</v>
      </c>
      <c r="HUT17" s="916" t="s">
        <v>3816</v>
      </c>
      <c r="HUU17" s="916" t="s">
        <v>3816</v>
      </c>
      <c r="HUV17" s="916" t="s">
        <v>3816</v>
      </c>
      <c r="HUW17" s="916" t="s">
        <v>3816</v>
      </c>
      <c r="HUX17" s="916" t="s">
        <v>3816</v>
      </c>
      <c r="HUY17" s="916" t="s">
        <v>3816</v>
      </c>
      <c r="HUZ17" s="916" t="s">
        <v>3816</v>
      </c>
      <c r="HVA17" s="916" t="s">
        <v>3816</v>
      </c>
      <c r="HVB17" s="916" t="s">
        <v>3816</v>
      </c>
      <c r="HVC17" s="916" t="s">
        <v>3816</v>
      </c>
      <c r="HVD17" s="916" t="s">
        <v>3816</v>
      </c>
      <c r="HVE17" s="916" t="s">
        <v>3816</v>
      </c>
      <c r="HVF17" s="916" t="s">
        <v>3816</v>
      </c>
      <c r="HVG17" s="916" t="s">
        <v>3816</v>
      </c>
      <c r="HVH17" s="916" t="s">
        <v>3816</v>
      </c>
      <c r="HVI17" s="916" t="s">
        <v>3816</v>
      </c>
      <c r="HVJ17" s="916" t="s">
        <v>3816</v>
      </c>
      <c r="HVK17" s="916" t="s">
        <v>3816</v>
      </c>
      <c r="HVL17" s="916" t="s">
        <v>3816</v>
      </c>
      <c r="HVM17" s="916" t="s">
        <v>3816</v>
      </c>
      <c r="HVN17" s="916" t="s">
        <v>3816</v>
      </c>
      <c r="HVO17" s="916" t="s">
        <v>3816</v>
      </c>
      <c r="HVP17" s="916" t="s">
        <v>3816</v>
      </c>
      <c r="HVQ17" s="916" t="s">
        <v>3816</v>
      </c>
      <c r="HVR17" s="916" t="s">
        <v>3816</v>
      </c>
      <c r="HVS17" s="916" t="s">
        <v>3816</v>
      </c>
      <c r="HVT17" s="916" t="s">
        <v>3816</v>
      </c>
      <c r="HVU17" s="916" t="s">
        <v>3816</v>
      </c>
      <c r="HVV17" s="916" t="s">
        <v>3816</v>
      </c>
      <c r="HVW17" s="916" t="s">
        <v>3816</v>
      </c>
      <c r="HVX17" s="916" t="s">
        <v>3816</v>
      </c>
      <c r="HVY17" s="916" t="s">
        <v>3816</v>
      </c>
      <c r="HVZ17" s="916" t="s">
        <v>3816</v>
      </c>
      <c r="HWA17" s="916" t="s">
        <v>3816</v>
      </c>
      <c r="HWB17" s="916" t="s">
        <v>3816</v>
      </c>
      <c r="HWC17" s="916" t="s">
        <v>3816</v>
      </c>
      <c r="HWD17" s="916" t="s">
        <v>3816</v>
      </c>
      <c r="HWE17" s="916" t="s">
        <v>3816</v>
      </c>
      <c r="HWF17" s="916" t="s">
        <v>3816</v>
      </c>
      <c r="HWG17" s="916" t="s">
        <v>3816</v>
      </c>
      <c r="HWH17" s="916" t="s">
        <v>3816</v>
      </c>
      <c r="HWI17" s="916" t="s">
        <v>3816</v>
      </c>
      <c r="HWJ17" s="916" t="s">
        <v>3816</v>
      </c>
      <c r="HWK17" s="916" t="s">
        <v>3816</v>
      </c>
      <c r="HWL17" s="916" t="s">
        <v>3816</v>
      </c>
      <c r="HWM17" s="916" t="s">
        <v>3816</v>
      </c>
      <c r="HWN17" s="916" t="s">
        <v>3816</v>
      </c>
      <c r="HWO17" s="916" t="s">
        <v>3816</v>
      </c>
      <c r="HWP17" s="916" t="s">
        <v>3816</v>
      </c>
      <c r="HWQ17" s="916" t="s">
        <v>3816</v>
      </c>
      <c r="HWR17" s="916" t="s">
        <v>3816</v>
      </c>
      <c r="HWS17" s="916" t="s">
        <v>3816</v>
      </c>
      <c r="HWT17" s="916" t="s">
        <v>3816</v>
      </c>
      <c r="HWU17" s="916" t="s">
        <v>3816</v>
      </c>
      <c r="HWV17" s="916" t="s">
        <v>3816</v>
      </c>
      <c r="HWW17" s="916" t="s">
        <v>3816</v>
      </c>
      <c r="HWX17" s="916" t="s">
        <v>3816</v>
      </c>
      <c r="HWY17" s="916" t="s">
        <v>3816</v>
      </c>
      <c r="HWZ17" s="916" t="s">
        <v>3816</v>
      </c>
      <c r="HXA17" s="916" t="s">
        <v>3816</v>
      </c>
      <c r="HXB17" s="916" t="s">
        <v>3816</v>
      </c>
      <c r="HXC17" s="916" t="s">
        <v>3816</v>
      </c>
      <c r="HXD17" s="916" t="s">
        <v>3816</v>
      </c>
      <c r="HXE17" s="916" t="s">
        <v>3816</v>
      </c>
      <c r="HXF17" s="916" t="s">
        <v>3816</v>
      </c>
      <c r="HXG17" s="916" t="s">
        <v>3816</v>
      </c>
      <c r="HXH17" s="916" t="s">
        <v>3816</v>
      </c>
      <c r="HXI17" s="916" t="s">
        <v>3816</v>
      </c>
      <c r="HXJ17" s="916" t="s">
        <v>3816</v>
      </c>
      <c r="HXK17" s="916" t="s">
        <v>3816</v>
      </c>
      <c r="HXL17" s="916" t="s">
        <v>3816</v>
      </c>
      <c r="HXM17" s="916" t="s">
        <v>3816</v>
      </c>
      <c r="HXN17" s="916" t="s">
        <v>3816</v>
      </c>
      <c r="HXO17" s="916" t="s">
        <v>3816</v>
      </c>
      <c r="HXP17" s="916" t="s">
        <v>3816</v>
      </c>
      <c r="HXQ17" s="916" t="s">
        <v>3816</v>
      </c>
      <c r="HXR17" s="916" t="s">
        <v>3816</v>
      </c>
      <c r="HXS17" s="916" t="s">
        <v>3816</v>
      </c>
      <c r="HXT17" s="916" t="s">
        <v>3816</v>
      </c>
      <c r="HXU17" s="916" t="s">
        <v>3816</v>
      </c>
      <c r="HXV17" s="916" t="s">
        <v>3816</v>
      </c>
      <c r="HXW17" s="916" t="s">
        <v>3816</v>
      </c>
      <c r="HXX17" s="916" t="s">
        <v>3816</v>
      </c>
      <c r="HXY17" s="916" t="s">
        <v>3816</v>
      </c>
      <c r="HXZ17" s="916" t="s">
        <v>3816</v>
      </c>
      <c r="HYA17" s="916" t="s">
        <v>3816</v>
      </c>
      <c r="HYB17" s="916" t="s">
        <v>3816</v>
      </c>
      <c r="HYC17" s="916" t="s">
        <v>3816</v>
      </c>
      <c r="HYD17" s="916" t="s">
        <v>3816</v>
      </c>
      <c r="HYE17" s="916" t="s">
        <v>3816</v>
      </c>
      <c r="HYF17" s="916" t="s">
        <v>3816</v>
      </c>
      <c r="HYG17" s="916" t="s">
        <v>3816</v>
      </c>
      <c r="HYH17" s="916" t="s">
        <v>3816</v>
      </c>
      <c r="HYI17" s="916" t="s">
        <v>3816</v>
      </c>
      <c r="HYJ17" s="916" t="s">
        <v>3816</v>
      </c>
      <c r="HYK17" s="916" t="s">
        <v>3816</v>
      </c>
      <c r="HYL17" s="916" t="s">
        <v>3816</v>
      </c>
      <c r="HYM17" s="916" t="s">
        <v>3816</v>
      </c>
      <c r="HYN17" s="916" t="s">
        <v>3816</v>
      </c>
      <c r="HYO17" s="916" t="s">
        <v>3816</v>
      </c>
      <c r="HYP17" s="916" t="s">
        <v>3816</v>
      </c>
      <c r="HYQ17" s="916" t="s">
        <v>3816</v>
      </c>
      <c r="HYR17" s="916" t="s">
        <v>3816</v>
      </c>
      <c r="HYS17" s="916" t="s">
        <v>3816</v>
      </c>
      <c r="HYT17" s="916" t="s">
        <v>3816</v>
      </c>
      <c r="HYU17" s="916" t="s">
        <v>3816</v>
      </c>
      <c r="HYV17" s="916" t="s">
        <v>3816</v>
      </c>
      <c r="HYW17" s="916" t="s">
        <v>3816</v>
      </c>
      <c r="HYX17" s="916" t="s">
        <v>3816</v>
      </c>
      <c r="HYY17" s="916" t="s">
        <v>3816</v>
      </c>
      <c r="HYZ17" s="916" t="s">
        <v>3816</v>
      </c>
      <c r="HZA17" s="916" t="s">
        <v>3816</v>
      </c>
      <c r="HZB17" s="916" t="s">
        <v>3816</v>
      </c>
      <c r="HZC17" s="916" t="s">
        <v>3816</v>
      </c>
      <c r="HZD17" s="916" t="s">
        <v>3816</v>
      </c>
      <c r="HZE17" s="916" t="s">
        <v>3816</v>
      </c>
      <c r="HZF17" s="916" t="s">
        <v>3816</v>
      </c>
      <c r="HZG17" s="916" t="s">
        <v>3816</v>
      </c>
      <c r="HZH17" s="916" t="s">
        <v>3816</v>
      </c>
      <c r="HZI17" s="916" t="s">
        <v>3816</v>
      </c>
      <c r="HZJ17" s="916" t="s">
        <v>3816</v>
      </c>
      <c r="HZK17" s="916" t="s">
        <v>3816</v>
      </c>
      <c r="HZL17" s="916" t="s">
        <v>3816</v>
      </c>
      <c r="HZM17" s="916" t="s">
        <v>3816</v>
      </c>
      <c r="HZN17" s="916" t="s">
        <v>3816</v>
      </c>
      <c r="HZO17" s="916" t="s">
        <v>3816</v>
      </c>
      <c r="HZP17" s="916" t="s">
        <v>3816</v>
      </c>
      <c r="HZQ17" s="916" t="s">
        <v>3816</v>
      </c>
      <c r="HZR17" s="916" t="s">
        <v>3816</v>
      </c>
      <c r="HZS17" s="916" t="s">
        <v>3816</v>
      </c>
      <c r="HZT17" s="916" t="s">
        <v>3816</v>
      </c>
      <c r="HZU17" s="916" t="s">
        <v>3816</v>
      </c>
      <c r="HZV17" s="916" t="s">
        <v>3816</v>
      </c>
      <c r="HZW17" s="916" t="s">
        <v>3816</v>
      </c>
      <c r="HZX17" s="916" t="s">
        <v>3816</v>
      </c>
      <c r="HZY17" s="916" t="s">
        <v>3816</v>
      </c>
      <c r="HZZ17" s="916" t="s">
        <v>3816</v>
      </c>
      <c r="IAA17" s="916" t="s">
        <v>3816</v>
      </c>
      <c r="IAB17" s="916" t="s">
        <v>3816</v>
      </c>
      <c r="IAC17" s="916" t="s">
        <v>3816</v>
      </c>
      <c r="IAD17" s="916" t="s">
        <v>3816</v>
      </c>
      <c r="IAE17" s="916" t="s">
        <v>3816</v>
      </c>
      <c r="IAF17" s="916" t="s">
        <v>3816</v>
      </c>
      <c r="IAG17" s="916" t="s">
        <v>3816</v>
      </c>
      <c r="IAH17" s="916" t="s">
        <v>3816</v>
      </c>
      <c r="IAI17" s="916" t="s">
        <v>3816</v>
      </c>
      <c r="IAJ17" s="916" t="s">
        <v>3816</v>
      </c>
      <c r="IAK17" s="916" t="s">
        <v>3816</v>
      </c>
      <c r="IAL17" s="916" t="s">
        <v>3816</v>
      </c>
      <c r="IAM17" s="916" t="s">
        <v>3816</v>
      </c>
      <c r="IAN17" s="916" t="s">
        <v>3816</v>
      </c>
      <c r="IAO17" s="916" t="s">
        <v>3816</v>
      </c>
      <c r="IAP17" s="916" t="s">
        <v>3816</v>
      </c>
      <c r="IAQ17" s="916" t="s">
        <v>3816</v>
      </c>
      <c r="IAR17" s="916" t="s">
        <v>3816</v>
      </c>
      <c r="IAS17" s="916" t="s">
        <v>3816</v>
      </c>
      <c r="IAT17" s="916" t="s">
        <v>3816</v>
      </c>
      <c r="IAU17" s="916" t="s">
        <v>3816</v>
      </c>
      <c r="IAV17" s="916" t="s">
        <v>3816</v>
      </c>
      <c r="IAW17" s="916" t="s">
        <v>3816</v>
      </c>
      <c r="IAX17" s="916" t="s">
        <v>3816</v>
      </c>
      <c r="IAY17" s="916" t="s">
        <v>3816</v>
      </c>
      <c r="IAZ17" s="916" t="s">
        <v>3816</v>
      </c>
      <c r="IBA17" s="916" t="s">
        <v>3816</v>
      </c>
      <c r="IBB17" s="916" t="s">
        <v>3816</v>
      </c>
      <c r="IBC17" s="916" t="s">
        <v>3816</v>
      </c>
      <c r="IBD17" s="916" t="s">
        <v>3816</v>
      </c>
      <c r="IBE17" s="916" t="s">
        <v>3816</v>
      </c>
      <c r="IBF17" s="916" t="s">
        <v>3816</v>
      </c>
      <c r="IBG17" s="916" t="s">
        <v>3816</v>
      </c>
      <c r="IBH17" s="916" t="s">
        <v>3816</v>
      </c>
      <c r="IBI17" s="916" t="s">
        <v>3816</v>
      </c>
      <c r="IBJ17" s="916" t="s">
        <v>3816</v>
      </c>
      <c r="IBK17" s="916" t="s">
        <v>3816</v>
      </c>
      <c r="IBL17" s="916" t="s">
        <v>3816</v>
      </c>
      <c r="IBM17" s="916" t="s">
        <v>3816</v>
      </c>
      <c r="IBN17" s="916" t="s">
        <v>3816</v>
      </c>
      <c r="IBO17" s="916" t="s">
        <v>3816</v>
      </c>
      <c r="IBP17" s="916" t="s">
        <v>3816</v>
      </c>
      <c r="IBQ17" s="916" t="s">
        <v>3816</v>
      </c>
      <c r="IBR17" s="916" t="s">
        <v>3816</v>
      </c>
      <c r="IBS17" s="916" t="s">
        <v>3816</v>
      </c>
      <c r="IBT17" s="916" t="s">
        <v>3816</v>
      </c>
      <c r="IBU17" s="916" t="s">
        <v>3816</v>
      </c>
      <c r="IBV17" s="916" t="s">
        <v>3816</v>
      </c>
      <c r="IBW17" s="916" t="s">
        <v>3816</v>
      </c>
      <c r="IBX17" s="916" t="s">
        <v>3816</v>
      </c>
      <c r="IBY17" s="916" t="s">
        <v>3816</v>
      </c>
      <c r="IBZ17" s="916" t="s">
        <v>3816</v>
      </c>
      <c r="ICA17" s="916" t="s">
        <v>3816</v>
      </c>
      <c r="ICB17" s="916" t="s">
        <v>3816</v>
      </c>
      <c r="ICC17" s="916" t="s">
        <v>3816</v>
      </c>
      <c r="ICD17" s="916" t="s">
        <v>3816</v>
      </c>
      <c r="ICE17" s="916" t="s">
        <v>3816</v>
      </c>
      <c r="ICF17" s="916" t="s">
        <v>3816</v>
      </c>
      <c r="ICG17" s="916" t="s">
        <v>3816</v>
      </c>
      <c r="ICH17" s="916" t="s">
        <v>3816</v>
      </c>
      <c r="ICI17" s="916" t="s">
        <v>3816</v>
      </c>
      <c r="ICJ17" s="916" t="s">
        <v>3816</v>
      </c>
      <c r="ICK17" s="916" t="s">
        <v>3816</v>
      </c>
      <c r="ICL17" s="916" t="s">
        <v>3816</v>
      </c>
      <c r="ICM17" s="916" t="s">
        <v>3816</v>
      </c>
      <c r="ICN17" s="916" t="s">
        <v>3816</v>
      </c>
      <c r="ICO17" s="916" t="s">
        <v>3816</v>
      </c>
      <c r="ICP17" s="916" t="s">
        <v>3816</v>
      </c>
      <c r="ICQ17" s="916" t="s">
        <v>3816</v>
      </c>
      <c r="ICR17" s="916" t="s">
        <v>3816</v>
      </c>
      <c r="ICS17" s="916" t="s">
        <v>3816</v>
      </c>
      <c r="ICT17" s="916" t="s">
        <v>3816</v>
      </c>
      <c r="ICU17" s="916" t="s">
        <v>3816</v>
      </c>
      <c r="ICV17" s="916" t="s">
        <v>3816</v>
      </c>
      <c r="ICW17" s="916" t="s">
        <v>3816</v>
      </c>
      <c r="ICX17" s="916" t="s">
        <v>3816</v>
      </c>
      <c r="ICY17" s="916" t="s">
        <v>3816</v>
      </c>
      <c r="ICZ17" s="916" t="s">
        <v>3816</v>
      </c>
      <c r="IDA17" s="916" t="s">
        <v>3816</v>
      </c>
      <c r="IDB17" s="916" t="s">
        <v>3816</v>
      </c>
      <c r="IDC17" s="916" t="s">
        <v>3816</v>
      </c>
      <c r="IDD17" s="916" t="s">
        <v>3816</v>
      </c>
      <c r="IDE17" s="916" t="s">
        <v>3816</v>
      </c>
      <c r="IDF17" s="916" t="s">
        <v>3816</v>
      </c>
      <c r="IDG17" s="916" t="s">
        <v>3816</v>
      </c>
      <c r="IDH17" s="916" t="s">
        <v>3816</v>
      </c>
      <c r="IDI17" s="916" t="s">
        <v>3816</v>
      </c>
      <c r="IDJ17" s="916" t="s">
        <v>3816</v>
      </c>
      <c r="IDK17" s="916" t="s">
        <v>3816</v>
      </c>
      <c r="IDL17" s="916" t="s">
        <v>3816</v>
      </c>
      <c r="IDM17" s="916" t="s">
        <v>3816</v>
      </c>
      <c r="IDN17" s="916" t="s">
        <v>3816</v>
      </c>
      <c r="IDO17" s="916" t="s">
        <v>3816</v>
      </c>
      <c r="IDP17" s="916" t="s">
        <v>3816</v>
      </c>
      <c r="IDQ17" s="916" t="s">
        <v>3816</v>
      </c>
      <c r="IDR17" s="916" t="s">
        <v>3816</v>
      </c>
      <c r="IDS17" s="916" t="s">
        <v>3816</v>
      </c>
      <c r="IDT17" s="916" t="s">
        <v>3816</v>
      </c>
      <c r="IDU17" s="916" t="s">
        <v>3816</v>
      </c>
      <c r="IDV17" s="916" t="s">
        <v>3816</v>
      </c>
      <c r="IDW17" s="916" t="s">
        <v>3816</v>
      </c>
      <c r="IDX17" s="916" t="s">
        <v>3816</v>
      </c>
      <c r="IDY17" s="916" t="s">
        <v>3816</v>
      </c>
      <c r="IDZ17" s="916" t="s">
        <v>3816</v>
      </c>
      <c r="IEA17" s="916" t="s">
        <v>3816</v>
      </c>
      <c r="IEB17" s="916" t="s">
        <v>3816</v>
      </c>
      <c r="IEC17" s="916" t="s">
        <v>3816</v>
      </c>
      <c r="IED17" s="916" t="s">
        <v>3816</v>
      </c>
      <c r="IEE17" s="916" t="s">
        <v>3816</v>
      </c>
      <c r="IEF17" s="916" t="s">
        <v>3816</v>
      </c>
      <c r="IEG17" s="916" t="s">
        <v>3816</v>
      </c>
      <c r="IEH17" s="916" t="s">
        <v>3816</v>
      </c>
      <c r="IEI17" s="916" t="s">
        <v>3816</v>
      </c>
      <c r="IEJ17" s="916" t="s">
        <v>3816</v>
      </c>
      <c r="IEK17" s="916" t="s">
        <v>3816</v>
      </c>
      <c r="IEL17" s="916" t="s">
        <v>3816</v>
      </c>
      <c r="IEM17" s="916" t="s">
        <v>3816</v>
      </c>
      <c r="IEN17" s="916" t="s">
        <v>3816</v>
      </c>
      <c r="IEO17" s="916" t="s">
        <v>3816</v>
      </c>
      <c r="IEP17" s="916" t="s">
        <v>3816</v>
      </c>
      <c r="IEQ17" s="916" t="s">
        <v>3816</v>
      </c>
      <c r="IER17" s="916" t="s">
        <v>3816</v>
      </c>
      <c r="IES17" s="916" t="s">
        <v>3816</v>
      </c>
      <c r="IET17" s="916" t="s">
        <v>3816</v>
      </c>
      <c r="IEU17" s="916" t="s">
        <v>3816</v>
      </c>
      <c r="IEV17" s="916" t="s">
        <v>3816</v>
      </c>
      <c r="IEW17" s="916" t="s">
        <v>3816</v>
      </c>
      <c r="IEX17" s="916" t="s">
        <v>3816</v>
      </c>
      <c r="IEY17" s="916" t="s">
        <v>3816</v>
      </c>
      <c r="IEZ17" s="916" t="s">
        <v>3816</v>
      </c>
      <c r="IFA17" s="916" t="s">
        <v>3816</v>
      </c>
      <c r="IFB17" s="916" t="s">
        <v>3816</v>
      </c>
      <c r="IFC17" s="916" t="s">
        <v>3816</v>
      </c>
      <c r="IFD17" s="916" t="s">
        <v>3816</v>
      </c>
      <c r="IFE17" s="916" t="s">
        <v>3816</v>
      </c>
      <c r="IFF17" s="916" t="s">
        <v>3816</v>
      </c>
      <c r="IFG17" s="916" t="s">
        <v>3816</v>
      </c>
      <c r="IFH17" s="916" t="s">
        <v>3816</v>
      </c>
      <c r="IFI17" s="916" t="s">
        <v>3816</v>
      </c>
      <c r="IFJ17" s="916" t="s">
        <v>3816</v>
      </c>
      <c r="IFK17" s="916" t="s">
        <v>3816</v>
      </c>
      <c r="IFL17" s="916" t="s">
        <v>3816</v>
      </c>
      <c r="IFM17" s="916" t="s">
        <v>3816</v>
      </c>
      <c r="IFN17" s="916" t="s">
        <v>3816</v>
      </c>
      <c r="IFO17" s="916" t="s">
        <v>3816</v>
      </c>
      <c r="IFP17" s="916" t="s">
        <v>3816</v>
      </c>
      <c r="IFQ17" s="916" t="s">
        <v>3816</v>
      </c>
      <c r="IFR17" s="916" t="s">
        <v>3816</v>
      </c>
      <c r="IFS17" s="916" t="s">
        <v>3816</v>
      </c>
      <c r="IFT17" s="916" t="s">
        <v>3816</v>
      </c>
      <c r="IFU17" s="916" t="s">
        <v>3816</v>
      </c>
      <c r="IFV17" s="916" t="s">
        <v>3816</v>
      </c>
      <c r="IFW17" s="916" t="s">
        <v>3816</v>
      </c>
      <c r="IFX17" s="916" t="s">
        <v>3816</v>
      </c>
      <c r="IFY17" s="916" t="s">
        <v>3816</v>
      </c>
      <c r="IFZ17" s="916" t="s">
        <v>3816</v>
      </c>
      <c r="IGA17" s="916" t="s">
        <v>3816</v>
      </c>
      <c r="IGB17" s="916" t="s">
        <v>3816</v>
      </c>
      <c r="IGC17" s="916" t="s">
        <v>3816</v>
      </c>
      <c r="IGD17" s="916" t="s">
        <v>3816</v>
      </c>
      <c r="IGE17" s="916" t="s">
        <v>3816</v>
      </c>
      <c r="IGF17" s="916" t="s">
        <v>3816</v>
      </c>
      <c r="IGG17" s="916" t="s">
        <v>3816</v>
      </c>
      <c r="IGH17" s="916" t="s">
        <v>3816</v>
      </c>
      <c r="IGI17" s="916" t="s">
        <v>3816</v>
      </c>
      <c r="IGJ17" s="916" t="s">
        <v>3816</v>
      </c>
      <c r="IGK17" s="916" t="s">
        <v>3816</v>
      </c>
      <c r="IGL17" s="916" t="s">
        <v>3816</v>
      </c>
      <c r="IGM17" s="916" t="s">
        <v>3816</v>
      </c>
      <c r="IGN17" s="916" t="s">
        <v>3816</v>
      </c>
      <c r="IGO17" s="916" t="s">
        <v>3816</v>
      </c>
      <c r="IGP17" s="916" t="s">
        <v>3816</v>
      </c>
      <c r="IGQ17" s="916" t="s">
        <v>3816</v>
      </c>
      <c r="IGR17" s="916" t="s">
        <v>3816</v>
      </c>
      <c r="IGS17" s="916" t="s">
        <v>3816</v>
      </c>
      <c r="IGT17" s="916" t="s">
        <v>3816</v>
      </c>
      <c r="IGU17" s="916" t="s">
        <v>3816</v>
      </c>
      <c r="IGV17" s="916" t="s">
        <v>3816</v>
      </c>
      <c r="IGW17" s="916" t="s">
        <v>3816</v>
      </c>
      <c r="IGX17" s="916" t="s">
        <v>3816</v>
      </c>
      <c r="IGY17" s="916" t="s">
        <v>3816</v>
      </c>
      <c r="IGZ17" s="916" t="s">
        <v>3816</v>
      </c>
      <c r="IHA17" s="916" t="s">
        <v>3816</v>
      </c>
      <c r="IHB17" s="916" t="s">
        <v>3816</v>
      </c>
      <c r="IHC17" s="916" t="s">
        <v>3816</v>
      </c>
      <c r="IHD17" s="916" t="s">
        <v>3816</v>
      </c>
      <c r="IHE17" s="916" t="s">
        <v>3816</v>
      </c>
      <c r="IHF17" s="916" t="s">
        <v>3816</v>
      </c>
      <c r="IHG17" s="916" t="s">
        <v>3816</v>
      </c>
      <c r="IHH17" s="916" t="s">
        <v>3816</v>
      </c>
      <c r="IHI17" s="916" t="s">
        <v>3816</v>
      </c>
      <c r="IHJ17" s="916" t="s">
        <v>3816</v>
      </c>
      <c r="IHK17" s="916" t="s">
        <v>3816</v>
      </c>
      <c r="IHL17" s="916" t="s">
        <v>3816</v>
      </c>
      <c r="IHM17" s="916" t="s">
        <v>3816</v>
      </c>
      <c r="IHN17" s="916" t="s">
        <v>3816</v>
      </c>
      <c r="IHO17" s="916" t="s">
        <v>3816</v>
      </c>
      <c r="IHP17" s="916" t="s">
        <v>3816</v>
      </c>
      <c r="IHQ17" s="916" t="s">
        <v>3816</v>
      </c>
      <c r="IHR17" s="916" t="s">
        <v>3816</v>
      </c>
      <c r="IHS17" s="916" t="s">
        <v>3816</v>
      </c>
      <c r="IHT17" s="916" t="s">
        <v>3816</v>
      </c>
      <c r="IHU17" s="916" t="s">
        <v>3816</v>
      </c>
      <c r="IHV17" s="916" t="s">
        <v>3816</v>
      </c>
      <c r="IHW17" s="916" t="s">
        <v>3816</v>
      </c>
      <c r="IHX17" s="916" t="s">
        <v>3816</v>
      </c>
      <c r="IHY17" s="916" t="s">
        <v>3816</v>
      </c>
      <c r="IHZ17" s="916" t="s">
        <v>3816</v>
      </c>
      <c r="IIA17" s="916" t="s">
        <v>3816</v>
      </c>
      <c r="IIB17" s="916" t="s">
        <v>3816</v>
      </c>
      <c r="IIC17" s="916" t="s">
        <v>3816</v>
      </c>
      <c r="IID17" s="916" t="s">
        <v>3816</v>
      </c>
      <c r="IIE17" s="916" t="s">
        <v>3816</v>
      </c>
      <c r="IIF17" s="916" t="s">
        <v>3816</v>
      </c>
      <c r="IIG17" s="916" t="s">
        <v>3816</v>
      </c>
      <c r="IIH17" s="916" t="s">
        <v>3816</v>
      </c>
      <c r="III17" s="916" t="s">
        <v>3816</v>
      </c>
      <c r="IIJ17" s="916" t="s">
        <v>3816</v>
      </c>
      <c r="IIK17" s="916" t="s">
        <v>3816</v>
      </c>
      <c r="IIL17" s="916" t="s">
        <v>3816</v>
      </c>
      <c r="IIM17" s="916" t="s">
        <v>3816</v>
      </c>
      <c r="IIN17" s="916" t="s">
        <v>3816</v>
      </c>
      <c r="IIO17" s="916" t="s">
        <v>3816</v>
      </c>
      <c r="IIP17" s="916" t="s">
        <v>3816</v>
      </c>
      <c r="IIQ17" s="916" t="s">
        <v>3816</v>
      </c>
      <c r="IIR17" s="916" t="s">
        <v>3816</v>
      </c>
      <c r="IIS17" s="916" t="s">
        <v>3816</v>
      </c>
      <c r="IIT17" s="916" t="s">
        <v>3816</v>
      </c>
      <c r="IIU17" s="916" t="s">
        <v>3816</v>
      </c>
      <c r="IIV17" s="916" t="s">
        <v>3816</v>
      </c>
      <c r="IIW17" s="916" t="s">
        <v>3816</v>
      </c>
      <c r="IIX17" s="916" t="s">
        <v>3816</v>
      </c>
      <c r="IIY17" s="916" t="s">
        <v>3816</v>
      </c>
      <c r="IIZ17" s="916" t="s">
        <v>3816</v>
      </c>
      <c r="IJA17" s="916" t="s">
        <v>3816</v>
      </c>
      <c r="IJB17" s="916" t="s">
        <v>3816</v>
      </c>
      <c r="IJC17" s="916" t="s">
        <v>3816</v>
      </c>
      <c r="IJD17" s="916" t="s">
        <v>3816</v>
      </c>
      <c r="IJE17" s="916" t="s">
        <v>3816</v>
      </c>
      <c r="IJF17" s="916" t="s">
        <v>3816</v>
      </c>
      <c r="IJG17" s="916" t="s">
        <v>3816</v>
      </c>
      <c r="IJH17" s="916" t="s">
        <v>3816</v>
      </c>
      <c r="IJI17" s="916" t="s">
        <v>3816</v>
      </c>
      <c r="IJJ17" s="916" t="s">
        <v>3816</v>
      </c>
      <c r="IJK17" s="916" t="s">
        <v>3816</v>
      </c>
      <c r="IJL17" s="916" t="s">
        <v>3816</v>
      </c>
      <c r="IJM17" s="916" t="s">
        <v>3816</v>
      </c>
      <c r="IJN17" s="916" t="s">
        <v>3816</v>
      </c>
      <c r="IJO17" s="916" t="s">
        <v>3816</v>
      </c>
      <c r="IJP17" s="916" t="s">
        <v>3816</v>
      </c>
      <c r="IJQ17" s="916" t="s">
        <v>3816</v>
      </c>
      <c r="IJR17" s="916" t="s">
        <v>3816</v>
      </c>
      <c r="IJS17" s="916" t="s">
        <v>3816</v>
      </c>
      <c r="IJT17" s="916" t="s">
        <v>3816</v>
      </c>
      <c r="IJU17" s="916" t="s">
        <v>3816</v>
      </c>
      <c r="IJV17" s="916" t="s">
        <v>3816</v>
      </c>
      <c r="IJW17" s="916" t="s">
        <v>3816</v>
      </c>
      <c r="IJX17" s="916" t="s">
        <v>3816</v>
      </c>
      <c r="IJY17" s="916" t="s">
        <v>3816</v>
      </c>
      <c r="IJZ17" s="916" t="s">
        <v>3816</v>
      </c>
      <c r="IKA17" s="916" t="s">
        <v>3816</v>
      </c>
      <c r="IKB17" s="916" t="s">
        <v>3816</v>
      </c>
      <c r="IKC17" s="916" t="s">
        <v>3816</v>
      </c>
      <c r="IKD17" s="916" t="s">
        <v>3816</v>
      </c>
      <c r="IKE17" s="916" t="s">
        <v>3816</v>
      </c>
      <c r="IKF17" s="916" t="s">
        <v>3816</v>
      </c>
      <c r="IKG17" s="916" t="s">
        <v>3816</v>
      </c>
      <c r="IKH17" s="916" t="s">
        <v>3816</v>
      </c>
      <c r="IKI17" s="916" t="s">
        <v>3816</v>
      </c>
      <c r="IKJ17" s="916" t="s">
        <v>3816</v>
      </c>
      <c r="IKK17" s="916" t="s">
        <v>3816</v>
      </c>
      <c r="IKL17" s="916" t="s">
        <v>3816</v>
      </c>
      <c r="IKM17" s="916" t="s">
        <v>3816</v>
      </c>
      <c r="IKN17" s="916" t="s">
        <v>3816</v>
      </c>
      <c r="IKO17" s="916" t="s">
        <v>3816</v>
      </c>
      <c r="IKP17" s="916" t="s">
        <v>3816</v>
      </c>
      <c r="IKQ17" s="916" t="s">
        <v>3816</v>
      </c>
      <c r="IKR17" s="916" t="s">
        <v>3816</v>
      </c>
      <c r="IKS17" s="916" t="s">
        <v>3816</v>
      </c>
      <c r="IKT17" s="916" t="s">
        <v>3816</v>
      </c>
      <c r="IKU17" s="916" t="s">
        <v>3816</v>
      </c>
      <c r="IKV17" s="916" t="s">
        <v>3816</v>
      </c>
      <c r="IKW17" s="916" t="s">
        <v>3816</v>
      </c>
      <c r="IKX17" s="916" t="s">
        <v>3816</v>
      </c>
      <c r="IKY17" s="916" t="s">
        <v>3816</v>
      </c>
      <c r="IKZ17" s="916" t="s">
        <v>3816</v>
      </c>
      <c r="ILA17" s="916" t="s">
        <v>3816</v>
      </c>
      <c r="ILB17" s="916" t="s">
        <v>3816</v>
      </c>
      <c r="ILC17" s="916" t="s">
        <v>3816</v>
      </c>
      <c r="ILD17" s="916" t="s">
        <v>3816</v>
      </c>
      <c r="ILE17" s="916" t="s">
        <v>3816</v>
      </c>
      <c r="ILF17" s="916" t="s">
        <v>3816</v>
      </c>
      <c r="ILG17" s="916" t="s">
        <v>3816</v>
      </c>
      <c r="ILH17" s="916" t="s">
        <v>3816</v>
      </c>
      <c r="ILI17" s="916" t="s">
        <v>3816</v>
      </c>
      <c r="ILJ17" s="916" t="s">
        <v>3816</v>
      </c>
      <c r="ILK17" s="916" t="s">
        <v>3816</v>
      </c>
      <c r="ILL17" s="916" t="s">
        <v>3816</v>
      </c>
      <c r="ILM17" s="916" t="s">
        <v>3816</v>
      </c>
      <c r="ILN17" s="916" t="s">
        <v>3816</v>
      </c>
      <c r="ILO17" s="916" t="s">
        <v>3816</v>
      </c>
      <c r="ILP17" s="916" t="s">
        <v>3816</v>
      </c>
      <c r="ILQ17" s="916" t="s">
        <v>3816</v>
      </c>
      <c r="ILR17" s="916" t="s">
        <v>3816</v>
      </c>
      <c r="ILS17" s="916" t="s">
        <v>3816</v>
      </c>
      <c r="ILT17" s="916" t="s">
        <v>3816</v>
      </c>
      <c r="ILU17" s="916" t="s">
        <v>3816</v>
      </c>
      <c r="ILV17" s="916" t="s">
        <v>3816</v>
      </c>
      <c r="ILW17" s="916" t="s">
        <v>3816</v>
      </c>
      <c r="ILX17" s="916" t="s">
        <v>3816</v>
      </c>
      <c r="ILY17" s="916" t="s">
        <v>3816</v>
      </c>
      <c r="ILZ17" s="916" t="s">
        <v>3816</v>
      </c>
      <c r="IMA17" s="916" t="s">
        <v>3816</v>
      </c>
      <c r="IMB17" s="916" t="s">
        <v>3816</v>
      </c>
      <c r="IMC17" s="916" t="s">
        <v>3816</v>
      </c>
      <c r="IMD17" s="916" t="s">
        <v>3816</v>
      </c>
      <c r="IME17" s="916" t="s">
        <v>3816</v>
      </c>
      <c r="IMF17" s="916" t="s">
        <v>3816</v>
      </c>
      <c r="IMG17" s="916" t="s">
        <v>3816</v>
      </c>
      <c r="IMH17" s="916" t="s">
        <v>3816</v>
      </c>
      <c r="IMI17" s="916" t="s">
        <v>3816</v>
      </c>
      <c r="IMJ17" s="916" t="s">
        <v>3816</v>
      </c>
      <c r="IMK17" s="916" t="s">
        <v>3816</v>
      </c>
      <c r="IML17" s="916" t="s">
        <v>3816</v>
      </c>
      <c r="IMM17" s="916" t="s">
        <v>3816</v>
      </c>
      <c r="IMN17" s="916" t="s">
        <v>3816</v>
      </c>
      <c r="IMO17" s="916" t="s">
        <v>3816</v>
      </c>
      <c r="IMP17" s="916" t="s">
        <v>3816</v>
      </c>
      <c r="IMQ17" s="916" t="s">
        <v>3816</v>
      </c>
      <c r="IMR17" s="916" t="s">
        <v>3816</v>
      </c>
      <c r="IMS17" s="916" t="s">
        <v>3816</v>
      </c>
      <c r="IMT17" s="916" t="s">
        <v>3816</v>
      </c>
      <c r="IMU17" s="916" t="s">
        <v>3816</v>
      </c>
      <c r="IMV17" s="916" t="s">
        <v>3816</v>
      </c>
      <c r="IMW17" s="916" t="s">
        <v>3816</v>
      </c>
      <c r="IMX17" s="916" t="s">
        <v>3816</v>
      </c>
      <c r="IMY17" s="916" t="s">
        <v>3816</v>
      </c>
      <c r="IMZ17" s="916" t="s">
        <v>3816</v>
      </c>
      <c r="INA17" s="916" t="s">
        <v>3816</v>
      </c>
      <c r="INB17" s="916" t="s">
        <v>3816</v>
      </c>
      <c r="INC17" s="916" t="s">
        <v>3816</v>
      </c>
      <c r="IND17" s="916" t="s">
        <v>3816</v>
      </c>
      <c r="INE17" s="916" t="s">
        <v>3816</v>
      </c>
      <c r="INF17" s="916" t="s">
        <v>3816</v>
      </c>
      <c r="ING17" s="916" t="s">
        <v>3816</v>
      </c>
      <c r="INH17" s="916" t="s">
        <v>3816</v>
      </c>
      <c r="INI17" s="916" t="s">
        <v>3816</v>
      </c>
      <c r="INJ17" s="916" t="s">
        <v>3816</v>
      </c>
      <c r="INK17" s="916" t="s">
        <v>3816</v>
      </c>
      <c r="INL17" s="916" t="s">
        <v>3816</v>
      </c>
      <c r="INM17" s="916" t="s">
        <v>3816</v>
      </c>
      <c r="INN17" s="916" t="s">
        <v>3816</v>
      </c>
      <c r="INO17" s="916" t="s">
        <v>3816</v>
      </c>
      <c r="INP17" s="916" t="s">
        <v>3816</v>
      </c>
      <c r="INQ17" s="916" t="s">
        <v>3816</v>
      </c>
      <c r="INR17" s="916" t="s">
        <v>3816</v>
      </c>
      <c r="INS17" s="916" t="s">
        <v>3816</v>
      </c>
      <c r="INT17" s="916" t="s">
        <v>3816</v>
      </c>
      <c r="INU17" s="916" t="s">
        <v>3816</v>
      </c>
      <c r="INV17" s="916" t="s">
        <v>3816</v>
      </c>
      <c r="INW17" s="916" t="s">
        <v>3816</v>
      </c>
      <c r="INX17" s="916" t="s">
        <v>3816</v>
      </c>
      <c r="INY17" s="916" t="s">
        <v>3816</v>
      </c>
      <c r="INZ17" s="916" t="s">
        <v>3816</v>
      </c>
      <c r="IOA17" s="916" t="s">
        <v>3816</v>
      </c>
      <c r="IOB17" s="916" t="s">
        <v>3816</v>
      </c>
      <c r="IOC17" s="916" t="s">
        <v>3816</v>
      </c>
      <c r="IOD17" s="916" t="s">
        <v>3816</v>
      </c>
      <c r="IOE17" s="916" t="s">
        <v>3816</v>
      </c>
      <c r="IOF17" s="916" t="s">
        <v>3816</v>
      </c>
      <c r="IOG17" s="916" t="s">
        <v>3816</v>
      </c>
      <c r="IOH17" s="916" t="s">
        <v>3816</v>
      </c>
      <c r="IOI17" s="916" t="s">
        <v>3816</v>
      </c>
      <c r="IOJ17" s="916" t="s">
        <v>3816</v>
      </c>
      <c r="IOK17" s="916" t="s">
        <v>3816</v>
      </c>
      <c r="IOL17" s="916" t="s">
        <v>3816</v>
      </c>
      <c r="IOM17" s="916" t="s">
        <v>3816</v>
      </c>
      <c r="ION17" s="916" t="s">
        <v>3816</v>
      </c>
      <c r="IOO17" s="916" t="s">
        <v>3816</v>
      </c>
      <c r="IOP17" s="916" t="s">
        <v>3816</v>
      </c>
      <c r="IOQ17" s="916" t="s">
        <v>3816</v>
      </c>
      <c r="IOR17" s="916" t="s">
        <v>3816</v>
      </c>
      <c r="IOS17" s="916" t="s">
        <v>3816</v>
      </c>
      <c r="IOT17" s="916" t="s">
        <v>3816</v>
      </c>
      <c r="IOU17" s="916" t="s">
        <v>3816</v>
      </c>
      <c r="IOV17" s="916" t="s">
        <v>3816</v>
      </c>
      <c r="IOW17" s="916" t="s">
        <v>3816</v>
      </c>
      <c r="IOX17" s="916" t="s">
        <v>3816</v>
      </c>
      <c r="IOY17" s="916" t="s">
        <v>3816</v>
      </c>
      <c r="IOZ17" s="916" t="s">
        <v>3816</v>
      </c>
      <c r="IPA17" s="916" t="s">
        <v>3816</v>
      </c>
      <c r="IPB17" s="916" t="s">
        <v>3816</v>
      </c>
      <c r="IPC17" s="916" t="s">
        <v>3816</v>
      </c>
      <c r="IPD17" s="916" t="s">
        <v>3816</v>
      </c>
      <c r="IPE17" s="916" t="s">
        <v>3816</v>
      </c>
      <c r="IPF17" s="916" t="s">
        <v>3816</v>
      </c>
      <c r="IPG17" s="916" t="s">
        <v>3816</v>
      </c>
      <c r="IPH17" s="916" t="s">
        <v>3816</v>
      </c>
      <c r="IPI17" s="916" t="s">
        <v>3816</v>
      </c>
      <c r="IPJ17" s="916" t="s">
        <v>3816</v>
      </c>
      <c r="IPK17" s="916" t="s">
        <v>3816</v>
      </c>
      <c r="IPL17" s="916" t="s">
        <v>3816</v>
      </c>
      <c r="IPM17" s="916" t="s">
        <v>3816</v>
      </c>
      <c r="IPN17" s="916" t="s">
        <v>3816</v>
      </c>
      <c r="IPO17" s="916" t="s">
        <v>3816</v>
      </c>
      <c r="IPP17" s="916" t="s">
        <v>3816</v>
      </c>
      <c r="IPQ17" s="916" t="s">
        <v>3816</v>
      </c>
      <c r="IPR17" s="916" t="s">
        <v>3816</v>
      </c>
      <c r="IPS17" s="916" t="s">
        <v>3816</v>
      </c>
      <c r="IPT17" s="916" t="s">
        <v>3816</v>
      </c>
      <c r="IPU17" s="916" t="s">
        <v>3816</v>
      </c>
      <c r="IPV17" s="916" t="s">
        <v>3816</v>
      </c>
      <c r="IPW17" s="916" t="s">
        <v>3816</v>
      </c>
      <c r="IPX17" s="916" t="s">
        <v>3816</v>
      </c>
      <c r="IPY17" s="916" t="s">
        <v>3816</v>
      </c>
      <c r="IPZ17" s="916" t="s">
        <v>3816</v>
      </c>
      <c r="IQA17" s="916" t="s">
        <v>3816</v>
      </c>
      <c r="IQB17" s="916" t="s">
        <v>3816</v>
      </c>
      <c r="IQC17" s="916" t="s">
        <v>3816</v>
      </c>
      <c r="IQD17" s="916" t="s">
        <v>3816</v>
      </c>
      <c r="IQE17" s="916" t="s">
        <v>3816</v>
      </c>
      <c r="IQF17" s="916" t="s">
        <v>3816</v>
      </c>
      <c r="IQG17" s="916" t="s">
        <v>3816</v>
      </c>
      <c r="IQH17" s="916" t="s">
        <v>3816</v>
      </c>
      <c r="IQI17" s="916" t="s">
        <v>3816</v>
      </c>
      <c r="IQJ17" s="916" t="s">
        <v>3816</v>
      </c>
      <c r="IQK17" s="916" t="s">
        <v>3816</v>
      </c>
      <c r="IQL17" s="916" t="s">
        <v>3816</v>
      </c>
      <c r="IQM17" s="916" t="s">
        <v>3816</v>
      </c>
      <c r="IQN17" s="916" t="s">
        <v>3816</v>
      </c>
      <c r="IQO17" s="916" t="s">
        <v>3816</v>
      </c>
      <c r="IQP17" s="916" t="s">
        <v>3816</v>
      </c>
      <c r="IQQ17" s="916" t="s">
        <v>3816</v>
      </c>
      <c r="IQR17" s="916" t="s">
        <v>3816</v>
      </c>
      <c r="IQS17" s="916" t="s">
        <v>3816</v>
      </c>
      <c r="IQT17" s="916" t="s">
        <v>3816</v>
      </c>
      <c r="IQU17" s="916" t="s">
        <v>3816</v>
      </c>
      <c r="IQV17" s="916" t="s">
        <v>3816</v>
      </c>
      <c r="IQW17" s="916" t="s">
        <v>3816</v>
      </c>
      <c r="IQX17" s="916" t="s">
        <v>3816</v>
      </c>
      <c r="IQY17" s="916" t="s">
        <v>3816</v>
      </c>
      <c r="IQZ17" s="916" t="s">
        <v>3816</v>
      </c>
      <c r="IRA17" s="916" t="s">
        <v>3816</v>
      </c>
      <c r="IRB17" s="916" t="s">
        <v>3816</v>
      </c>
      <c r="IRC17" s="916" t="s">
        <v>3816</v>
      </c>
      <c r="IRD17" s="916" t="s">
        <v>3816</v>
      </c>
      <c r="IRE17" s="916" t="s">
        <v>3816</v>
      </c>
      <c r="IRF17" s="916" t="s">
        <v>3816</v>
      </c>
      <c r="IRG17" s="916" t="s">
        <v>3816</v>
      </c>
      <c r="IRH17" s="916" t="s">
        <v>3816</v>
      </c>
      <c r="IRI17" s="916" t="s">
        <v>3816</v>
      </c>
      <c r="IRJ17" s="916" t="s">
        <v>3816</v>
      </c>
      <c r="IRK17" s="916" t="s">
        <v>3816</v>
      </c>
      <c r="IRL17" s="916" t="s">
        <v>3816</v>
      </c>
      <c r="IRM17" s="916" t="s">
        <v>3816</v>
      </c>
      <c r="IRN17" s="916" t="s">
        <v>3816</v>
      </c>
      <c r="IRO17" s="916" t="s">
        <v>3816</v>
      </c>
      <c r="IRP17" s="916" t="s">
        <v>3816</v>
      </c>
      <c r="IRQ17" s="916" t="s">
        <v>3816</v>
      </c>
      <c r="IRR17" s="916" t="s">
        <v>3816</v>
      </c>
      <c r="IRS17" s="916" t="s">
        <v>3816</v>
      </c>
      <c r="IRT17" s="916" t="s">
        <v>3816</v>
      </c>
      <c r="IRU17" s="916" t="s">
        <v>3816</v>
      </c>
      <c r="IRV17" s="916" t="s">
        <v>3816</v>
      </c>
      <c r="IRW17" s="916" t="s">
        <v>3816</v>
      </c>
      <c r="IRX17" s="916" t="s">
        <v>3816</v>
      </c>
      <c r="IRY17" s="916" t="s">
        <v>3816</v>
      </c>
      <c r="IRZ17" s="916" t="s">
        <v>3816</v>
      </c>
      <c r="ISA17" s="916" t="s">
        <v>3816</v>
      </c>
      <c r="ISB17" s="916" t="s">
        <v>3816</v>
      </c>
      <c r="ISC17" s="916" t="s">
        <v>3816</v>
      </c>
      <c r="ISD17" s="916" t="s">
        <v>3816</v>
      </c>
      <c r="ISE17" s="916" t="s">
        <v>3816</v>
      </c>
      <c r="ISF17" s="916" t="s">
        <v>3816</v>
      </c>
      <c r="ISG17" s="916" t="s">
        <v>3816</v>
      </c>
      <c r="ISH17" s="916" t="s">
        <v>3816</v>
      </c>
      <c r="ISI17" s="916" t="s">
        <v>3816</v>
      </c>
      <c r="ISJ17" s="916" t="s">
        <v>3816</v>
      </c>
      <c r="ISK17" s="916" t="s">
        <v>3816</v>
      </c>
      <c r="ISL17" s="916" t="s">
        <v>3816</v>
      </c>
      <c r="ISM17" s="916" t="s">
        <v>3816</v>
      </c>
      <c r="ISN17" s="916" t="s">
        <v>3816</v>
      </c>
      <c r="ISO17" s="916" t="s">
        <v>3816</v>
      </c>
      <c r="ISP17" s="916" t="s">
        <v>3816</v>
      </c>
      <c r="ISQ17" s="916" t="s">
        <v>3816</v>
      </c>
      <c r="ISR17" s="916" t="s">
        <v>3816</v>
      </c>
      <c r="ISS17" s="916" t="s">
        <v>3816</v>
      </c>
      <c r="IST17" s="916" t="s">
        <v>3816</v>
      </c>
      <c r="ISU17" s="916" t="s">
        <v>3816</v>
      </c>
      <c r="ISV17" s="916" t="s">
        <v>3816</v>
      </c>
      <c r="ISW17" s="916" t="s">
        <v>3816</v>
      </c>
      <c r="ISX17" s="916" t="s">
        <v>3816</v>
      </c>
      <c r="ISY17" s="916" t="s">
        <v>3816</v>
      </c>
      <c r="ISZ17" s="916" t="s">
        <v>3816</v>
      </c>
      <c r="ITA17" s="916" t="s">
        <v>3816</v>
      </c>
      <c r="ITB17" s="916" t="s">
        <v>3816</v>
      </c>
      <c r="ITC17" s="916" t="s">
        <v>3816</v>
      </c>
      <c r="ITD17" s="916" t="s">
        <v>3816</v>
      </c>
      <c r="ITE17" s="916" t="s">
        <v>3816</v>
      </c>
      <c r="ITF17" s="916" t="s">
        <v>3816</v>
      </c>
      <c r="ITG17" s="916" t="s">
        <v>3816</v>
      </c>
      <c r="ITH17" s="916" t="s">
        <v>3816</v>
      </c>
      <c r="ITI17" s="916" t="s">
        <v>3816</v>
      </c>
      <c r="ITJ17" s="916" t="s">
        <v>3816</v>
      </c>
      <c r="ITK17" s="916" t="s">
        <v>3816</v>
      </c>
      <c r="ITL17" s="916" t="s">
        <v>3816</v>
      </c>
      <c r="ITM17" s="916" t="s">
        <v>3816</v>
      </c>
      <c r="ITN17" s="916" t="s">
        <v>3816</v>
      </c>
      <c r="ITO17" s="916" t="s">
        <v>3816</v>
      </c>
      <c r="ITP17" s="916" t="s">
        <v>3816</v>
      </c>
      <c r="ITQ17" s="916" t="s">
        <v>3816</v>
      </c>
      <c r="ITR17" s="916" t="s">
        <v>3816</v>
      </c>
      <c r="ITS17" s="916" t="s">
        <v>3816</v>
      </c>
      <c r="ITT17" s="916" t="s">
        <v>3816</v>
      </c>
      <c r="ITU17" s="916" t="s">
        <v>3816</v>
      </c>
      <c r="ITV17" s="916" t="s">
        <v>3816</v>
      </c>
      <c r="ITW17" s="916" t="s">
        <v>3816</v>
      </c>
      <c r="ITX17" s="916" t="s">
        <v>3816</v>
      </c>
      <c r="ITY17" s="916" t="s">
        <v>3816</v>
      </c>
      <c r="ITZ17" s="916" t="s">
        <v>3816</v>
      </c>
      <c r="IUA17" s="916" t="s">
        <v>3816</v>
      </c>
      <c r="IUB17" s="916" t="s">
        <v>3816</v>
      </c>
      <c r="IUC17" s="916" t="s">
        <v>3816</v>
      </c>
      <c r="IUD17" s="916" t="s">
        <v>3816</v>
      </c>
      <c r="IUE17" s="916" t="s">
        <v>3816</v>
      </c>
      <c r="IUF17" s="916" t="s">
        <v>3816</v>
      </c>
      <c r="IUG17" s="916" t="s">
        <v>3816</v>
      </c>
      <c r="IUH17" s="916" t="s">
        <v>3816</v>
      </c>
      <c r="IUI17" s="916" t="s">
        <v>3816</v>
      </c>
      <c r="IUJ17" s="916" t="s">
        <v>3816</v>
      </c>
      <c r="IUK17" s="916" t="s">
        <v>3816</v>
      </c>
      <c r="IUL17" s="916" t="s">
        <v>3816</v>
      </c>
      <c r="IUM17" s="916" t="s">
        <v>3816</v>
      </c>
      <c r="IUN17" s="916" t="s">
        <v>3816</v>
      </c>
      <c r="IUO17" s="916" t="s">
        <v>3816</v>
      </c>
      <c r="IUP17" s="916" t="s">
        <v>3816</v>
      </c>
      <c r="IUQ17" s="916" t="s">
        <v>3816</v>
      </c>
      <c r="IUR17" s="916" t="s">
        <v>3816</v>
      </c>
      <c r="IUS17" s="916" t="s">
        <v>3816</v>
      </c>
      <c r="IUT17" s="916" t="s">
        <v>3816</v>
      </c>
      <c r="IUU17" s="916" t="s">
        <v>3816</v>
      </c>
      <c r="IUV17" s="916" t="s">
        <v>3816</v>
      </c>
      <c r="IUW17" s="916" t="s">
        <v>3816</v>
      </c>
      <c r="IUX17" s="916" t="s">
        <v>3816</v>
      </c>
      <c r="IUY17" s="916" t="s">
        <v>3816</v>
      </c>
      <c r="IUZ17" s="916" t="s">
        <v>3816</v>
      </c>
      <c r="IVA17" s="916" t="s">
        <v>3816</v>
      </c>
      <c r="IVB17" s="916" t="s">
        <v>3816</v>
      </c>
      <c r="IVC17" s="916" t="s">
        <v>3816</v>
      </c>
      <c r="IVD17" s="916" t="s">
        <v>3816</v>
      </c>
      <c r="IVE17" s="916" t="s">
        <v>3816</v>
      </c>
      <c r="IVF17" s="916" t="s">
        <v>3816</v>
      </c>
      <c r="IVG17" s="916" t="s">
        <v>3816</v>
      </c>
      <c r="IVH17" s="916" t="s">
        <v>3816</v>
      </c>
      <c r="IVI17" s="916" t="s">
        <v>3816</v>
      </c>
      <c r="IVJ17" s="916" t="s">
        <v>3816</v>
      </c>
      <c r="IVK17" s="916" t="s">
        <v>3816</v>
      </c>
      <c r="IVL17" s="916" t="s">
        <v>3816</v>
      </c>
      <c r="IVM17" s="916" t="s">
        <v>3816</v>
      </c>
      <c r="IVN17" s="916" t="s">
        <v>3816</v>
      </c>
      <c r="IVO17" s="916" t="s">
        <v>3816</v>
      </c>
      <c r="IVP17" s="916" t="s">
        <v>3816</v>
      </c>
      <c r="IVQ17" s="916" t="s">
        <v>3816</v>
      </c>
      <c r="IVR17" s="916" t="s">
        <v>3816</v>
      </c>
      <c r="IVS17" s="916" t="s">
        <v>3816</v>
      </c>
      <c r="IVT17" s="916" t="s">
        <v>3816</v>
      </c>
      <c r="IVU17" s="916" t="s">
        <v>3816</v>
      </c>
      <c r="IVV17" s="916" t="s">
        <v>3816</v>
      </c>
      <c r="IVW17" s="916" t="s">
        <v>3816</v>
      </c>
      <c r="IVX17" s="916" t="s">
        <v>3816</v>
      </c>
      <c r="IVY17" s="916" t="s">
        <v>3816</v>
      </c>
      <c r="IVZ17" s="916" t="s">
        <v>3816</v>
      </c>
      <c r="IWA17" s="916" t="s">
        <v>3816</v>
      </c>
      <c r="IWB17" s="916" t="s">
        <v>3816</v>
      </c>
      <c r="IWC17" s="916" t="s">
        <v>3816</v>
      </c>
      <c r="IWD17" s="916" t="s">
        <v>3816</v>
      </c>
      <c r="IWE17" s="916" t="s">
        <v>3816</v>
      </c>
      <c r="IWF17" s="916" t="s">
        <v>3816</v>
      </c>
      <c r="IWG17" s="916" t="s">
        <v>3816</v>
      </c>
      <c r="IWH17" s="916" t="s">
        <v>3816</v>
      </c>
      <c r="IWI17" s="916" t="s">
        <v>3816</v>
      </c>
      <c r="IWJ17" s="916" t="s">
        <v>3816</v>
      </c>
      <c r="IWK17" s="916" t="s">
        <v>3816</v>
      </c>
      <c r="IWL17" s="916" t="s">
        <v>3816</v>
      </c>
      <c r="IWM17" s="916" t="s">
        <v>3816</v>
      </c>
      <c r="IWN17" s="916" t="s">
        <v>3816</v>
      </c>
      <c r="IWO17" s="916" t="s">
        <v>3816</v>
      </c>
      <c r="IWP17" s="916" t="s">
        <v>3816</v>
      </c>
      <c r="IWQ17" s="916" t="s">
        <v>3816</v>
      </c>
      <c r="IWR17" s="916" t="s">
        <v>3816</v>
      </c>
      <c r="IWS17" s="916" t="s">
        <v>3816</v>
      </c>
      <c r="IWT17" s="916" t="s">
        <v>3816</v>
      </c>
      <c r="IWU17" s="916" t="s">
        <v>3816</v>
      </c>
      <c r="IWV17" s="916" t="s">
        <v>3816</v>
      </c>
      <c r="IWW17" s="916" t="s">
        <v>3816</v>
      </c>
      <c r="IWX17" s="916" t="s">
        <v>3816</v>
      </c>
      <c r="IWY17" s="916" t="s">
        <v>3816</v>
      </c>
      <c r="IWZ17" s="916" t="s">
        <v>3816</v>
      </c>
      <c r="IXA17" s="916" t="s">
        <v>3816</v>
      </c>
      <c r="IXB17" s="916" t="s">
        <v>3816</v>
      </c>
      <c r="IXC17" s="916" t="s">
        <v>3816</v>
      </c>
      <c r="IXD17" s="916" t="s">
        <v>3816</v>
      </c>
      <c r="IXE17" s="916" t="s">
        <v>3816</v>
      </c>
      <c r="IXF17" s="916" t="s">
        <v>3816</v>
      </c>
      <c r="IXG17" s="916" t="s">
        <v>3816</v>
      </c>
      <c r="IXH17" s="916" t="s">
        <v>3816</v>
      </c>
      <c r="IXI17" s="916" t="s">
        <v>3816</v>
      </c>
      <c r="IXJ17" s="916" t="s">
        <v>3816</v>
      </c>
      <c r="IXK17" s="916" t="s">
        <v>3816</v>
      </c>
      <c r="IXL17" s="916" t="s">
        <v>3816</v>
      </c>
      <c r="IXM17" s="916" t="s">
        <v>3816</v>
      </c>
      <c r="IXN17" s="916" t="s">
        <v>3816</v>
      </c>
      <c r="IXO17" s="916" t="s">
        <v>3816</v>
      </c>
      <c r="IXP17" s="916" t="s">
        <v>3816</v>
      </c>
      <c r="IXQ17" s="916" t="s">
        <v>3816</v>
      </c>
      <c r="IXR17" s="916" t="s">
        <v>3816</v>
      </c>
      <c r="IXS17" s="916" t="s">
        <v>3816</v>
      </c>
      <c r="IXT17" s="916" t="s">
        <v>3816</v>
      </c>
      <c r="IXU17" s="916" t="s">
        <v>3816</v>
      </c>
      <c r="IXV17" s="916" t="s">
        <v>3816</v>
      </c>
      <c r="IXW17" s="916" t="s">
        <v>3816</v>
      </c>
      <c r="IXX17" s="916" t="s">
        <v>3816</v>
      </c>
      <c r="IXY17" s="916" t="s">
        <v>3816</v>
      </c>
      <c r="IXZ17" s="916" t="s">
        <v>3816</v>
      </c>
      <c r="IYA17" s="916" t="s">
        <v>3816</v>
      </c>
      <c r="IYB17" s="916" t="s">
        <v>3816</v>
      </c>
      <c r="IYC17" s="916" t="s">
        <v>3816</v>
      </c>
      <c r="IYD17" s="916" t="s">
        <v>3816</v>
      </c>
      <c r="IYE17" s="916" t="s">
        <v>3816</v>
      </c>
      <c r="IYF17" s="916" t="s">
        <v>3816</v>
      </c>
      <c r="IYG17" s="916" t="s">
        <v>3816</v>
      </c>
      <c r="IYH17" s="916" t="s">
        <v>3816</v>
      </c>
      <c r="IYI17" s="916" t="s">
        <v>3816</v>
      </c>
      <c r="IYJ17" s="916" t="s">
        <v>3816</v>
      </c>
      <c r="IYK17" s="916" t="s">
        <v>3816</v>
      </c>
      <c r="IYL17" s="916" t="s">
        <v>3816</v>
      </c>
      <c r="IYM17" s="916" t="s">
        <v>3816</v>
      </c>
      <c r="IYN17" s="916" t="s">
        <v>3816</v>
      </c>
      <c r="IYO17" s="916" t="s">
        <v>3816</v>
      </c>
      <c r="IYP17" s="916" t="s">
        <v>3816</v>
      </c>
      <c r="IYQ17" s="916" t="s">
        <v>3816</v>
      </c>
      <c r="IYR17" s="916" t="s">
        <v>3816</v>
      </c>
      <c r="IYS17" s="916" t="s">
        <v>3816</v>
      </c>
      <c r="IYT17" s="916" t="s">
        <v>3816</v>
      </c>
      <c r="IYU17" s="916" t="s">
        <v>3816</v>
      </c>
      <c r="IYV17" s="916" t="s">
        <v>3816</v>
      </c>
      <c r="IYW17" s="916" t="s">
        <v>3816</v>
      </c>
      <c r="IYX17" s="916" t="s">
        <v>3816</v>
      </c>
      <c r="IYY17" s="916" t="s">
        <v>3816</v>
      </c>
      <c r="IYZ17" s="916" t="s">
        <v>3816</v>
      </c>
      <c r="IZA17" s="916" t="s">
        <v>3816</v>
      </c>
      <c r="IZB17" s="916" t="s">
        <v>3816</v>
      </c>
      <c r="IZC17" s="916" t="s">
        <v>3816</v>
      </c>
      <c r="IZD17" s="916" t="s">
        <v>3816</v>
      </c>
      <c r="IZE17" s="916" t="s">
        <v>3816</v>
      </c>
      <c r="IZF17" s="916" t="s">
        <v>3816</v>
      </c>
      <c r="IZG17" s="916" t="s">
        <v>3816</v>
      </c>
      <c r="IZH17" s="916" t="s">
        <v>3816</v>
      </c>
      <c r="IZI17" s="916" t="s">
        <v>3816</v>
      </c>
      <c r="IZJ17" s="916" t="s">
        <v>3816</v>
      </c>
      <c r="IZK17" s="916" t="s">
        <v>3816</v>
      </c>
      <c r="IZL17" s="916" t="s">
        <v>3816</v>
      </c>
      <c r="IZM17" s="916" t="s">
        <v>3816</v>
      </c>
      <c r="IZN17" s="916" t="s">
        <v>3816</v>
      </c>
      <c r="IZO17" s="916" t="s">
        <v>3816</v>
      </c>
      <c r="IZP17" s="916" t="s">
        <v>3816</v>
      </c>
      <c r="IZQ17" s="916" t="s">
        <v>3816</v>
      </c>
      <c r="IZR17" s="916" t="s">
        <v>3816</v>
      </c>
      <c r="IZS17" s="916" t="s">
        <v>3816</v>
      </c>
      <c r="IZT17" s="916" t="s">
        <v>3816</v>
      </c>
      <c r="IZU17" s="916" t="s">
        <v>3816</v>
      </c>
      <c r="IZV17" s="916" t="s">
        <v>3816</v>
      </c>
      <c r="IZW17" s="916" t="s">
        <v>3816</v>
      </c>
      <c r="IZX17" s="916" t="s">
        <v>3816</v>
      </c>
      <c r="IZY17" s="916" t="s">
        <v>3816</v>
      </c>
      <c r="IZZ17" s="916" t="s">
        <v>3816</v>
      </c>
      <c r="JAA17" s="916" t="s">
        <v>3816</v>
      </c>
      <c r="JAB17" s="916" t="s">
        <v>3816</v>
      </c>
      <c r="JAC17" s="916" t="s">
        <v>3816</v>
      </c>
      <c r="JAD17" s="916" t="s">
        <v>3816</v>
      </c>
      <c r="JAE17" s="916" t="s">
        <v>3816</v>
      </c>
      <c r="JAF17" s="916" t="s">
        <v>3816</v>
      </c>
      <c r="JAG17" s="916" t="s">
        <v>3816</v>
      </c>
      <c r="JAH17" s="916" t="s">
        <v>3816</v>
      </c>
      <c r="JAI17" s="916" t="s">
        <v>3816</v>
      </c>
      <c r="JAJ17" s="916" t="s">
        <v>3816</v>
      </c>
      <c r="JAK17" s="916" t="s">
        <v>3816</v>
      </c>
      <c r="JAL17" s="916" t="s">
        <v>3816</v>
      </c>
      <c r="JAM17" s="916" t="s">
        <v>3816</v>
      </c>
      <c r="JAN17" s="916" t="s">
        <v>3816</v>
      </c>
      <c r="JAO17" s="916" t="s">
        <v>3816</v>
      </c>
      <c r="JAP17" s="916" t="s">
        <v>3816</v>
      </c>
      <c r="JAQ17" s="916" t="s">
        <v>3816</v>
      </c>
      <c r="JAR17" s="916" t="s">
        <v>3816</v>
      </c>
      <c r="JAS17" s="916" t="s">
        <v>3816</v>
      </c>
      <c r="JAT17" s="916" t="s">
        <v>3816</v>
      </c>
      <c r="JAU17" s="916" t="s">
        <v>3816</v>
      </c>
      <c r="JAV17" s="916" t="s">
        <v>3816</v>
      </c>
      <c r="JAW17" s="916" t="s">
        <v>3816</v>
      </c>
      <c r="JAX17" s="916" t="s">
        <v>3816</v>
      </c>
      <c r="JAY17" s="916" t="s">
        <v>3816</v>
      </c>
      <c r="JAZ17" s="916" t="s">
        <v>3816</v>
      </c>
      <c r="JBA17" s="916" t="s">
        <v>3816</v>
      </c>
      <c r="JBB17" s="916" t="s">
        <v>3816</v>
      </c>
      <c r="JBC17" s="916" t="s">
        <v>3816</v>
      </c>
      <c r="JBD17" s="916" t="s">
        <v>3816</v>
      </c>
      <c r="JBE17" s="916" t="s">
        <v>3816</v>
      </c>
      <c r="JBF17" s="916" t="s">
        <v>3816</v>
      </c>
      <c r="JBG17" s="916" t="s">
        <v>3816</v>
      </c>
      <c r="JBH17" s="916" t="s">
        <v>3816</v>
      </c>
      <c r="JBI17" s="916" t="s">
        <v>3816</v>
      </c>
      <c r="JBJ17" s="916" t="s">
        <v>3816</v>
      </c>
      <c r="JBK17" s="916" t="s">
        <v>3816</v>
      </c>
      <c r="JBL17" s="916" t="s">
        <v>3816</v>
      </c>
      <c r="JBM17" s="916" t="s">
        <v>3816</v>
      </c>
      <c r="JBN17" s="916" t="s">
        <v>3816</v>
      </c>
      <c r="JBO17" s="916" t="s">
        <v>3816</v>
      </c>
      <c r="JBP17" s="916" t="s">
        <v>3816</v>
      </c>
      <c r="JBQ17" s="916" t="s">
        <v>3816</v>
      </c>
      <c r="JBR17" s="916" t="s">
        <v>3816</v>
      </c>
      <c r="JBS17" s="916" t="s">
        <v>3816</v>
      </c>
      <c r="JBT17" s="916" t="s">
        <v>3816</v>
      </c>
      <c r="JBU17" s="916" t="s">
        <v>3816</v>
      </c>
      <c r="JBV17" s="916" t="s">
        <v>3816</v>
      </c>
      <c r="JBW17" s="916" t="s">
        <v>3816</v>
      </c>
      <c r="JBX17" s="916" t="s">
        <v>3816</v>
      </c>
      <c r="JBY17" s="916" t="s">
        <v>3816</v>
      </c>
      <c r="JBZ17" s="916" t="s">
        <v>3816</v>
      </c>
      <c r="JCA17" s="916" t="s">
        <v>3816</v>
      </c>
      <c r="JCB17" s="916" t="s">
        <v>3816</v>
      </c>
      <c r="JCC17" s="916" t="s">
        <v>3816</v>
      </c>
      <c r="JCD17" s="916" t="s">
        <v>3816</v>
      </c>
      <c r="JCE17" s="916" t="s">
        <v>3816</v>
      </c>
      <c r="JCF17" s="916" t="s">
        <v>3816</v>
      </c>
      <c r="JCG17" s="916" t="s">
        <v>3816</v>
      </c>
      <c r="JCH17" s="916" t="s">
        <v>3816</v>
      </c>
      <c r="JCI17" s="916" t="s">
        <v>3816</v>
      </c>
      <c r="JCJ17" s="916" t="s">
        <v>3816</v>
      </c>
      <c r="JCK17" s="916" t="s">
        <v>3816</v>
      </c>
      <c r="JCL17" s="916" t="s">
        <v>3816</v>
      </c>
      <c r="JCM17" s="916" t="s">
        <v>3816</v>
      </c>
      <c r="JCN17" s="916" t="s">
        <v>3816</v>
      </c>
      <c r="JCO17" s="916" t="s">
        <v>3816</v>
      </c>
      <c r="JCP17" s="916" t="s">
        <v>3816</v>
      </c>
      <c r="JCQ17" s="916" t="s">
        <v>3816</v>
      </c>
      <c r="JCR17" s="916" t="s">
        <v>3816</v>
      </c>
      <c r="JCS17" s="916" t="s">
        <v>3816</v>
      </c>
      <c r="JCT17" s="916" t="s">
        <v>3816</v>
      </c>
      <c r="JCU17" s="916" t="s">
        <v>3816</v>
      </c>
      <c r="JCV17" s="916" t="s">
        <v>3816</v>
      </c>
      <c r="JCW17" s="916" t="s">
        <v>3816</v>
      </c>
      <c r="JCX17" s="916" t="s">
        <v>3816</v>
      </c>
      <c r="JCY17" s="916" t="s">
        <v>3816</v>
      </c>
      <c r="JCZ17" s="916" t="s">
        <v>3816</v>
      </c>
      <c r="JDA17" s="916" t="s">
        <v>3816</v>
      </c>
      <c r="JDB17" s="916" t="s">
        <v>3816</v>
      </c>
      <c r="JDC17" s="916" t="s">
        <v>3816</v>
      </c>
      <c r="JDD17" s="916" t="s">
        <v>3816</v>
      </c>
      <c r="JDE17" s="916" t="s">
        <v>3816</v>
      </c>
      <c r="JDF17" s="916" t="s">
        <v>3816</v>
      </c>
      <c r="JDG17" s="916" t="s">
        <v>3816</v>
      </c>
      <c r="JDH17" s="916" t="s">
        <v>3816</v>
      </c>
      <c r="JDI17" s="916" t="s">
        <v>3816</v>
      </c>
      <c r="JDJ17" s="916" t="s">
        <v>3816</v>
      </c>
      <c r="JDK17" s="916" t="s">
        <v>3816</v>
      </c>
      <c r="JDL17" s="916" t="s">
        <v>3816</v>
      </c>
      <c r="JDM17" s="916" t="s">
        <v>3816</v>
      </c>
      <c r="JDN17" s="916" t="s">
        <v>3816</v>
      </c>
      <c r="JDO17" s="916" t="s">
        <v>3816</v>
      </c>
      <c r="JDP17" s="916" t="s">
        <v>3816</v>
      </c>
      <c r="JDQ17" s="916" t="s">
        <v>3816</v>
      </c>
      <c r="JDR17" s="916" t="s">
        <v>3816</v>
      </c>
      <c r="JDS17" s="916" t="s">
        <v>3816</v>
      </c>
      <c r="JDT17" s="916" t="s">
        <v>3816</v>
      </c>
      <c r="JDU17" s="916" t="s">
        <v>3816</v>
      </c>
      <c r="JDV17" s="916" t="s">
        <v>3816</v>
      </c>
      <c r="JDW17" s="916" t="s">
        <v>3816</v>
      </c>
      <c r="JDX17" s="916" t="s">
        <v>3816</v>
      </c>
      <c r="JDY17" s="916" t="s">
        <v>3816</v>
      </c>
      <c r="JDZ17" s="916" t="s">
        <v>3816</v>
      </c>
      <c r="JEA17" s="916" t="s">
        <v>3816</v>
      </c>
      <c r="JEB17" s="916" t="s">
        <v>3816</v>
      </c>
      <c r="JEC17" s="916" t="s">
        <v>3816</v>
      </c>
      <c r="JED17" s="916" t="s">
        <v>3816</v>
      </c>
      <c r="JEE17" s="916" t="s">
        <v>3816</v>
      </c>
      <c r="JEF17" s="916" t="s">
        <v>3816</v>
      </c>
      <c r="JEG17" s="916" t="s">
        <v>3816</v>
      </c>
      <c r="JEH17" s="916" t="s">
        <v>3816</v>
      </c>
      <c r="JEI17" s="916" t="s">
        <v>3816</v>
      </c>
      <c r="JEJ17" s="916" t="s">
        <v>3816</v>
      </c>
      <c r="JEK17" s="916" t="s">
        <v>3816</v>
      </c>
      <c r="JEL17" s="916" t="s">
        <v>3816</v>
      </c>
      <c r="JEM17" s="916" t="s">
        <v>3816</v>
      </c>
      <c r="JEN17" s="916" t="s">
        <v>3816</v>
      </c>
      <c r="JEO17" s="916" t="s">
        <v>3816</v>
      </c>
      <c r="JEP17" s="916" t="s">
        <v>3816</v>
      </c>
      <c r="JEQ17" s="916" t="s">
        <v>3816</v>
      </c>
      <c r="JER17" s="916" t="s">
        <v>3816</v>
      </c>
      <c r="JES17" s="916" t="s">
        <v>3816</v>
      </c>
      <c r="JET17" s="916" t="s">
        <v>3816</v>
      </c>
      <c r="JEU17" s="916" t="s">
        <v>3816</v>
      </c>
      <c r="JEV17" s="916" t="s">
        <v>3816</v>
      </c>
      <c r="JEW17" s="916" t="s">
        <v>3816</v>
      </c>
      <c r="JEX17" s="916" t="s">
        <v>3816</v>
      </c>
      <c r="JEY17" s="916" t="s">
        <v>3816</v>
      </c>
      <c r="JEZ17" s="916" t="s">
        <v>3816</v>
      </c>
      <c r="JFA17" s="916" t="s">
        <v>3816</v>
      </c>
      <c r="JFB17" s="916" t="s">
        <v>3816</v>
      </c>
      <c r="JFC17" s="916" t="s">
        <v>3816</v>
      </c>
      <c r="JFD17" s="916" t="s">
        <v>3816</v>
      </c>
      <c r="JFE17" s="916" t="s">
        <v>3816</v>
      </c>
      <c r="JFF17" s="916" t="s">
        <v>3816</v>
      </c>
      <c r="JFG17" s="916" t="s">
        <v>3816</v>
      </c>
      <c r="JFH17" s="916" t="s">
        <v>3816</v>
      </c>
      <c r="JFI17" s="916" t="s">
        <v>3816</v>
      </c>
      <c r="JFJ17" s="916" t="s">
        <v>3816</v>
      </c>
      <c r="JFK17" s="916" t="s">
        <v>3816</v>
      </c>
      <c r="JFL17" s="916" t="s">
        <v>3816</v>
      </c>
      <c r="JFM17" s="916" t="s">
        <v>3816</v>
      </c>
      <c r="JFN17" s="916" t="s">
        <v>3816</v>
      </c>
      <c r="JFO17" s="916" t="s">
        <v>3816</v>
      </c>
      <c r="JFP17" s="916" t="s">
        <v>3816</v>
      </c>
      <c r="JFQ17" s="916" t="s">
        <v>3816</v>
      </c>
      <c r="JFR17" s="916" t="s">
        <v>3816</v>
      </c>
      <c r="JFS17" s="916" t="s">
        <v>3816</v>
      </c>
      <c r="JFT17" s="916" t="s">
        <v>3816</v>
      </c>
      <c r="JFU17" s="916" t="s">
        <v>3816</v>
      </c>
      <c r="JFV17" s="916" t="s">
        <v>3816</v>
      </c>
      <c r="JFW17" s="916" t="s">
        <v>3816</v>
      </c>
      <c r="JFX17" s="916" t="s">
        <v>3816</v>
      </c>
      <c r="JFY17" s="916" t="s">
        <v>3816</v>
      </c>
      <c r="JFZ17" s="916" t="s">
        <v>3816</v>
      </c>
      <c r="JGA17" s="916" t="s">
        <v>3816</v>
      </c>
      <c r="JGB17" s="916" t="s">
        <v>3816</v>
      </c>
      <c r="JGC17" s="916" t="s">
        <v>3816</v>
      </c>
      <c r="JGD17" s="916" t="s">
        <v>3816</v>
      </c>
      <c r="JGE17" s="916" t="s">
        <v>3816</v>
      </c>
      <c r="JGF17" s="916" t="s">
        <v>3816</v>
      </c>
      <c r="JGG17" s="916" t="s">
        <v>3816</v>
      </c>
      <c r="JGH17" s="916" t="s">
        <v>3816</v>
      </c>
      <c r="JGI17" s="916" t="s">
        <v>3816</v>
      </c>
      <c r="JGJ17" s="916" t="s">
        <v>3816</v>
      </c>
      <c r="JGK17" s="916" t="s">
        <v>3816</v>
      </c>
      <c r="JGL17" s="916" t="s">
        <v>3816</v>
      </c>
      <c r="JGM17" s="916" t="s">
        <v>3816</v>
      </c>
      <c r="JGN17" s="916" t="s">
        <v>3816</v>
      </c>
      <c r="JGO17" s="916" t="s">
        <v>3816</v>
      </c>
      <c r="JGP17" s="916" t="s">
        <v>3816</v>
      </c>
      <c r="JGQ17" s="916" t="s">
        <v>3816</v>
      </c>
      <c r="JGR17" s="916" t="s">
        <v>3816</v>
      </c>
      <c r="JGS17" s="916" t="s">
        <v>3816</v>
      </c>
      <c r="JGT17" s="916" t="s">
        <v>3816</v>
      </c>
      <c r="JGU17" s="916" t="s">
        <v>3816</v>
      </c>
      <c r="JGV17" s="916" t="s">
        <v>3816</v>
      </c>
      <c r="JGW17" s="916" t="s">
        <v>3816</v>
      </c>
      <c r="JGX17" s="916" t="s">
        <v>3816</v>
      </c>
      <c r="JGY17" s="916" t="s">
        <v>3816</v>
      </c>
      <c r="JGZ17" s="916" t="s">
        <v>3816</v>
      </c>
      <c r="JHA17" s="916" t="s">
        <v>3816</v>
      </c>
      <c r="JHB17" s="916" t="s">
        <v>3816</v>
      </c>
      <c r="JHC17" s="916" t="s">
        <v>3816</v>
      </c>
      <c r="JHD17" s="916" t="s">
        <v>3816</v>
      </c>
      <c r="JHE17" s="916" t="s">
        <v>3816</v>
      </c>
      <c r="JHF17" s="916" t="s">
        <v>3816</v>
      </c>
      <c r="JHG17" s="916" t="s">
        <v>3816</v>
      </c>
      <c r="JHH17" s="916" t="s">
        <v>3816</v>
      </c>
      <c r="JHI17" s="916" t="s">
        <v>3816</v>
      </c>
      <c r="JHJ17" s="916" t="s">
        <v>3816</v>
      </c>
      <c r="JHK17" s="916" t="s">
        <v>3816</v>
      </c>
      <c r="JHL17" s="916" t="s">
        <v>3816</v>
      </c>
      <c r="JHM17" s="916" t="s">
        <v>3816</v>
      </c>
      <c r="JHN17" s="916" t="s">
        <v>3816</v>
      </c>
      <c r="JHO17" s="916" t="s">
        <v>3816</v>
      </c>
      <c r="JHP17" s="916" t="s">
        <v>3816</v>
      </c>
      <c r="JHQ17" s="916" t="s">
        <v>3816</v>
      </c>
      <c r="JHR17" s="916" t="s">
        <v>3816</v>
      </c>
      <c r="JHS17" s="916" t="s">
        <v>3816</v>
      </c>
      <c r="JHT17" s="916" t="s">
        <v>3816</v>
      </c>
      <c r="JHU17" s="916" t="s">
        <v>3816</v>
      </c>
      <c r="JHV17" s="916" t="s">
        <v>3816</v>
      </c>
      <c r="JHW17" s="916" t="s">
        <v>3816</v>
      </c>
      <c r="JHX17" s="916" t="s">
        <v>3816</v>
      </c>
      <c r="JHY17" s="916" t="s">
        <v>3816</v>
      </c>
      <c r="JHZ17" s="916" t="s">
        <v>3816</v>
      </c>
      <c r="JIA17" s="916" t="s">
        <v>3816</v>
      </c>
      <c r="JIB17" s="916" t="s">
        <v>3816</v>
      </c>
      <c r="JIC17" s="916" t="s">
        <v>3816</v>
      </c>
      <c r="JID17" s="916" t="s">
        <v>3816</v>
      </c>
      <c r="JIE17" s="916" t="s">
        <v>3816</v>
      </c>
      <c r="JIF17" s="916" t="s">
        <v>3816</v>
      </c>
      <c r="JIG17" s="916" t="s">
        <v>3816</v>
      </c>
      <c r="JIH17" s="916" t="s">
        <v>3816</v>
      </c>
      <c r="JII17" s="916" t="s">
        <v>3816</v>
      </c>
      <c r="JIJ17" s="916" t="s">
        <v>3816</v>
      </c>
      <c r="JIK17" s="916" t="s">
        <v>3816</v>
      </c>
      <c r="JIL17" s="916" t="s">
        <v>3816</v>
      </c>
      <c r="JIM17" s="916" t="s">
        <v>3816</v>
      </c>
      <c r="JIN17" s="916" t="s">
        <v>3816</v>
      </c>
      <c r="JIO17" s="916" t="s">
        <v>3816</v>
      </c>
      <c r="JIP17" s="916" t="s">
        <v>3816</v>
      </c>
      <c r="JIQ17" s="916" t="s">
        <v>3816</v>
      </c>
      <c r="JIR17" s="916" t="s">
        <v>3816</v>
      </c>
      <c r="JIS17" s="916" t="s">
        <v>3816</v>
      </c>
      <c r="JIT17" s="916" t="s">
        <v>3816</v>
      </c>
      <c r="JIU17" s="916" t="s">
        <v>3816</v>
      </c>
      <c r="JIV17" s="916" t="s">
        <v>3816</v>
      </c>
      <c r="JIW17" s="916" t="s">
        <v>3816</v>
      </c>
      <c r="JIX17" s="916" t="s">
        <v>3816</v>
      </c>
      <c r="JIY17" s="916" t="s">
        <v>3816</v>
      </c>
      <c r="JIZ17" s="916" t="s">
        <v>3816</v>
      </c>
      <c r="JJA17" s="916" t="s">
        <v>3816</v>
      </c>
      <c r="JJB17" s="916" t="s">
        <v>3816</v>
      </c>
      <c r="JJC17" s="916" t="s">
        <v>3816</v>
      </c>
      <c r="JJD17" s="916" t="s">
        <v>3816</v>
      </c>
      <c r="JJE17" s="916" t="s">
        <v>3816</v>
      </c>
      <c r="JJF17" s="916" t="s">
        <v>3816</v>
      </c>
      <c r="JJG17" s="916" t="s">
        <v>3816</v>
      </c>
      <c r="JJH17" s="916" t="s">
        <v>3816</v>
      </c>
      <c r="JJI17" s="916" t="s">
        <v>3816</v>
      </c>
      <c r="JJJ17" s="916" t="s">
        <v>3816</v>
      </c>
      <c r="JJK17" s="916" t="s">
        <v>3816</v>
      </c>
      <c r="JJL17" s="916" t="s">
        <v>3816</v>
      </c>
      <c r="JJM17" s="916" t="s">
        <v>3816</v>
      </c>
      <c r="JJN17" s="916" t="s">
        <v>3816</v>
      </c>
      <c r="JJO17" s="916" t="s">
        <v>3816</v>
      </c>
      <c r="JJP17" s="916" t="s">
        <v>3816</v>
      </c>
      <c r="JJQ17" s="916" t="s">
        <v>3816</v>
      </c>
      <c r="JJR17" s="916" t="s">
        <v>3816</v>
      </c>
      <c r="JJS17" s="916" t="s">
        <v>3816</v>
      </c>
      <c r="JJT17" s="916" t="s">
        <v>3816</v>
      </c>
      <c r="JJU17" s="916" t="s">
        <v>3816</v>
      </c>
      <c r="JJV17" s="916" t="s">
        <v>3816</v>
      </c>
      <c r="JJW17" s="916" t="s">
        <v>3816</v>
      </c>
      <c r="JJX17" s="916" t="s">
        <v>3816</v>
      </c>
      <c r="JJY17" s="916" t="s">
        <v>3816</v>
      </c>
      <c r="JJZ17" s="916" t="s">
        <v>3816</v>
      </c>
      <c r="JKA17" s="916" t="s">
        <v>3816</v>
      </c>
      <c r="JKB17" s="916" t="s">
        <v>3816</v>
      </c>
      <c r="JKC17" s="916" t="s">
        <v>3816</v>
      </c>
      <c r="JKD17" s="916" t="s">
        <v>3816</v>
      </c>
      <c r="JKE17" s="916" t="s">
        <v>3816</v>
      </c>
      <c r="JKF17" s="916" t="s">
        <v>3816</v>
      </c>
      <c r="JKG17" s="916" t="s">
        <v>3816</v>
      </c>
      <c r="JKH17" s="916" t="s">
        <v>3816</v>
      </c>
      <c r="JKI17" s="916" t="s">
        <v>3816</v>
      </c>
      <c r="JKJ17" s="916" t="s">
        <v>3816</v>
      </c>
      <c r="JKK17" s="916" t="s">
        <v>3816</v>
      </c>
      <c r="JKL17" s="916" t="s">
        <v>3816</v>
      </c>
      <c r="JKM17" s="916" t="s">
        <v>3816</v>
      </c>
      <c r="JKN17" s="916" t="s">
        <v>3816</v>
      </c>
      <c r="JKO17" s="916" t="s">
        <v>3816</v>
      </c>
      <c r="JKP17" s="916" t="s">
        <v>3816</v>
      </c>
      <c r="JKQ17" s="916" t="s">
        <v>3816</v>
      </c>
      <c r="JKR17" s="916" t="s">
        <v>3816</v>
      </c>
      <c r="JKS17" s="916" t="s">
        <v>3816</v>
      </c>
      <c r="JKT17" s="916" t="s">
        <v>3816</v>
      </c>
      <c r="JKU17" s="916" t="s">
        <v>3816</v>
      </c>
      <c r="JKV17" s="916" t="s">
        <v>3816</v>
      </c>
      <c r="JKW17" s="916" t="s">
        <v>3816</v>
      </c>
      <c r="JKX17" s="916" t="s">
        <v>3816</v>
      </c>
      <c r="JKY17" s="916" t="s">
        <v>3816</v>
      </c>
      <c r="JKZ17" s="916" t="s">
        <v>3816</v>
      </c>
      <c r="JLA17" s="916" t="s">
        <v>3816</v>
      </c>
      <c r="JLB17" s="916" t="s">
        <v>3816</v>
      </c>
      <c r="JLC17" s="916" t="s">
        <v>3816</v>
      </c>
      <c r="JLD17" s="916" t="s">
        <v>3816</v>
      </c>
      <c r="JLE17" s="916" t="s">
        <v>3816</v>
      </c>
      <c r="JLF17" s="916" t="s">
        <v>3816</v>
      </c>
      <c r="JLG17" s="916" t="s">
        <v>3816</v>
      </c>
      <c r="JLH17" s="916" t="s">
        <v>3816</v>
      </c>
      <c r="JLI17" s="916" t="s">
        <v>3816</v>
      </c>
      <c r="JLJ17" s="916" t="s">
        <v>3816</v>
      </c>
      <c r="JLK17" s="916" t="s">
        <v>3816</v>
      </c>
      <c r="JLL17" s="916" t="s">
        <v>3816</v>
      </c>
      <c r="JLM17" s="916" t="s">
        <v>3816</v>
      </c>
      <c r="JLN17" s="916" t="s">
        <v>3816</v>
      </c>
      <c r="JLO17" s="916" t="s">
        <v>3816</v>
      </c>
      <c r="JLP17" s="916" t="s">
        <v>3816</v>
      </c>
      <c r="JLQ17" s="916" t="s">
        <v>3816</v>
      </c>
      <c r="JLR17" s="916" t="s">
        <v>3816</v>
      </c>
      <c r="JLS17" s="916" t="s">
        <v>3816</v>
      </c>
      <c r="JLT17" s="916" t="s">
        <v>3816</v>
      </c>
      <c r="JLU17" s="916" t="s">
        <v>3816</v>
      </c>
      <c r="JLV17" s="916" t="s">
        <v>3816</v>
      </c>
      <c r="JLW17" s="916" t="s">
        <v>3816</v>
      </c>
      <c r="JLX17" s="916" t="s">
        <v>3816</v>
      </c>
      <c r="JLY17" s="916" t="s">
        <v>3816</v>
      </c>
      <c r="JLZ17" s="916" t="s">
        <v>3816</v>
      </c>
      <c r="JMA17" s="916" t="s">
        <v>3816</v>
      </c>
      <c r="JMB17" s="916" t="s">
        <v>3816</v>
      </c>
      <c r="JMC17" s="916" t="s">
        <v>3816</v>
      </c>
      <c r="JMD17" s="916" t="s">
        <v>3816</v>
      </c>
      <c r="JME17" s="916" t="s">
        <v>3816</v>
      </c>
      <c r="JMF17" s="916" t="s">
        <v>3816</v>
      </c>
      <c r="JMG17" s="916" t="s">
        <v>3816</v>
      </c>
      <c r="JMH17" s="916" t="s">
        <v>3816</v>
      </c>
      <c r="JMI17" s="916" t="s">
        <v>3816</v>
      </c>
      <c r="JMJ17" s="916" t="s">
        <v>3816</v>
      </c>
      <c r="JMK17" s="916" t="s">
        <v>3816</v>
      </c>
      <c r="JML17" s="916" t="s">
        <v>3816</v>
      </c>
      <c r="JMM17" s="916" t="s">
        <v>3816</v>
      </c>
      <c r="JMN17" s="916" t="s">
        <v>3816</v>
      </c>
      <c r="JMO17" s="916" t="s">
        <v>3816</v>
      </c>
      <c r="JMP17" s="916" t="s">
        <v>3816</v>
      </c>
      <c r="JMQ17" s="916" t="s">
        <v>3816</v>
      </c>
      <c r="JMR17" s="916" t="s">
        <v>3816</v>
      </c>
      <c r="JMS17" s="916" t="s">
        <v>3816</v>
      </c>
      <c r="JMT17" s="916" t="s">
        <v>3816</v>
      </c>
      <c r="JMU17" s="916" t="s">
        <v>3816</v>
      </c>
      <c r="JMV17" s="916" t="s">
        <v>3816</v>
      </c>
      <c r="JMW17" s="916" t="s">
        <v>3816</v>
      </c>
      <c r="JMX17" s="916" t="s">
        <v>3816</v>
      </c>
      <c r="JMY17" s="916" t="s">
        <v>3816</v>
      </c>
      <c r="JMZ17" s="916" t="s">
        <v>3816</v>
      </c>
      <c r="JNA17" s="916" t="s">
        <v>3816</v>
      </c>
      <c r="JNB17" s="916" t="s">
        <v>3816</v>
      </c>
      <c r="JNC17" s="916" t="s">
        <v>3816</v>
      </c>
      <c r="JND17" s="916" t="s">
        <v>3816</v>
      </c>
      <c r="JNE17" s="916" t="s">
        <v>3816</v>
      </c>
      <c r="JNF17" s="916" t="s">
        <v>3816</v>
      </c>
      <c r="JNG17" s="916" t="s">
        <v>3816</v>
      </c>
      <c r="JNH17" s="916" t="s">
        <v>3816</v>
      </c>
      <c r="JNI17" s="916" t="s">
        <v>3816</v>
      </c>
      <c r="JNJ17" s="916" t="s">
        <v>3816</v>
      </c>
      <c r="JNK17" s="916" t="s">
        <v>3816</v>
      </c>
      <c r="JNL17" s="916" t="s">
        <v>3816</v>
      </c>
      <c r="JNM17" s="916" t="s">
        <v>3816</v>
      </c>
      <c r="JNN17" s="916" t="s">
        <v>3816</v>
      </c>
      <c r="JNO17" s="916" t="s">
        <v>3816</v>
      </c>
      <c r="JNP17" s="916" t="s">
        <v>3816</v>
      </c>
      <c r="JNQ17" s="916" t="s">
        <v>3816</v>
      </c>
      <c r="JNR17" s="916" t="s">
        <v>3816</v>
      </c>
      <c r="JNS17" s="916" t="s">
        <v>3816</v>
      </c>
      <c r="JNT17" s="916" t="s">
        <v>3816</v>
      </c>
      <c r="JNU17" s="916" t="s">
        <v>3816</v>
      </c>
      <c r="JNV17" s="916" t="s">
        <v>3816</v>
      </c>
      <c r="JNW17" s="916" t="s">
        <v>3816</v>
      </c>
      <c r="JNX17" s="916" t="s">
        <v>3816</v>
      </c>
      <c r="JNY17" s="916" t="s">
        <v>3816</v>
      </c>
      <c r="JNZ17" s="916" t="s">
        <v>3816</v>
      </c>
      <c r="JOA17" s="916" t="s">
        <v>3816</v>
      </c>
      <c r="JOB17" s="916" t="s">
        <v>3816</v>
      </c>
      <c r="JOC17" s="916" t="s">
        <v>3816</v>
      </c>
      <c r="JOD17" s="916" t="s">
        <v>3816</v>
      </c>
      <c r="JOE17" s="916" t="s">
        <v>3816</v>
      </c>
      <c r="JOF17" s="916" t="s">
        <v>3816</v>
      </c>
      <c r="JOG17" s="916" t="s">
        <v>3816</v>
      </c>
      <c r="JOH17" s="916" t="s">
        <v>3816</v>
      </c>
      <c r="JOI17" s="916" t="s">
        <v>3816</v>
      </c>
      <c r="JOJ17" s="916" t="s">
        <v>3816</v>
      </c>
      <c r="JOK17" s="916" t="s">
        <v>3816</v>
      </c>
      <c r="JOL17" s="916" t="s">
        <v>3816</v>
      </c>
      <c r="JOM17" s="916" t="s">
        <v>3816</v>
      </c>
      <c r="JON17" s="916" t="s">
        <v>3816</v>
      </c>
      <c r="JOO17" s="916" t="s">
        <v>3816</v>
      </c>
      <c r="JOP17" s="916" t="s">
        <v>3816</v>
      </c>
      <c r="JOQ17" s="916" t="s">
        <v>3816</v>
      </c>
      <c r="JOR17" s="916" t="s">
        <v>3816</v>
      </c>
      <c r="JOS17" s="916" t="s">
        <v>3816</v>
      </c>
      <c r="JOT17" s="916" t="s">
        <v>3816</v>
      </c>
      <c r="JOU17" s="916" t="s">
        <v>3816</v>
      </c>
      <c r="JOV17" s="916" t="s">
        <v>3816</v>
      </c>
      <c r="JOW17" s="916" t="s">
        <v>3816</v>
      </c>
      <c r="JOX17" s="916" t="s">
        <v>3816</v>
      </c>
      <c r="JOY17" s="916" t="s">
        <v>3816</v>
      </c>
      <c r="JOZ17" s="916" t="s">
        <v>3816</v>
      </c>
      <c r="JPA17" s="916" t="s">
        <v>3816</v>
      </c>
      <c r="JPB17" s="916" t="s">
        <v>3816</v>
      </c>
      <c r="JPC17" s="916" t="s">
        <v>3816</v>
      </c>
      <c r="JPD17" s="916" t="s">
        <v>3816</v>
      </c>
      <c r="JPE17" s="916" t="s">
        <v>3816</v>
      </c>
      <c r="JPF17" s="916" t="s">
        <v>3816</v>
      </c>
      <c r="JPG17" s="916" t="s">
        <v>3816</v>
      </c>
      <c r="JPH17" s="916" t="s">
        <v>3816</v>
      </c>
      <c r="JPI17" s="916" t="s">
        <v>3816</v>
      </c>
      <c r="JPJ17" s="916" t="s">
        <v>3816</v>
      </c>
      <c r="JPK17" s="916" t="s">
        <v>3816</v>
      </c>
      <c r="JPL17" s="916" t="s">
        <v>3816</v>
      </c>
      <c r="JPM17" s="916" t="s">
        <v>3816</v>
      </c>
      <c r="JPN17" s="916" t="s">
        <v>3816</v>
      </c>
      <c r="JPO17" s="916" t="s">
        <v>3816</v>
      </c>
      <c r="JPP17" s="916" t="s">
        <v>3816</v>
      </c>
      <c r="JPQ17" s="916" t="s">
        <v>3816</v>
      </c>
      <c r="JPR17" s="916" t="s">
        <v>3816</v>
      </c>
      <c r="JPS17" s="916" t="s">
        <v>3816</v>
      </c>
      <c r="JPT17" s="916" t="s">
        <v>3816</v>
      </c>
      <c r="JPU17" s="916" t="s">
        <v>3816</v>
      </c>
      <c r="JPV17" s="916" t="s">
        <v>3816</v>
      </c>
      <c r="JPW17" s="916" t="s">
        <v>3816</v>
      </c>
      <c r="JPX17" s="916" t="s">
        <v>3816</v>
      </c>
      <c r="JPY17" s="916" t="s">
        <v>3816</v>
      </c>
      <c r="JPZ17" s="916" t="s">
        <v>3816</v>
      </c>
      <c r="JQA17" s="916" t="s">
        <v>3816</v>
      </c>
      <c r="JQB17" s="916" t="s">
        <v>3816</v>
      </c>
      <c r="JQC17" s="916" t="s">
        <v>3816</v>
      </c>
      <c r="JQD17" s="916" t="s">
        <v>3816</v>
      </c>
      <c r="JQE17" s="916" t="s">
        <v>3816</v>
      </c>
      <c r="JQF17" s="916" t="s">
        <v>3816</v>
      </c>
      <c r="JQG17" s="916" t="s">
        <v>3816</v>
      </c>
      <c r="JQH17" s="916" t="s">
        <v>3816</v>
      </c>
      <c r="JQI17" s="916" t="s">
        <v>3816</v>
      </c>
      <c r="JQJ17" s="916" t="s">
        <v>3816</v>
      </c>
      <c r="JQK17" s="916" t="s">
        <v>3816</v>
      </c>
      <c r="JQL17" s="916" t="s">
        <v>3816</v>
      </c>
      <c r="JQM17" s="916" t="s">
        <v>3816</v>
      </c>
      <c r="JQN17" s="916" t="s">
        <v>3816</v>
      </c>
      <c r="JQO17" s="916" t="s">
        <v>3816</v>
      </c>
      <c r="JQP17" s="916" t="s">
        <v>3816</v>
      </c>
      <c r="JQQ17" s="916" t="s">
        <v>3816</v>
      </c>
      <c r="JQR17" s="916" t="s">
        <v>3816</v>
      </c>
      <c r="JQS17" s="916" t="s">
        <v>3816</v>
      </c>
      <c r="JQT17" s="916" t="s">
        <v>3816</v>
      </c>
      <c r="JQU17" s="916" t="s">
        <v>3816</v>
      </c>
      <c r="JQV17" s="916" t="s">
        <v>3816</v>
      </c>
      <c r="JQW17" s="916" t="s">
        <v>3816</v>
      </c>
      <c r="JQX17" s="916" t="s">
        <v>3816</v>
      </c>
      <c r="JQY17" s="916" t="s">
        <v>3816</v>
      </c>
      <c r="JQZ17" s="916" t="s">
        <v>3816</v>
      </c>
      <c r="JRA17" s="916" t="s">
        <v>3816</v>
      </c>
      <c r="JRB17" s="916" t="s">
        <v>3816</v>
      </c>
      <c r="JRC17" s="916" t="s">
        <v>3816</v>
      </c>
      <c r="JRD17" s="916" t="s">
        <v>3816</v>
      </c>
      <c r="JRE17" s="916" t="s">
        <v>3816</v>
      </c>
      <c r="JRF17" s="916" t="s">
        <v>3816</v>
      </c>
      <c r="JRG17" s="916" t="s">
        <v>3816</v>
      </c>
      <c r="JRH17" s="916" t="s">
        <v>3816</v>
      </c>
      <c r="JRI17" s="916" t="s">
        <v>3816</v>
      </c>
      <c r="JRJ17" s="916" t="s">
        <v>3816</v>
      </c>
      <c r="JRK17" s="916" t="s">
        <v>3816</v>
      </c>
      <c r="JRL17" s="916" t="s">
        <v>3816</v>
      </c>
      <c r="JRM17" s="916" t="s">
        <v>3816</v>
      </c>
      <c r="JRN17" s="916" t="s">
        <v>3816</v>
      </c>
      <c r="JRO17" s="916" t="s">
        <v>3816</v>
      </c>
      <c r="JRP17" s="916" t="s">
        <v>3816</v>
      </c>
      <c r="JRQ17" s="916" t="s">
        <v>3816</v>
      </c>
      <c r="JRR17" s="916" t="s">
        <v>3816</v>
      </c>
      <c r="JRS17" s="916" t="s">
        <v>3816</v>
      </c>
      <c r="JRT17" s="916" t="s">
        <v>3816</v>
      </c>
      <c r="JRU17" s="916" t="s">
        <v>3816</v>
      </c>
      <c r="JRV17" s="916" t="s">
        <v>3816</v>
      </c>
      <c r="JRW17" s="916" t="s">
        <v>3816</v>
      </c>
      <c r="JRX17" s="916" t="s">
        <v>3816</v>
      </c>
      <c r="JRY17" s="916" t="s">
        <v>3816</v>
      </c>
      <c r="JRZ17" s="916" t="s">
        <v>3816</v>
      </c>
      <c r="JSA17" s="916" t="s">
        <v>3816</v>
      </c>
      <c r="JSB17" s="916" t="s">
        <v>3816</v>
      </c>
      <c r="JSC17" s="916" t="s">
        <v>3816</v>
      </c>
      <c r="JSD17" s="916" t="s">
        <v>3816</v>
      </c>
      <c r="JSE17" s="916" t="s">
        <v>3816</v>
      </c>
      <c r="JSF17" s="916" t="s">
        <v>3816</v>
      </c>
      <c r="JSG17" s="916" t="s">
        <v>3816</v>
      </c>
      <c r="JSH17" s="916" t="s">
        <v>3816</v>
      </c>
      <c r="JSI17" s="916" t="s">
        <v>3816</v>
      </c>
      <c r="JSJ17" s="916" t="s">
        <v>3816</v>
      </c>
      <c r="JSK17" s="916" t="s">
        <v>3816</v>
      </c>
      <c r="JSL17" s="916" t="s">
        <v>3816</v>
      </c>
      <c r="JSM17" s="916" t="s">
        <v>3816</v>
      </c>
      <c r="JSN17" s="916" t="s">
        <v>3816</v>
      </c>
      <c r="JSO17" s="916" t="s">
        <v>3816</v>
      </c>
      <c r="JSP17" s="916" t="s">
        <v>3816</v>
      </c>
      <c r="JSQ17" s="916" t="s">
        <v>3816</v>
      </c>
      <c r="JSR17" s="916" t="s">
        <v>3816</v>
      </c>
      <c r="JSS17" s="916" t="s">
        <v>3816</v>
      </c>
      <c r="JST17" s="916" t="s">
        <v>3816</v>
      </c>
      <c r="JSU17" s="916" t="s">
        <v>3816</v>
      </c>
      <c r="JSV17" s="916" t="s">
        <v>3816</v>
      </c>
      <c r="JSW17" s="916" t="s">
        <v>3816</v>
      </c>
      <c r="JSX17" s="916" t="s">
        <v>3816</v>
      </c>
      <c r="JSY17" s="916" t="s">
        <v>3816</v>
      </c>
      <c r="JSZ17" s="916" t="s">
        <v>3816</v>
      </c>
      <c r="JTA17" s="916" t="s">
        <v>3816</v>
      </c>
      <c r="JTB17" s="916" t="s">
        <v>3816</v>
      </c>
      <c r="JTC17" s="916" t="s">
        <v>3816</v>
      </c>
      <c r="JTD17" s="916" t="s">
        <v>3816</v>
      </c>
      <c r="JTE17" s="916" t="s">
        <v>3816</v>
      </c>
      <c r="JTF17" s="916" t="s">
        <v>3816</v>
      </c>
      <c r="JTG17" s="916" t="s">
        <v>3816</v>
      </c>
      <c r="JTH17" s="916" t="s">
        <v>3816</v>
      </c>
      <c r="JTI17" s="916" t="s">
        <v>3816</v>
      </c>
      <c r="JTJ17" s="916" t="s">
        <v>3816</v>
      </c>
      <c r="JTK17" s="916" t="s">
        <v>3816</v>
      </c>
      <c r="JTL17" s="916" t="s">
        <v>3816</v>
      </c>
      <c r="JTM17" s="916" t="s">
        <v>3816</v>
      </c>
      <c r="JTN17" s="916" t="s">
        <v>3816</v>
      </c>
      <c r="JTO17" s="916" t="s">
        <v>3816</v>
      </c>
      <c r="JTP17" s="916" t="s">
        <v>3816</v>
      </c>
      <c r="JTQ17" s="916" t="s">
        <v>3816</v>
      </c>
      <c r="JTR17" s="916" t="s">
        <v>3816</v>
      </c>
      <c r="JTS17" s="916" t="s">
        <v>3816</v>
      </c>
      <c r="JTT17" s="916" t="s">
        <v>3816</v>
      </c>
      <c r="JTU17" s="916" t="s">
        <v>3816</v>
      </c>
      <c r="JTV17" s="916" t="s">
        <v>3816</v>
      </c>
      <c r="JTW17" s="916" t="s">
        <v>3816</v>
      </c>
      <c r="JTX17" s="916" t="s">
        <v>3816</v>
      </c>
      <c r="JTY17" s="916" t="s">
        <v>3816</v>
      </c>
      <c r="JTZ17" s="916" t="s">
        <v>3816</v>
      </c>
      <c r="JUA17" s="916" t="s">
        <v>3816</v>
      </c>
      <c r="JUB17" s="916" t="s">
        <v>3816</v>
      </c>
      <c r="JUC17" s="916" t="s">
        <v>3816</v>
      </c>
      <c r="JUD17" s="916" t="s">
        <v>3816</v>
      </c>
      <c r="JUE17" s="916" t="s">
        <v>3816</v>
      </c>
      <c r="JUF17" s="916" t="s">
        <v>3816</v>
      </c>
      <c r="JUG17" s="916" t="s">
        <v>3816</v>
      </c>
      <c r="JUH17" s="916" t="s">
        <v>3816</v>
      </c>
      <c r="JUI17" s="916" t="s">
        <v>3816</v>
      </c>
      <c r="JUJ17" s="916" t="s">
        <v>3816</v>
      </c>
      <c r="JUK17" s="916" t="s">
        <v>3816</v>
      </c>
      <c r="JUL17" s="916" t="s">
        <v>3816</v>
      </c>
      <c r="JUM17" s="916" t="s">
        <v>3816</v>
      </c>
      <c r="JUN17" s="916" t="s">
        <v>3816</v>
      </c>
      <c r="JUO17" s="916" t="s">
        <v>3816</v>
      </c>
      <c r="JUP17" s="916" t="s">
        <v>3816</v>
      </c>
      <c r="JUQ17" s="916" t="s">
        <v>3816</v>
      </c>
      <c r="JUR17" s="916" t="s">
        <v>3816</v>
      </c>
      <c r="JUS17" s="916" t="s">
        <v>3816</v>
      </c>
      <c r="JUT17" s="916" t="s">
        <v>3816</v>
      </c>
      <c r="JUU17" s="916" t="s">
        <v>3816</v>
      </c>
      <c r="JUV17" s="916" t="s">
        <v>3816</v>
      </c>
      <c r="JUW17" s="916" t="s">
        <v>3816</v>
      </c>
      <c r="JUX17" s="916" t="s">
        <v>3816</v>
      </c>
      <c r="JUY17" s="916" t="s">
        <v>3816</v>
      </c>
      <c r="JUZ17" s="916" t="s">
        <v>3816</v>
      </c>
      <c r="JVA17" s="916" t="s">
        <v>3816</v>
      </c>
      <c r="JVB17" s="916" t="s">
        <v>3816</v>
      </c>
      <c r="JVC17" s="916" t="s">
        <v>3816</v>
      </c>
      <c r="JVD17" s="916" t="s">
        <v>3816</v>
      </c>
      <c r="JVE17" s="916" t="s">
        <v>3816</v>
      </c>
      <c r="JVF17" s="916" t="s">
        <v>3816</v>
      </c>
      <c r="JVG17" s="916" t="s">
        <v>3816</v>
      </c>
      <c r="JVH17" s="916" t="s">
        <v>3816</v>
      </c>
      <c r="JVI17" s="916" t="s">
        <v>3816</v>
      </c>
      <c r="JVJ17" s="916" t="s">
        <v>3816</v>
      </c>
      <c r="JVK17" s="916" t="s">
        <v>3816</v>
      </c>
      <c r="JVL17" s="916" t="s">
        <v>3816</v>
      </c>
      <c r="JVM17" s="916" t="s">
        <v>3816</v>
      </c>
      <c r="JVN17" s="916" t="s">
        <v>3816</v>
      </c>
      <c r="JVO17" s="916" t="s">
        <v>3816</v>
      </c>
      <c r="JVP17" s="916" t="s">
        <v>3816</v>
      </c>
      <c r="JVQ17" s="916" t="s">
        <v>3816</v>
      </c>
      <c r="JVR17" s="916" t="s">
        <v>3816</v>
      </c>
      <c r="JVS17" s="916" t="s">
        <v>3816</v>
      </c>
      <c r="JVT17" s="916" t="s">
        <v>3816</v>
      </c>
      <c r="JVU17" s="916" t="s">
        <v>3816</v>
      </c>
      <c r="JVV17" s="916" t="s">
        <v>3816</v>
      </c>
      <c r="JVW17" s="916" t="s">
        <v>3816</v>
      </c>
      <c r="JVX17" s="916" t="s">
        <v>3816</v>
      </c>
      <c r="JVY17" s="916" t="s">
        <v>3816</v>
      </c>
      <c r="JVZ17" s="916" t="s">
        <v>3816</v>
      </c>
      <c r="JWA17" s="916" t="s">
        <v>3816</v>
      </c>
      <c r="JWB17" s="916" t="s">
        <v>3816</v>
      </c>
      <c r="JWC17" s="916" t="s">
        <v>3816</v>
      </c>
      <c r="JWD17" s="916" t="s">
        <v>3816</v>
      </c>
      <c r="JWE17" s="916" t="s">
        <v>3816</v>
      </c>
      <c r="JWF17" s="916" t="s">
        <v>3816</v>
      </c>
      <c r="JWG17" s="916" t="s">
        <v>3816</v>
      </c>
      <c r="JWH17" s="916" t="s">
        <v>3816</v>
      </c>
      <c r="JWI17" s="916" t="s">
        <v>3816</v>
      </c>
      <c r="JWJ17" s="916" t="s">
        <v>3816</v>
      </c>
      <c r="JWK17" s="916" t="s">
        <v>3816</v>
      </c>
      <c r="JWL17" s="916" t="s">
        <v>3816</v>
      </c>
      <c r="JWM17" s="916" t="s">
        <v>3816</v>
      </c>
      <c r="JWN17" s="916" t="s">
        <v>3816</v>
      </c>
      <c r="JWO17" s="916" t="s">
        <v>3816</v>
      </c>
      <c r="JWP17" s="916" t="s">
        <v>3816</v>
      </c>
      <c r="JWQ17" s="916" t="s">
        <v>3816</v>
      </c>
      <c r="JWR17" s="916" t="s">
        <v>3816</v>
      </c>
      <c r="JWS17" s="916" t="s">
        <v>3816</v>
      </c>
      <c r="JWT17" s="916" t="s">
        <v>3816</v>
      </c>
      <c r="JWU17" s="916" t="s">
        <v>3816</v>
      </c>
      <c r="JWV17" s="916" t="s">
        <v>3816</v>
      </c>
      <c r="JWW17" s="916" t="s">
        <v>3816</v>
      </c>
      <c r="JWX17" s="916" t="s">
        <v>3816</v>
      </c>
      <c r="JWY17" s="916" t="s">
        <v>3816</v>
      </c>
      <c r="JWZ17" s="916" t="s">
        <v>3816</v>
      </c>
      <c r="JXA17" s="916" t="s">
        <v>3816</v>
      </c>
      <c r="JXB17" s="916" t="s">
        <v>3816</v>
      </c>
      <c r="JXC17" s="916" t="s">
        <v>3816</v>
      </c>
      <c r="JXD17" s="916" t="s">
        <v>3816</v>
      </c>
      <c r="JXE17" s="916" t="s">
        <v>3816</v>
      </c>
      <c r="JXF17" s="916" t="s">
        <v>3816</v>
      </c>
      <c r="JXG17" s="916" t="s">
        <v>3816</v>
      </c>
      <c r="JXH17" s="916" t="s">
        <v>3816</v>
      </c>
      <c r="JXI17" s="916" t="s">
        <v>3816</v>
      </c>
      <c r="JXJ17" s="916" t="s">
        <v>3816</v>
      </c>
      <c r="JXK17" s="916" t="s">
        <v>3816</v>
      </c>
      <c r="JXL17" s="916" t="s">
        <v>3816</v>
      </c>
      <c r="JXM17" s="916" t="s">
        <v>3816</v>
      </c>
      <c r="JXN17" s="916" t="s">
        <v>3816</v>
      </c>
      <c r="JXO17" s="916" t="s">
        <v>3816</v>
      </c>
      <c r="JXP17" s="916" t="s">
        <v>3816</v>
      </c>
      <c r="JXQ17" s="916" t="s">
        <v>3816</v>
      </c>
      <c r="JXR17" s="916" t="s">
        <v>3816</v>
      </c>
      <c r="JXS17" s="916" t="s">
        <v>3816</v>
      </c>
      <c r="JXT17" s="916" t="s">
        <v>3816</v>
      </c>
      <c r="JXU17" s="916" t="s">
        <v>3816</v>
      </c>
      <c r="JXV17" s="916" t="s">
        <v>3816</v>
      </c>
      <c r="JXW17" s="916" t="s">
        <v>3816</v>
      </c>
      <c r="JXX17" s="916" t="s">
        <v>3816</v>
      </c>
      <c r="JXY17" s="916" t="s">
        <v>3816</v>
      </c>
      <c r="JXZ17" s="916" t="s">
        <v>3816</v>
      </c>
      <c r="JYA17" s="916" t="s">
        <v>3816</v>
      </c>
      <c r="JYB17" s="916" t="s">
        <v>3816</v>
      </c>
      <c r="JYC17" s="916" t="s">
        <v>3816</v>
      </c>
      <c r="JYD17" s="916" t="s">
        <v>3816</v>
      </c>
      <c r="JYE17" s="916" t="s">
        <v>3816</v>
      </c>
      <c r="JYF17" s="916" t="s">
        <v>3816</v>
      </c>
      <c r="JYG17" s="916" t="s">
        <v>3816</v>
      </c>
      <c r="JYH17" s="916" t="s">
        <v>3816</v>
      </c>
      <c r="JYI17" s="916" t="s">
        <v>3816</v>
      </c>
      <c r="JYJ17" s="916" t="s">
        <v>3816</v>
      </c>
      <c r="JYK17" s="916" t="s">
        <v>3816</v>
      </c>
      <c r="JYL17" s="916" t="s">
        <v>3816</v>
      </c>
      <c r="JYM17" s="916" t="s">
        <v>3816</v>
      </c>
      <c r="JYN17" s="916" t="s">
        <v>3816</v>
      </c>
      <c r="JYO17" s="916" t="s">
        <v>3816</v>
      </c>
      <c r="JYP17" s="916" t="s">
        <v>3816</v>
      </c>
      <c r="JYQ17" s="916" t="s">
        <v>3816</v>
      </c>
      <c r="JYR17" s="916" t="s">
        <v>3816</v>
      </c>
      <c r="JYS17" s="916" t="s">
        <v>3816</v>
      </c>
      <c r="JYT17" s="916" t="s">
        <v>3816</v>
      </c>
      <c r="JYU17" s="916" t="s">
        <v>3816</v>
      </c>
      <c r="JYV17" s="916" t="s">
        <v>3816</v>
      </c>
      <c r="JYW17" s="916" t="s">
        <v>3816</v>
      </c>
      <c r="JYX17" s="916" t="s">
        <v>3816</v>
      </c>
      <c r="JYY17" s="916" t="s">
        <v>3816</v>
      </c>
      <c r="JYZ17" s="916" t="s">
        <v>3816</v>
      </c>
      <c r="JZA17" s="916" t="s">
        <v>3816</v>
      </c>
      <c r="JZB17" s="916" t="s">
        <v>3816</v>
      </c>
      <c r="JZC17" s="916" t="s">
        <v>3816</v>
      </c>
      <c r="JZD17" s="916" t="s">
        <v>3816</v>
      </c>
      <c r="JZE17" s="916" t="s">
        <v>3816</v>
      </c>
      <c r="JZF17" s="916" t="s">
        <v>3816</v>
      </c>
      <c r="JZG17" s="916" t="s">
        <v>3816</v>
      </c>
      <c r="JZH17" s="916" t="s">
        <v>3816</v>
      </c>
      <c r="JZI17" s="916" t="s">
        <v>3816</v>
      </c>
      <c r="JZJ17" s="916" t="s">
        <v>3816</v>
      </c>
      <c r="JZK17" s="916" t="s">
        <v>3816</v>
      </c>
      <c r="JZL17" s="916" t="s">
        <v>3816</v>
      </c>
      <c r="JZM17" s="916" t="s">
        <v>3816</v>
      </c>
      <c r="JZN17" s="916" t="s">
        <v>3816</v>
      </c>
      <c r="JZO17" s="916" t="s">
        <v>3816</v>
      </c>
      <c r="JZP17" s="916" t="s">
        <v>3816</v>
      </c>
      <c r="JZQ17" s="916" t="s">
        <v>3816</v>
      </c>
      <c r="JZR17" s="916" t="s">
        <v>3816</v>
      </c>
      <c r="JZS17" s="916" t="s">
        <v>3816</v>
      </c>
      <c r="JZT17" s="916" t="s">
        <v>3816</v>
      </c>
      <c r="JZU17" s="916" t="s">
        <v>3816</v>
      </c>
      <c r="JZV17" s="916" t="s">
        <v>3816</v>
      </c>
      <c r="JZW17" s="916" t="s">
        <v>3816</v>
      </c>
      <c r="JZX17" s="916" t="s">
        <v>3816</v>
      </c>
      <c r="JZY17" s="916" t="s">
        <v>3816</v>
      </c>
      <c r="JZZ17" s="916" t="s">
        <v>3816</v>
      </c>
      <c r="KAA17" s="916" t="s">
        <v>3816</v>
      </c>
      <c r="KAB17" s="916" t="s">
        <v>3816</v>
      </c>
      <c r="KAC17" s="916" t="s">
        <v>3816</v>
      </c>
      <c r="KAD17" s="916" t="s">
        <v>3816</v>
      </c>
      <c r="KAE17" s="916" t="s">
        <v>3816</v>
      </c>
      <c r="KAF17" s="916" t="s">
        <v>3816</v>
      </c>
      <c r="KAG17" s="916" t="s">
        <v>3816</v>
      </c>
      <c r="KAH17" s="916" t="s">
        <v>3816</v>
      </c>
      <c r="KAI17" s="916" t="s">
        <v>3816</v>
      </c>
      <c r="KAJ17" s="916" t="s">
        <v>3816</v>
      </c>
      <c r="KAK17" s="916" t="s">
        <v>3816</v>
      </c>
      <c r="KAL17" s="916" t="s">
        <v>3816</v>
      </c>
      <c r="KAM17" s="916" t="s">
        <v>3816</v>
      </c>
      <c r="KAN17" s="916" t="s">
        <v>3816</v>
      </c>
      <c r="KAO17" s="916" t="s">
        <v>3816</v>
      </c>
      <c r="KAP17" s="916" t="s">
        <v>3816</v>
      </c>
      <c r="KAQ17" s="916" t="s">
        <v>3816</v>
      </c>
      <c r="KAR17" s="916" t="s">
        <v>3816</v>
      </c>
      <c r="KAS17" s="916" t="s">
        <v>3816</v>
      </c>
      <c r="KAT17" s="916" t="s">
        <v>3816</v>
      </c>
      <c r="KAU17" s="916" t="s">
        <v>3816</v>
      </c>
      <c r="KAV17" s="916" t="s">
        <v>3816</v>
      </c>
      <c r="KAW17" s="916" t="s">
        <v>3816</v>
      </c>
      <c r="KAX17" s="916" t="s">
        <v>3816</v>
      </c>
      <c r="KAY17" s="916" t="s">
        <v>3816</v>
      </c>
      <c r="KAZ17" s="916" t="s">
        <v>3816</v>
      </c>
      <c r="KBA17" s="916" t="s">
        <v>3816</v>
      </c>
      <c r="KBB17" s="916" t="s">
        <v>3816</v>
      </c>
      <c r="KBC17" s="916" t="s">
        <v>3816</v>
      </c>
      <c r="KBD17" s="916" t="s">
        <v>3816</v>
      </c>
      <c r="KBE17" s="916" t="s">
        <v>3816</v>
      </c>
      <c r="KBF17" s="916" t="s">
        <v>3816</v>
      </c>
      <c r="KBG17" s="916" t="s">
        <v>3816</v>
      </c>
      <c r="KBH17" s="916" t="s">
        <v>3816</v>
      </c>
      <c r="KBI17" s="916" t="s">
        <v>3816</v>
      </c>
      <c r="KBJ17" s="916" t="s">
        <v>3816</v>
      </c>
      <c r="KBK17" s="916" t="s">
        <v>3816</v>
      </c>
      <c r="KBL17" s="916" t="s">
        <v>3816</v>
      </c>
      <c r="KBM17" s="916" t="s">
        <v>3816</v>
      </c>
      <c r="KBN17" s="916" t="s">
        <v>3816</v>
      </c>
      <c r="KBO17" s="916" t="s">
        <v>3816</v>
      </c>
      <c r="KBP17" s="916" t="s">
        <v>3816</v>
      </c>
      <c r="KBQ17" s="916" t="s">
        <v>3816</v>
      </c>
      <c r="KBR17" s="916" t="s">
        <v>3816</v>
      </c>
      <c r="KBS17" s="916" t="s">
        <v>3816</v>
      </c>
      <c r="KBT17" s="916" t="s">
        <v>3816</v>
      </c>
      <c r="KBU17" s="916" t="s">
        <v>3816</v>
      </c>
      <c r="KBV17" s="916" t="s">
        <v>3816</v>
      </c>
      <c r="KBW17" s="916" t="s">
        <v>3816</v>
      </c>
      <c r="KBX17" s="916" t="s">
        <v>3816</v>
      </c>
      <c r="KBY17" s="916" t="s">
        <v>3816</v>
      </c>
      <c r="KBZ17" s="916" t="s">
        <v>3816</v>
      </c>
      <c r="KCA17" s="916" t="s">
        <v>3816</v>
      </c>
      <c r="KCB17" s="916" t="s">
        <v>3816</v>
      </c>
      <c r="KCC17" s="916" t="s">
        <v>3816</v>
      </c>
      <c r="KCD17" s="916" t="s">
        <v>3816</v>
      </c>
      <c r="KCE17" s="916" t="s">
        <v>3816</v>
      </c>
      <c r="KCF17" s="916" t="s">
        <v>3816</v>
      </c>
      <c r="KCG17" s="916" t="s">
        <v>3816</v>
      </c>
      <c r="KCH17" s="916" t="s">
        <v>3816</v>
      </c>
      <c r="KCI17" s="916" t="s">
        <v>3816</v>
      </c>
      <c r="KCJ17" s="916" t="s">
        <v>3816</v>
      </c>
      <c r="KCK17" s="916" t="s">
        <v>3816</v>
      </c>
      <c r="KCL17" s="916" t="s">
        <v>3816</v>
      </c>
      <c r="KCM17" s="916" t="s">
        <v>3816</v>
      </c>
      <c r="KCN17" s="916" t="s">
        <v>3816</v>
      </c>
      <c r="KCO17" s="916" t="s">
        <v>3816</v>
      </c>
      <c r="KCP17" s="916" t="s">
        <v>3816</v>
      </c>
      <c r="KCQ17" s="916" t="s">
        <v>3816</v>
      </c>
      <c r="KCR17" s="916" t="s">
        <v>3816</v>
      </c>
      <c r="KCS17" s="916" t="s">
        <v>3816</v>
      </c>
      <c r="KCT17" s="916" t="s">
        <v>3816</v>
      </c>
      <c r="KCU17" s="916" t="s">
        <v>3816</v>
      </c>
      <c r="KCV17" s="916" t="s">
        <v>3816</v>
      </c>
      <c r="KCW17" s="916" t="s">
        <v>3816</v>
      </c>
      <c r="KCX17" s="916" t="s">
        <v>3816</v>
      </c>
      <c r="KCY17" s="916" t="s">
        <v>3816</v>
      </c>
      <c r="KCZ17" s="916" t="s">
        <v>3816</v>
      </c>
      <c r="KDA17" s="916" t="s">
        <v>3816</v>
      </c>
      <c r="KDB17" s="916" t="s">
        <v>3816</v>
      </c>
      <c r="KDC17" s="916" t="s">
        <v>3816</v>
      </c>
      <c r="KDD17" s="916" t="s">
        <v>3816</v>
      </c>
      <c r="KDE17" s="916" t="s">
        <v>3816</v>
      </c>
      <c r="KDF17" s="916" t="s">
        <v>3816</v>
      </c>
      <c r="KDG17" s="916" t="s">
        <v>3816</v>
      </c>
      <c r="KDH17" s="916" t="s">
        <v>3816</v>
      </c>
      <c r="KDI17" s="916" t="s">
        <v>3816</v>
      </c>
      <c r="KDJ17" s="916" t="s">
        <v>3816</v>
      </c>
      <c r="KDK17" s="916" t="s">
        <v>3816</v>
      </c>
      <c r="KDL17" s="916" t="s">
        <v>3816</v>
      </c>
      <c r="KDM17" s="916" t="s">
        <v>3816</v>
      </c>
      <c r="KDN17" s="916" t="s">
        <v>3816</v>
      </c>
      <c r="KDO17" s="916" t="s">
        <v>3816</v>
      </c>
      <c r="KDP17" s="916" t="s">
        <v>3816</v>
      </c>
      <c r="KDQ17" s="916" t="s">
        <v>3816</v>
      </c>
      <c r="KDR17" s="916" t="s">
        <v>3816</v>
      </c>
      <c r="KDS17" s="916" t="s">
        <v>3816</v>
      </c>
      <c r="KDT17" s="916" t="s">
        <v>3816</v>
      </c>
      <c r="KDU17" s="916" t="s">
        <v>3816</v>
      </c>
      <c r="KDV17" s="916" t="s">
        <v>3816</v>
      </c>
      <c r="KDW17" s="916" t="s">
        <v>3816</v>
      </c>
      <c r="KDX17" s="916" t="s">
        <v>3816</v>
      </c>
      <c r="KDY17" s="916" t="s">
        <v>3816</v>
      </c>
      <c r="KDZ17" s="916" t="s">
        <v>3816</v>
      </c>
      <c r="KEA17" s="916" t="s">
        <v>3816</v>
      </c>
      <c r="KEB17" s="916" t="s">
        <v>3816</v>
      </c>
      <c r="KEC17" s="916" t="s">
        <v>3816</v>
      </c>
      <c r="KED17" s="916" t="s">
        <v>3816</v>
      </c>
      <c r="KEE17" s="916" t="s">
        <v>3816</v>
      </c>
      <c r="KEF17" s="916" t="s">
        <v>3816</v>
      </c>
      <c r="KEG17" s="916" t="s">
        <v>3816</v>
      </c>
      <c r="KEH17" s="916" t="s">
        <v>3816</v>
      </c>
      <c r="KEI17" s="916" t="s">
        <v>3816</v>
      </c>
      <c r="KEJ17" s="916" t="s">
        <v>3816</v>
      </c>
      <c r="KEK17" s="916" t="s">
        <v>3816</v>
      </c>
      <c r="KEL17" s="916" t="s">
        <v>3816</v>
      </c>
      <c r="KEM17" s="916" t="s">
        <v>3816</v>
      </c>
      <c r="KEN17" s="916" t="s">
        <v>3816</v>
      </c>
      <c r="KEO17" s="916" t="s">
        <v>3816</v>
      </c>
      <c r="KEP17" s="916" t="s">
        <v>3816</v>
      </c>
      <c r="KEQ17" s="916" t="s">
        <v>3816</v>
      </c>
      <c r="KER17" s="916" t="s">
        <v>3816</v>
      </c>
      <c r="KES17" s="916" t="s">
        <v>3816</v>
      </c>
      <c r="KET17" s="916" t="s">
        <v>3816</v>
      </c>
      <c r="KEU17" s="916" t="s">
        <v>3816</v>
      </c>
      <c r="KEV17" s="916" t="s">
        <v>3816</v>
      </c>
      <c r="KEW17" s="916" t="s">
        <v>3816</v>
      </c>
      <c r="KEX17" s="916" t="s">
        <v>3816</v>
      </c>
      <c r="KEY17" s="916" t="s">
        <v>3816</v>
      </c>
      <c r="KEZ17" s="916" t="s">
        <v>3816</v>
      </c>
      <c r="KFA17" s="916" t="s">
        <v>3816</v>
      </c>
      <c r="KFB17" s="916" t="s">
        <v>3816</v>
      </c>
      <c r="KFC17" s="916" t="s">
        <v>3816</v>
      </c>
      <c r="KFD17" s="916" t="s">
        <v>3816</v>
      </c>
      <c r="KFE17" s="916" t="s">
        <v>3816</v>
      </c>
      <c r="KFF17" s="916" t="s">
        <v>3816</v>
      </c>
      <c r="KFG17" s="916" t="s">
        <v>3816</v>
      </c>
      <c r="KFH17" s="916" t="s">
        <v>3816</v>
      </c>
      <c r="KFI17" s="916" t="s">
        <v>3816</v>
      </c>
      <c r="KFJ17" s="916" t="s">
        <v>3816</v>
      </c>
      <c r="KFK17" s="916" t="s">
        <v>3816</v>
      </c>
      <c r="KFL17" s="916" t="s">
        <v>3816</v>
      </c>
      <c r="KFM17" s="916" t="s">
        <v>3816</v>
      </c>
      <c r="KFN17" s="916" t="s">
        <v>3816</v>
      </c>
      <c r="KFO17" s="916" t="s">
        <v>3816</v>
      </c>
      <c r="KFP17" s="916" t="s">
        <v>3816</v>
      </c>
      <c r="KFQ17" s="916" t="s">
        <v>3816</v>
      </c>
      <c r="KFR17" s="916" t="s">
        <v>3816</v>
      </c>
      <c r="KFS17" s="916" t="s">
        <v>3816</v>
      </c>
      <c r="KFT17" s="916" t="s">
        <v>3816</v>
      </c>
      <c r="KFU17" s="916" t="s">
        <v>3816</v>
      </c>
      <c r="KFV17" s="916" t="s">
        <v>3816</v>
      </c>
      <c r="KFW17" s="916" t="s">
        <v>3816</v>
      </c>
      <c r="KFX17" s="916" t="s">
        <v>3816</v>
      </c>
      <c r="KFY17" s="916" t="s">
        <v>3816</v>
      </c>
      <c r="KFZ17" s="916" t="s">
        <v>3816</v>
      </c>
      <c r="KGA17" s="916" t="s">
        <v>3816</v>
      </c>
      <c r="KGB17" s="916" t="s">
        <v>3816</v>
      </c>
      <c r="KGC17" s="916" t="s">
        <v>3816</v>
      </c>
      <c r="KGD17" s="916" t="s">
        <v>3816</v>
      </c>
      <c r="KGE17" s="916" t="s">
        <v>3816</v>
      </c>
      <c r="KGF17" s="916" t="s">
        <v>3816</v>
      </c>
      <c r="KGG17" s="916" t="s">
        <v>3816</v>
      </c>
      <c r="KGH17" s="916" t="s">
        <v>3816</v>
      </c>
      <c r="KGI17" s="916" t="s">
        <v>3816</v>
      </c>
      <c r="KGJ17" s="916" t="s">
        <v>3816</v>
      </c>
      <c r="KGK17" s="916" t="s">
        <v>3816</v>
      </c>
      <c r="KGL17" s="916" t="s">
        <v>3816</v>
      </c>
      <c r="KGM17" s="916" t="s">
        <v>3816</v>
      </c>
      <c r="KGN17" s="916" t="s">
        <v>3816</v>
      </c>
      <c r="KGO17" s="916" t="s">
        <v>3816</v>
      </c>
      <c r="KGP17" s="916" t="s">
        <v>3816</v>
      </c>
      <c r="KGQ17" s="916" t="s">
        <v>3816</v>
      </c>
      <c r="KGR17" s="916" t="s">
        <v>3816</v>
      </c>
      <c r="KGS17" s="916" t="s">
        <v>3816</v>
      </c>
      <c r="KGT17" s="916" t="s">
        <v>3816</v>
      </c>
      <c r="KGU17" s="916" t="s">
        <v>3816</v>
      </c>
      <c r="KGV17" s="916" t="s">
        <v>3816</v>
      </c>
      <c r="KGW17" s="916" t="s">
        <v>3816</v>
      </c>
      <c r="KGX17" s="916" t="s">
        <v>3816</v>
      </c>
      <c r="KGY17" s="916" t="s">
        <v>3816</v>
      </c>
      <c r="KGZ17" s="916" t="s">
        <v>3816</v>
      </c>
      <c r="KHA17" s="916" t="s">
        <v>3816</v>
      </c>
      <c r="KHB17" s="916" t="s">
        <v>3816</v>
      </c>
      <c r="KHC17" s="916" t="s">
        <v>3816</v>
      </c>
      <c r="KHD17" s="916" t="s">
        <v>3816</v>
      </c>
      <c r="KHE17" s="916" t="s">
        <v>3816</v>
      </c>
      <c r="KHF17" s="916" t="s">
        <v>3816</v>
      </c>
      <c r="KHG17" s="916" t="s">
        <v>3816</v>
      </c>
      <c r="KHH17" s="916" t="s">
        <v>3816</v>
      </c>
      <c r="KHI17" s="916" t="s">
        <v>3816</v>
      </c>
      <c r="KHJ17" s="916" t="s">
        <v>3816</v>
      </c>
      <c r="KHK17" s="916" t="s">
        <v>3816</v>
      </c>
      <c r="KHL17" s="916" t="s">
        <v>3816</v>
      </c>
      <c r="KHM17" s="916" t="s">
        <v>3816</v>
      </c>
      <c r="KHN17" s="916" t="s">
        <v>3816</v>
      </c>
      <c r="KHO17" s="916" t="s">
        <v>3816</v>
      </c>
      <c r="KHP17" s="916" t="s">
        <v>3816</v>
      </c>
      <c r="KHQ17" s="916" t="s">
        <v>3816</v>
      </c>
      <c r="KHR17" s="916" t="s">
        <v>3816</v>
      </c>
      <c r="KHS17" s="916" t="s">
        <v>3816</v>
      </c>
      <c r="KHT17" s="916" t="s">
        <v>3816</v>
      </c>
      <c r="KHU17" s="916" t="s">
        <v>3816</v>
      </c>
      <c r="KHV17" s="916" t="s">
        <v>3816</v>
      </c>
      <c r="KHW17" s="916" t="s">
        <v>3816</v>
      </c>
      <c r="KHX17" s="916" t="s">
        <v>3816</v>
      </c>
      <c r="KHY17" s="916" t="s">
        <v>3816</v>
      </c>
      <c r="KHZ17" s="916" t="s">
        <v>3816</v>
      </c>
      <c r="KIA17" s="916" t="s">
        <v>3816</v>
      </c>
      <c r="KIB17" s="916" t="s">
        <v>3816</v>
      </c>
      <c r="KIC17" s="916" t="s">
        <v>3816</v>
      </c>
      <c r="KID17" s="916" t="s">
        <v>3816</v>
      </c>
      <c r="KIE17" s="916" t="s">
        <v>3816</v>
      </c>
      <c r="KIF17" s="916" t="s">
        <v>3816</v>
      </c>
      <c r="KIG17" s="916" t="s">
        <v>3816</v>
      </c>
      <c r="KIH17" s="916" t="s">
        <v>3816</v>
      </c>
      <c r="KII17" s="916" t="s">
        <v>3816</v>
      </c>
      <c r="KIJ17" s="916" t="s">
        <v>3816</v>
      </c>
      <c r="KIK17" s="916" t="s">
        <v>3816</v>
      </c>
      <c r="KIL17" s="916" t="s">
        <v>3816</v>
      </c>
      <c r="KIM17" s="916" t="s">
        <v>3816</v>
      </c>
      <c r="KIN17" s="916" t="s">
        <v>3816</v>
      </c>
      <c r="KIO17" s="916" t="s">
        <v>3816</v>
      </c>
      <c r="KIP17" s="916" t="s">
        <v>3816</v>
      </c>
      <c r="KIQ17" s="916" t="s">
        <v>3816</v>
      </c>
      <c r="KIR17" s="916" t="s">
        <v>3816</v>
      </c>
      <c r="KIS17" s="916" t="s">
        <v>3816</v>
      </c>
      <c r="KIT17" s="916" t="s">
        <v>3816</v>
      </c>
      <c r="KIU17" s="916" t="s">
        <v>3816</v>
      </c>
      <c r="KIV17" s="916" t="s">
        <v>3816</v>
      </c>
      <c r="KIW17" s="916" t="s">
        <v>3816</v>
      </c>
      <c r="KIX17" s="916" t="s">
        <v>3816</v>
      </c>
      <c r="KIY17" s="916" t="s">
        <v>3816</v>
      </c>
      <c r="KIZ17" s="916" t="s">
        <v>3816</v>
      </c>
      <c r="KJA17" s="916" t="s">
        <v>3816</v>
      </c>
      <c r="KJB17" s="916" t="s">
        <v>3816</v>
      </c>
      <c r="KJC17" s="916" t="s">
        <v>3816</v>
      </c>
      <c r="KJD17" s="916" t="s">
        <v>3816</v>
      </c>
      <c r="KJE17" s="916" t="s">
        <v>3816</v>
      </c>
      <c r="KJF17" s="916" t="s">
        <v>3816</v>
      </c>
      <c r="KJG17" s="916" t="s">
        <v>3816</v>
      </c>
      <c r="KJH17" s="916" t="s">
        <v>3816</v>
      </c>
      <c r="KJI17" s="916" t="s">
        <v>3816</v>
      </c>
      <c r="KJJ17" s="916" t="s">
        <v>3816</v>
      </c>
      <c r="KJK17" s="916" t="s">
        <v>3816</v>
      </c>
      <c r="KJL17" s="916" t="s">
        <v>3816</v>
      </c>
      <c r="KJM17" s="916" t="s">
        <v>3816</v>
      </c>
      <c r="KJN17" s="916" t="s">
        <v>3816</v>
      </c>
      <c r="KJO17" s="916" t="s">
        <v>3816</v>
      </c>
      <c r="KJP17" s="916" t="s">
        <v>3816</v>
      </c>
      <c r="KJQ17" s="916" t="s">
        <v>3816</v>
      </c>
      <c r="KJR17" s="916" t="s">
        <v>3816</v>
      </c>
      <c r="KJS17" s="916" t="s">
        <v>3816</v>
      </c>
      <c r="KJT17" s="916" t="s">
        <v>3816</v>
      </c>
      <c r="KJU17" s="916" t="s">
        <v>3816</v>
      </c>
      <c r="KJV17" s="916" t="s">
        <v>3816</v>
      </c>
      <c r="KJW17" s="916" t="s">
        <v>3816</v>
      </c>
      <c r="KJX17" s="916" t="s">
        <v>3816</v>
      </c>
      <c r="KJY17" s="916" t="s">
        <v>3816</v>
      </c>
      <c r="KJZ17" s="916" t="s">
        <v>3816</v>
      </c>
      <c r="KKA17" s="916" t="s">
        <v>3816</v>
      </c>
      <c r="KKB17" s="916" t="s">
        <v>3816</v>
      </c>
      <c r="KKC17" s="916" t="s">
        <v>3816</v>
      </c>
      <c r="KKD17" s="916" t="s">
        <v>3816</v>
      </c>
      <c r="KKE17" s="916" t="s">
        <v>3816</v>
      </c>
      <c r="KKF17" s="916" t="s">
        <v>3816</v>
      </c>
      <c r="KKG17" s="916" t="s">
        <v>3816</v>
      </c>
      <c r="KKH17" s="916" t="s">
        <v>3816</v>
      </c>
      <c r="KKI17" s="916" t="s">
        <v>3816</v>
      </c>
      <c r="KKJ17" s="916" t="s">
        <v>3816</v>
      </c>
      <c r="KKK17" s="916" t="s">
        <v>3816</v>
      </c>
      <c r="KKL17" s="916" t="s">
        <v>3816</v>
      </c>
      <c r="KKM17" s="916" t="s">
        <v>3816</v>
      </c>
      <c r="KKN17" s="916" t="s">
        <v>3816</v>
      </c>
      <c r="KKO17" s="916" t="s">
        <v>3816</v>
      </c>
      <c r="KKP17" s="916" t="s">
        <v>3816</v>
      </c>
      <c r="KKQ17" s="916" t="s">
        <v>3816</v>
      </c>
      <c r="KKR17" s="916" t="s">
        <v>3816</v>
      </c>
      <c r="KKS17" s="916" t="s">
        <v>3816</v>
      </c>
      <c r="KKT17" s="916" t="s">
        <v>3816</v>
      </c>
      <c r="KKU17" s="916" t="s">
        <v>3816</v>
      </c>
      <c r="KKV17" s="916" t="s">
        <v>3816</v>
      </c>
      <c r="KKW17" s="916" t="s">
        <v>3816</v>
      </c>
      <c r="KKX17" s="916" t="s">
        <v>3816</v>
      </c>
      <c r="KKY17" s="916" t="s">
        <v>3816</v>
      </c>
      <c r="KKZ17" s="916" t="s">
        <v>3816</v>
      </c>
      <c r="KLA17" s="916" t="s">
        <v>3816</v>
      </c>
      <c r="KLB17" s="916" t="s">
        <v>3816</v>
      </c>
      <c r="KLC17" s="916" t="s">
        <v>3816</v>
      </c>
      <c r="KLD17" s="916" t="s">
        <v>3816</v>
      </c>
      <c r="KLE17" s="916" t="s">
        <v>3816</v>
      </c>
      <c r="KLF17" s="916" t="s">
        <v>3816</v>
      </c>
      <c r="KLG17" s="916" t="s">
        <v>3816</v>
      </c>
      <c r="KLH17" s="916" t="s">
        <v>3816</v>
      </c>
      <c r="KLI17" s="916" t="s">
        <v>3816</v>
      </c>
      <c r="KLJ17" s="916" t="s">
        <v>3816</v>
      </c>
      <c r="KLK17" s="916" t="s">
        <v>3816</v>
      </c>
      <c r="KLL17" s="916" t="s">
        <v>3816</v>
      </c>
      <c r="KLM17" s="916" t="s">
        <v>3816</v>
      </c>
      <c r="KLN17" s="916" t="s">
        <v>3816</v>
      </c>
      <c r="KLO17" s="916" t="s">
        <v>3816</v>
      </c>
      <c r="KLP17" s="916" t="s">
        <v>3816</v>
      </c>
      <c r="KLQ17" s="916" t="s">
        <v>3816</v>
      </c>
      <c r="KLR17" s="916" t="s">
        <v>3816</v>
      </c>
      <c r="KLS17" s="916" t="s">
        <v>3816</v>
      </c>
      <c r="KLT17" s="916" t="s">
        <v>3816</v>
      </c>
      <c r="KLU17" s="916" t="s">
        <v>3816</v>
      </c>
      <c r="KLV17" s="916" t="s">
        <v>3816</v>
      </c>
      <c r="KLW17" s="916" t="s">
        <v>3816</v>
      </c>
      <c r="KLX17" s="916" t="s">
        <v>3816</v>
      </c>
      <c r="KLY17" s="916" t="s">
        <v>3816</v>
      </c>
      <c r="KLZ17" s="916" t="s">
        <v>3816</v>
      </c>
      <c r="KMA17" s="916" t="s">
        <v>3816</v>
      </c>
      <c r="KMB17" s="916" t="s">
        <v>3816</v>
      </c>
      <c r="KMC17" s="916" t="s">
        <v>3816</v>
      </c>
      <c r="KMD17" s="916" t="s">
        <v>3816</v>
      </c>
      <c r="KME17" s="916" t="s">
        <v>3816</v>
      </c>
      <c r="KMF17" s="916" t="s">
        <v>3816</v>
      </c>
      <c r="KMG17" s="916" t="s">
        <v>3816</v>
      </c>
      <c r="KMH17" s="916" t="s">
        <v>3816</v>
      </c>
      <c r="KMI17" s="916" t="s">
        <v>3816</v>
      </c>
      <c r="KMJ17" s="916" t="s">
        <v>3816</v>
      </c>
      <c r="KMK17" s="916" t="s">
        <v>3816</v>
      </c>
      <c r="KML17" s="916" t="s">
        <v>3816</v>
      </c>
      <c r="KMM17" s="916" t="s">
        <v>3816</v>
      </c>
      <c r="KMN17" s="916" t="s">
        <v>3816</v>
      </c>
      <c r="KMO17" s="916" t="s">
        <v>3816</v>
      </c>
      <c r="KMP17" s="916" t="s">
        <v>3816</v>
      </c>
      <c r="KMQ17" s="916" t="s">
        <v>3816</v>
      </c>
      <c r="KMR17" s="916" t="s">
        <v>3816</v>
      </c>
      <c r="KMS17" s="916" t="s">
        <v>3816</v>
      </c>
      <c r="KMT17" s="916" t="s">
        <v>3816</v>
      </c>
      <c r="KMU17" s="916" t="s">
        <v>3816</v>
      </c>
      <c r="KMV17" s="916" t="s">
        <v>3816</v>
      </c>
      <c r="KMW17" s="916" t="s">
        <v>3816</v>
      </c>
      <c r="KMX17" s="916" t="s">
        <v>3816</v>
      </c>
      <c r="KMY17" s="916" t="s">
        <v>3816</v>
      </c>
      <c r="KMZ17" s="916" t="s">
        <v>3816</v>
      </c>
      <c r="KNA17" s="916" t="s">
        <v>3816</v>
      </c>
      <c r="KNB17" s="916" t="s">
        <v>3816</v>
      </c>
      <c r="KNC17" s="916" t="s">
        <v>3816</v>
      </c>
      <c r="KND17" s="916" t="s">
        <v>3816</v>
      </c>
      <c r="KNE17" s="916" t="s">
        <v>3816</v>
      </c>
      <c r="KNF17" s="916" t="s">
        <v>3816</v>
      </c>
      <c r="KNG17" s="916" t="s">
        <v>3816</v>
      </c>
      <c r="KNH17" s="916" t="s">
        <v>3816</v>
      </c>
      <c r="KNI17" s="916" t="s">
        <v>3816</v>
      </c>
      <c r="KNJ17" s="916" t="s">
        <v>3816</v>
      </c>
      <c r="KNK17" s="916" t="s">
        <v>3816</v>
      </c>
      <c r="KNL17" s="916" t="s">
        <v>3816</v>
      </c>
      <c r="KNM17" s="916" t="s">
        <v>3816</v>
      </c>
      <c r="KNN17" s="916" t="s">
        <v>3816</v>
      </c>
      <c r="KNO17" s="916" t="s">
        <v>3816</v>
      </c>
      <c r="KNP17" s="916" t="s">
        <v>3816</v>
      </c>
      <c r="KNQ17" s="916" t="s">
        <v>3816</v>
      </c>
      <c r="KNR17" s="916" t="s">
        <v>3816</v>
      </c>
      <c r="KNS17" s="916" t="s">
        <v>3816</v>
      </c>
      <c r="KNT17" s="916" t="s">
        <v>3816</v>
      </c>
      <c r="KNU17" s="916" t="s">
        <v>3816</v>
      </c>
      <c r="KNV17" s="916" t="s">
        <v>3816</v>
      </c>
      <c r="KNW17" s="916" t="s">
        <v>3816</v>
      </c>
      <c r="KNX17" s="916" t="s">
        <v>3816</v>
      </c>
      <c r="KNY17" s="916" t="s">
        <v>3816</v>
      </c>
      <c r="KNZ17" s="916" t="s">
        <v>3816</v>
      </c>
      <c r="KOA17" s="916" t="s">
        <v>3816</v>
      </c>
      <c r="KOB17" s="916" t="s">
        <v>3816</v>
      </c>
      <c r="KOC17" s="916" t="s">
        <v>3816</v>
      </c>
      <c r="KOD17" s="916" t="s">
        <v>3816</v>
      </c>
      <c r="KOE17" s="916" t="s">
        <v>3816</v>
      </c>
      <c r="KOF17" s="916" t="s">
        <v>3816</v>
      </c>
      <c r="KOG17" s="916" t="s">
        <v>3816</v>
      </c>
      <c r="KOH17" s="916" t="s">
        <v>3816</v>
      </c>
      <c r="KOI17" s="916" t="s">
        <v>3816</v>
      </c>
      <c r="KOJ17" s="916" t="s">
        <v>3816</v>
      </c>
      <c r="KOK17" s="916" t="s">
        <v>3816</v>
      </c>
      <c r="KOL17" s="916" t="s">
        <v>3816</v>
      </c>
      <c r="KOM17" s="916" t="s">
        <v>3816</v>
      </c>
      <c r="KON17" s="916" t="s">
        <v>3816</v>
      </c>
      <c r="KOO17" s="916" t="s">
        <v>3816</v>
      </c>
      <c r="KOP17" s="916" t="s">
        <v>3816</v>
      </c>
      <c r="KOQ17" s="916" t="s">
        <v>3816</v>
      </c>
      <c r="KOR17" s="916" t="s">
        <v>3816</v>
      </c>
      <c r="KOS17" s="916" t="s">
        <v>3816</v>
      </c>
      <c r="KOT17" s="916" t="s">
        <v>3816</v>
      </c>
      <c r="KOU17" s="916" t="s">
        <v>3816</v>
      </c>
      <c r="KOV17" s="916" t="s">
        <v>3816</v>
      </c>
      <c r="KOW17" s="916" t="s">
        <v>3816</v>
      </c>
      <c r="KOX17" s="916" t="s">
        <v>3816</v>
      </c>
      <c r="KOY17" s="916" t="s">
        <v>3816</v>
      </c>
      <c r="KOZ17" s="916" t="s">
        <v>3816</v>
      </c>
      <c r="KPA17" s="916" t="s">
        <v>3816</v>
      </c>
      <c r="KPB17" s="916" t="s">
        <v>3816</v>
      </c>
      <c r="KPC17" s="916" t="s">
        <v>3816</v>
      </c>
      <c r="KPD17" s="916" t="s">
        <v>3816</v>
      </c>
      <c r="KPE17" s="916" t="s">
        <v>3816</v>
      </c>
      <c r="KPF17" s="916" t="s">
        <v>3816</v>
      </c>
      <c r="KPG17" s="916" t="s">
        <v>3816</v>
      </c>
      <c r="KPH17" s="916" t="s">
        <v>3816</v>
      </c>
      <c r="KPI17" s="916" t="s">
        <v>3816</v>
      </c>
      <c r="KPJ17" s="916" t="s">
        <v>3816</v>
      </c>
      <c r="KPK17" s="916" t="s">
        <v>3816</v>
      </c>
      <c r="KPL17" s="916" t="s">
        <v>3816</v>
      </c>
      <c r="KPM17" s="916" t="s">
        <v>3816</v>
      </c>
      <c r="KPN17" s="916" t="s">
        <v>3816</v>
      </c>
      <c r="KPO17" s="916" t="s">
        <v>3816</v>
      </c>
      <c r="KPP17" s="916" t="s">
        <v>3816</v>
      </c>
      <c r="KPQ17" s="916" t="s">
        <v>3816</v>
      </c>
      <c r="KPR17" s="916" t="s">
        <v>3816</v>
      </c>
      <c r="KPS17" s="916" t="s">
        <v>3816</v>
      </c>
      <c r="KPT17" s="916" t="s">
        <v>3816</v>
      </c>
      <c r="KPU17" s="916" t="s">
        <v>3816</v>
      </c>
      <c r="KPV17" s="916" t="s">
        <v>3816</v>
      </c>
      <c r="KPW17" s="916" t="s">
        <v>3816</v>
      </c>
      <c r="KPX17" s="916" t="s">
        <v>3816</v>
      </c>
      <c r="KPY17" s="916" t="s">
        <v>3816</v>
      </c>
      <c r="KPZ17" s="916" t="s">
        <v>3816</v>
      </c>
      <c r="KQA17" s="916" t="s">
        <v>3816</v>
      </c>
      <c r="KQB17" s="916" t="s">
        <v>3816</v>
      </c>
      <c r="KQC17" s="916" t="s">
        <v>3816</v>
      </c>
      <c r="KQD17" s="916" t="s">
        <v>3816</v>
      </c>
      <c r="KQE17" s="916" t="s">
        <v>3816</v>
      </c>
      <c r="KQF17" s="916" t="s">
        <v>3816</v>
      </c>
      <c r="KQG17" s="916" t="s">
        <v>3816</v>
      </c>
      <c r="KQH17" s="916" t="s">
        <v>3816</v>
      </c>
      <c r="KQI17" s="916" t="s">
        <v>3816</v>
      </c>
      <c r="KQJ17" s="916" t="s">
        <v>3816</v>
      </c>
      <c r="KQK17" s="916" t="s">
        <v>3816</v>
      </c>
      <c r="KQL17" s="916" t="s">
        <v>3816</v>
      </c>
      <c r="KQM17" s="916" t="s">
        <v>3816</v>
      </c>
      <c r="KQN17" s="916" t="s">
        <v>3816</v>
      </c>
      <c r="KQO17" s="916" t="s">
        <v>3816</v>
      </c>
      <c r="KQP17" s="916" t="s">
        <v>3816</v>
      </c>
      <c r="KQQ17" s="916" t="s">
        <v>3816</v>
      </c>
      <c r="KQR17" s="916" t="s">
        <v>3816</v>
      </c>
      <c r="KQS17" s="916" t="s">
        <v>3816</v>
      </c>
      <c r="KQT17" s="916" t="s">
        <v>3816</v>
      </c>
      <c r="KQU17" s="916" t="s">
        <v>3816</v>
      </c>
      <c r="KQV17" s="916" t="s">
        <v>3816</v>
      </c>
      <c r="KQW17" s="916" t="s">
        <v>3816</v>
      </c>
      <c r="KQX17" s="916" t="s">
        <v>3816</v>
      </c>
      <c r="KQY17" s="916" t="s">
        <v>3816</v>
      </c>
      <c r="KQZ17" s="916" t="s">
        <v>3816</v>
      </c>
      <c r="KRA17" s="916" t="s">
        <v>3816</v>
      </c>
      <c r="KRB17" s="916" t="s">
        <v>3816</v>
      </c>
      <c r="KRC17" s="916" t="s">
        <v>3816</v>
      </c>
      <c r="KRD17" s="916" t="s">
        <v>3816</v>
      </c>
      <c r="KRE17" s="916" t="s">
        <v>3816</v>
      </c>
      <c r="KRF17" s="916" t="s">
        <v>3816</v>
      </c>
      <c r="KRG17" s="916" t="s">
        <v>3816</v>
      </c>
      <c r="KRH17" s="916" t="s">
        <v>3816</v>
      </c>
      <c r="KRI17" s="916" t="s">
        <v>3816</v>
      </c>
      <c r="KRJ17" s="916" t="s">
        <v>3816</v>
      </c>
      <c r="KRK17" s="916" t="s">
        <v>3816</v>
      </c>
      <c r="KRL17" s="916" t="s">
        <v>3816</v>
      </c>
      <c r="KRM17" s="916" t="s">
        <v>3816</v>
      </c>
      <c r="KRN17" s="916" t="s">
        <v>3816</v>
      </c>
      <c r="KRO17" s="916" t="s">
        <v>3816</v>
      </c>
      <c r="KRP17" s="916" t="s">
        <v>3816</v>
      </c>
      <c r="KRQ17" s="916" t="s">
        <v>3816</v>
      </c>
      <c r="KRR17" s="916" t="s">
        <v>3816</v>
      </c>
      <c r="KRS17" s="916" t="s">
        <v>3816</v>
      </c>
      <c r="KRT17" s="916" t="s">
        <v>3816</v>
      </c>
      <c r="KRU17" s="916" t="s">
        <v>3816</v>
      </c>
      <c r="KRV17" s="916" t="s">
        <v>3816</v>
      </c>
      <c r="KRW17" s="916" t="s">
        <v>3816</v>
      </c>
      <c r="KRX17" s="916" t="s">
        <v>3816</v>
      </c>
      <c r="KRY17" s="916" t="s">
        <v>3816</v>
      </c>
      <c r="KRZ17" s="916" t="s">
        <v>3816</v>
      </c>
      <c r="KSA17" s="916" t="s">
        <v>3816</v>
      </c>
      <c r="KSB17" s="916" t="s">
        <v>3816</v>
      </c>
      <c r="KSC17" s="916" t="s">
        <v>3816</v>
      </c>
      <c r="KSD17" s="916" t="s">
        <v>3816</v>
      </c>
      <c r="KSE17" s="916" t="s">
        <v>3816</v>
      </c>
      <c r="KSF17" s="916" t="s">
        <v>3816</v>
      </c>
      <c r="KSG17" s="916" t="s">
        <v>3816</v>
      </c>
      <c r="KSH17" s="916" t="s">
        <v>3816</v>
      </c>
      <c r="KSI17" s="916" t="s">
        <v>3816</v>
      </c>
      <c r="KSJ17" s="916" t="s">
        <v>3816</v>
      </c>
      <c r="KSK17" s="916" t="s">
        <v>3816</v>
      </c>
      <c r="KSL17" s="916" t="s">
        <v>3816</v>
      </c>
      <c r="KSM17" s="916" t="s">
        <v>3816</v>
      </c>
      <c r="KSN17" s="916" t="s">
        <v>3816</v>
      </c>
      <c r="KSO17" s="916" t="s">
        <v>3816</v>
      </c>
      <c r="KSP17" s="916" t="s">
        <v>3816</v>
      </c>
      <c r="KSQ17" s="916" t="s">
        <v>3816</v>
      </c>
      <c r="KSR17" s="916" t="s">
        <v>3816</v>
      </c>
      <c r="KSS17" s="916" t="s">
        <v>3816</v>
      </c>
      <c r="KST17" s="916" t="s">
        <v>3816</v>
      </c>
      <c r="KSU17" s="916" t="s">
        <v>3816</v>
      </c>
      <c r="KSV17" s="916" t="s">
        <v>3816</v>
      </c>
      <c r="KSW17" s="916" t="s">
        <v>3816</v>
      </c>
      <c r="KSX17" s="916" t="s">
        <v>3816</v>
      </c>
      <c r="KSY17" s="916" t="s">
        <v>3816</v>
      </c>
      <c r="KSZ17" s="916" t="s">
        <v>3816</v>
      </c>
      <c r="KTA17" s="916" t="s">
        <v>3816</v>
      </c>
      <c r="KTB17" s="916" t="s">
        <v>3816</v>
      </c>
      <c r="KTC17" s="916" t="s">
        <v>3816</v>
      </c>
      <c r="KTD17" s="916" t="s">
        <v>3816</v>
      </c>
      <c r="KTE17" s="916" t="s">
        <v>3816</v>
      </c>
      <c r="KTF17" s="916" t="s">
        <v>3816</v>
      </c>
      <c r="KTG17" s="916" t="s">
        <v>3816</v>
      </c>
      <c r="KTH17" s="916" t="s">
        <v>3816</v>
      </c>
      <c r="KTI17" s="916" t="s">
        <v>3816</v>
      </c>
      <c r="KTJ17" s="916" t="s">
        <v>3816</v>
      </c>
      <c r="KTK17" s="916" t="s">
        <v>3816</v>
      </c>
      <c r="KTL17" s="916" t="s">
        <v>3816</v>
      </c>
      <c r="KTM17" s="916" t="s">
        <v>3816</v>
      </c>
      <c r="KTN17" s="916" t="s">
        <v>3816</v>
      </c>
      <c r="KTO17" s="916" t="s">
        <v>3816</v>
      </c>
      <c r="KTP17" s="916" t="s">
        <v>3816</v>
      </c>
      <c r="KTQ17" s="916" t="s">
        <v>3816</v>
      </c>
      <c r="KTR17" s="916" t="s">
        <v>3816</v>
      </c>
      <c r="KTS17" s="916" t="s">
        <v>3816</v>
      </c>
      <c r="KTT17" s="916" t="s">
        <v>3816</v>
      </c>
      <c r="KTU17" s="916" t="s">
        <v>3816</v>
      </c>
      <c r="KTV17" s="916" t="s">
        <v>3816</v>
      </c>
      <c r="KTW17" s="916" t="s">
        <v>3816</v>
      </c>
      <c r="KTX17" s="916" t="s">
        <v>3816</v>
      </c>
      <c r="KTY17" s="916" t="s">
        <v>3816</v>
      </c>
      <c r="KTZ17" s="916" t="s">
        <v>3816</v>
      </c>
      <c r="KUA17" s="916" t="s">
        <v>3816</v>
      </c>
      <c r="KUB17" s="916" t="s">
        <v>3816</v>
      </c>
      <c r="KUC17" s="916" t="s">
        <v>3816</v>
      </c>
      <c r="KUD17" s="916" t="s">
        <v>3816</v>
      </c>
      <c r="KUE17" s="916" t="s">
        <v>3816</v>
      </c>
      <c r="KUF17" s="916" t="s">
        <v>3816</v>
      </c>
      <c r="KUG17" s="916" t="s">
        <v>3816</v>
      </c>
      <c r="KUH17" s="916" t="s">
        <v>3816</v>
      </c>
      <c r="KUI17" s="916" t="s">
        <v>3816</v>
      </c>
      <c r="KUJ17" s="916" t="s">
        <v>3816</v>
      </c>
      <c r="KUK17" s="916" t="s">
        <v>3816</v>
      </c>
      <c r="KUL17" s="916" t="s">
        <v>3816</v>
      </c>
      <c r="KUM17" s="916" t="s">
        <v>3816</v>
      </c>
      <c r="KUN17" s="916" t="s">
        <v>3816</v>
      </c>
      <c r="KUO17" s="916" t="s">
        <v>3816</v>
      </c>
      <c r="KUP17" s="916" t="s">
        <v>3816</v>
      </c>
      <c r="KUQ17" s="916" t="s">
        <v>3816</v>
      </c>
      <c r="KUR17" s="916" t="s">
        <v>3816</v>
      </c>
      <c r="KUS17" s="916" t="s">
        <v>3816</v>
      </c>
      <c r="KUT17" s="916" t="s">
        <v>3816</v>
      </c>
      <c r="KUU17" s="916" t="s">
        <v>3816</v>
      </c>
      <c r="KUV17" s="916" t="s">
        <v>3816</v>
      </c>
      <c r="KUW17" s="916" t="s">
        <v>3816</v>
      </c>
      <c r="KUX17" s="916" t="s">
        <v>3816</v>
      </c>
      <c r="KUY17" s="916" t="s">
        <v>3816</v>
      </c>
      <c r="KUZ17" s="916" t="s">
        <v>3816</v>
      </c>
      <c r="KVA17" s="916" t="s">
        <v>3816</v>
      </c>
      <c r="KVB17" s="916" t="s">
        <v>3816</v>
      </c>
      <c r="KVC17" s="916" t="s">
        <v>3816</v>
      </c>
      <c r="KVD17" s="916" t="s">
        <v>3816</v>
      </c>
      <c r="KVE17" s="916" t="s">
        <v>3816</v>
      </c>
      <c r="KVF17" s="916" t="s">
        <v>3816</v>
      </c>
      <c r="KVG17" s="916" t="s">
        <v>3816</v>
      </c>
      <c r="KVH17" s="916" t="s">
        <v>3816</v>
      </c>
      <c r="KVI17" s="916" t="s">
        <v>3816</v>
      </c>
      <c r="KVJ17" s="916" t="s">
        <v>3816</v>
      </c>
      <c r="KVK17" s="916" t="s">
        <v>3816</v>
      </c>
      <c r="KVL17" s="916" t="s">
        <v>3816</v>
      </c>
      <c r="KVM17" s="916" t="s">
        <v>3816</v>
      </c>
      <c r="KVN17" s="916" t="s">
        <v>3816</v>
      </c>
      <c r="KVO17" s="916" t="s">
        <v>3816</v>
      </c>
      <c r="KVP17" s="916" t="s">
        <v>3816</v>
      </c>
      <c r="KVQ17" s="916" t="s">
        <v>3816</v>
      </c>
      <c r="KVR17" s="916" t="s">
        <v>3816</v>
      </c>
      <c r="KVS17" s="916" t="s">
        <v>3816</v>
      </c>
      <c r="KVT17" s="916" t="s">
        <v>3816</v>
      </c>
      <c r="KVU17" s="916" t="s">
        <v>3816</v>
      </c>
      <c r="KVV17" s="916" t="s">
        <v>3816</v>
      </c>
      <c r="KVW17" s="916" t="s">
        <v>3816</v>
      </c>
      <c r="KVX17" s="916" t="s">
        <v>3816</v>
      </c>
      <c r="KVY17" s="916" t="s">
        <v>3816</v>
      </c>
      <c r="KVZ17" s="916" t="s">
        <v>3816</v>
      </c>
      <c r="KWA17" s="916" t="s">
        <v>3816</v>
      </c>
      <c r="KWB17" s="916" t="s">
        <v>3816</v>
      </c>
      <c r="KWC17" s="916" t="s">
        <v>3816</v>
      </c>
      <c r="KWD17" s="916" t="s">
        <v>3816</v>
      </c>
      <c r="KWE17" s="916" t="s">
        <v>3816</v>
      </c>
      <c r="KWF17" s="916" t="s">
        <v>3816</v>
      </c>
      <c r="KWG17" s="916" t="s">
        <v>3816</v>
      </c>
      <c r="KWH17" s="916" t="s">
        <v>3816</v>
      </c>
      <c r="KWI17" s="916" t="s">
        <v>3816</v>
      </c>
      <c r="KWJ17" s="916" t="s">
        <v>3816</v>
      </c>
      <c r="KWK17" s="916" t="s">
        <v>3816</v>
      </c>
      <c r="KWL17" s="916" t="s">
        <v>3816</v>
      </c>
      <c r="KWM17" s="916" t="s">
        <v>3816</v>
      </c>
      <c r="KWN17" s="916" t="s">
        <v>3816</v>
      </c>
      <c r="KWO17" s="916" t="s">
        <v>3816</v>
      </c>
      <c r="KWP17" s="916" t="s">
        <v>3816</v>
      </c>
      <c r="KWQ17" s="916" t="s">
        <v>3816</v>
      </c>
      <c r="KWR17" s="916" t="s">
        <v>3816</v>
      </c>
      <c r="KWS17" s="916" t="s">
        <v>3816</v>
      </c>
      <c r="KWT17" s="916" t="s">
        <v>3816</v>
      </c>
      <c r="KWU17" s="916" t="s">
        <v>3816</v>
      </c>
      <c r="KWV17" s="916" t="s">
        <v>3816</v>
      </c>
      <c r="KWW17" s="916" t="s">
        <v>3816</v>
      </c>
      <c r="KWX17" s="916" t="s">
        <v>3816</v>
      </c>
      <c r="KWY17" s="916" t="s">
        <v>3816</v>
      </c>
      <c r="KWZ17" s="916" t="s">
        <v>3816</v>
      </c>
      <c r="KXA17" s="916" t="s">
        <v>3816</v>
      </c>
      <c r="KXB17" s="916" t="s">
        <v>3816</v>
      </c>
      <c r="KXC17" s="916" t="s">
        <v>3816</v>
      </c>
      <c r="KXD17" s="916" t="s">
        <v>3816</v>
      </c>
      <c r="KXE17" s="916" t="s">
        <v>3816</v>
      </c>
      <c r="KXF17" s="916" t="s">
        <v>3816</v>
      </c>
      <c r="KXG17" s="916" t="s">
        <v>3816</v>
      </c>
      <c r="KXH17" s="916" t="s">
        <v>3816</v>
      </c>
      <c r="KXI17" s="916" t="s">
        <v>3816</v>
      </c>
      <c r="KXJ17" s="916" t="s">
        <v>3816</v>
      </c>
      <c r="KXK17" s="916" t="s">
        <v>3816</v>
      </c>
      <c r="KXL17" s="916" t="s">
        <v>3816</v>
      </c>
      <c r="KXM17" s="916" t="s">
        <v>3816</v>
      </c>
      <c r="KXN17" s="916" t="s">
        <v>3816</v>
      </c>
      <c r="KXO17" s="916" t="s">
        <v>3816</v>
      </c>
      <c r="KXP17" s="916" t="s">
        <v>3816</v>
      </c>
      <c r="KXQ17" s="916" t="s">
        <v>3816</v>
      </c>
      <c r="KXR17" s="916" t="s">
        <v>3816</v>
      </c>
      <c r="KXS17" s="916" t="s">
        <v>3816</v>
      </c>
      <c r="KXT17" s="916" t="s">
        <v>3816</v>
      </c>
      <c r="KXU17" s="916" t="s">
        <v>3816</v>
      </c>
      <c r="KXV17" s="916" t="s">
        <v>3816</v>
      </c>
      <c r="KXW17" s="916" t="s">
        <v>3816</v>
      </c>
      <c r="KXX17" s="916" t="s">
        <v>3816</v>
      </c>
      <c r="KXY17" s="916" t="s">
        <v>3816</v>
      </c>
      <c r="KXZ17" s="916" t="s">
        <v>3816</v>
      </c>
      <c r="KYA17" s="916" t="s">
        <v>3816</v>
      </c>
      <c r="KYB17" s="916" t="s">
        <v>3816</v>
      </c>
      <c r="KYC17" s="916" t="s">
        <v>3816</v>
      </c>
      <c r="KYD17" s="916" t="s">
        <v>3816</v>
      </c>
      <c r="KYE17" s="916" t="s">
        <v>3816</v>
      </c>
      <c r="KYF17" s="916" t="s">
        <v>3816</v>
      </c>
      <c r="KYG17" s="916" t="s">
        <v>3816</v>
      </c>
      <c r="KYH17" s="916" t="s">
        <v>3816</v>
      </c>
      <c r="KYI17" s="916" t="s">
        <v>3816</v>
      </c>
      <c r="KYJ17" s="916" t="s">
        <v>3816</v>
      </c>
      <c r="KYK17" s="916" t="s">
        <v>3816</v>
      </c>
      <c r="KYL17" s="916" t="s">
        <v>3816</v>
      </c>
      <c r="KYM17" s="916" t="s">
        <v>3816</v>
      </c>
      <c r="KYN17" s="916" t="s">
        <v>3816</v>
      </c>
      <c r="KYO17" s="916" t="s">
        <v>3816</v>
      </c>
      <c r="KYP17" s="916" t="s">
        <v>3816</v>
      </c>
      <c r="KYQ17" s="916" t="s">
        <v>3816</v>
      </c>
      <c r="KYR17" s="916" t="s">
        <v>3816</v>
      </c>
      <c r="KYS17" s="916" t="s">
        <v>3816</v>
      </c>
      <c r="KYT17" s="916" t="s">
        <v>3816</v>
      </c>
      <c r="KYU17" s="916" t="s">
        <v>3816</v>
      </c>
      <c r="KYV17" s="916" t="s">
        <v>3816</v>
      </c>
      <c r="KYW17" s="916" t="s">
        <v>3816</v>
      </c>
      <c r="KYX17" s="916" t="s">
        <v>3816</v>
      </c>
      <c r="KYY17" s="916" t="s">
        <v>3816</v>
      </c>
      <c r="KYZ17" s="916" t="s">
        <v>3816</v>
      </c>
      <c r="KZA17" s="916" t="s">
        <v>3816</v>
      </c>
      <c r="KZB17" s="916" t="s">
        <v>3816</v>
      </c>
      <c r="KZC17" s="916" t="s">
        <v>3816</v>
      </c>
      <c r="KZD17" s="916" t="s">
        <v>3816</v>
      </c>
      <c r="KZE17" s="916" t="s">
        <v>3816</v>
      </c>
      <c r="KZF17" s="916" t="s">
        <v>3816</v>
      </c>
      <c r="KZG17" s="916" t="s">
        <v>3816</v>
      </c>
      <c r="KZH17" s="916" t="s">
        <v>3816</v>
      </c>
      <c r="KZI17" s="916" t="s">
        <v>3816</v>
      </c>
      <c r="KZJ17" s="916" t="s">
        <v>3816</v>
      </c>
      <c r="KZK17" s="916" t="s">
        <v>3816</v>
      </c>
      <c r="KZL17" s="916" t="s">
        <v>3816</v>
      </c>
      <c r="KZM17" s="916" t="s">
        <v>3816</v>
      </c>
      <c r="KZN17" s="916" t="s">
        <v>3816</v>
      </c>
      <c r="KZO17" s="916" t="s">
        <v>3816</v>
      </c>
      <c r="KZP17" s="916" t="s">
        <v>3816</v>
      </c>
      <c r="KZQ17" s="916" t="s">
        <v>3816</v>
      </c>
      <c r="KZR17" s="916" t="s">
        <v>3816</v>
      </c>
      <c r="KZS17" s="916" t="s">
        <v>3816</v>
      </c>
      <c r="KZT17" s="916" t="s">
        <v>3816</v>
      </c>
      <c r="KZU17" s="916" t="s">
        <v>3816</v>
      </c>
      <c r="KZV17" s="916" t="s">
        <v>3816</v>
      </c>
      <c r="KZW17" s="916" t="s">
        <v>3816</v>
      </c>
      <c r="KZX17" s="916" t="s">
        <v>3816</v>
      </c>
      <c r="KZY17" s="916" t="s">
        <v>3816</v>
      </c>
      <c r="KZZ17" s="916" t="s">
        <v>3816</v>
      </c>
      <c r="LAA17" s="916" t="s">
        <v>3816</v>
      </c>
      <c r="LAB17" s="916" t="s">
        <v>3816</v>
      </c>
      <c r="LAC17" s="916" t="s">
        <v>3816</v>
      </c>
      <c r="LAD17" s="916" t="s">
        <v>3816</v>
      </c>
      <c r="LAE17" s="916" t="s">
        <v>3816</v>
      </c>
      <c r="LAF17" s="916" t="s">
        <v>3816</v>
      </c>
      <c r="LAG17" s="916" t="s">
        <v>3816</v>
      </c>
      <c r="LAH17" s="916" t="s">
        <v>3816</v>
      </c>
      <c r="LAI17" s="916" t="s">
        <v>3816</v>
      </c>
      <c r="LAJ17" s="916" t="s">
        <v>3816</v>
      </c>
      <c r="LAK17" s="916" t="s">
        <v>3816</v>
      </c>
      <c r="LAL17" s="916" t="s">
        <v>3816</v>
      </c>
      <c r="LAM17" s="916" t="s">
        <v>3816</v>
      </c>
      <c r="LAN17" s="916" t="s">
        <v>3816</v>
      </c>
      <c r="LAO17" s="916" t="s">
        <v>3816</v>
      </c>
      <c r="LAP17" s="916" t="s">
        <v>3816</v>
      </c>
      <c r="LAQ17" s="916" t="s">
        <v>3816</v>
      </c>
      <c r="LAR17" s="916" t="s">
        <v>3816</v>
      </c>
      <c r="LAS17" s="916" t="s">
        <v>3816</v>
      </c>
      <c r="LAT17" s="916" t="s">
        <v>3816</v>
      </c>
      <c r="LAU17" s="916" t="s">
        <v>3816</v>
      </c>
      <c r="LAV17" s="916" t="s">
        <v>3816</v>
      </c>
      <c r="LAW17" s="916" t="s">
        <v>3816</v>
      </c>
      <c r="LAX17" s="916" t="s">
        <v>3816</v>
      </c>
      <c r="LAY17" s="916" t="s">
        <v>3816</v>
      </c>
      <c r="LAZ17" s="916" t="s">
        <v>3816</v>
      </c>
      <c r="LBA17" s="916" t="s">
        <v>3816</v>
      </c>
      <c r="LBB17" s="916" t="s">
        <v>3816</v>
      </c>
      <c r="LBC17" s="916" t="s">
        <v>3816</v>
      </c>
      <c r="LBD17" s="916" t="s">
        <v>3816</v>
      </c>
      <c r="LBE17" s="916" t="s">
        <v>3816</v>
      </c>
      <c r="LBF17" s="916" t="s">
        <v>3816</v>
      </c>
      <c r="LBG17" s="916" t="s">
        <v>3816</v>
      </c>
      <c r="LBH17" s="916" t="s">
        <v>3816</v>
      </c>
      <c r="LBI17" s="916" t="s">
        <v>3816</v>
      </c>
      <c r="LBJ17" s="916" t="s">
        <v>3816</v>
      </c>
      <c r="LBK17" s="916" t="s">
        <v>3816</v>
      </c>
      <c r="LBL17" s="916" t="s">
        <v>3816</v>
      </c>
      <c r="LBM17" s="916" t="s">
        <v>3816</v>
      </c>
      <c r="LBN17" s="916" t="s">
        <v>3816</v>
      </c>
      <c r="LBO17" s="916" t="s">
        <v>3816</v>
      </c>
      <c r="LBP17" s="916" t="s">
        <v>3816</v>
      </c>
      <c r="LBQ17" s="916" t="s">
        <v>3816</v>
      </c>
      <c r="LBR17" s="916" t="s">
        <v>3816</v>
      </c>
      <c r="LBS17" s="916" t="s">
        <v>3816</v>
      </c>
      <c r="LBT17" s="916" t="s">
        <v>3816</v>
      </c>
      <c r="LBU17" s="916" t="s">
        <v>3816</v>
      </c>
      <c r="LBV17" s="916" t="s">
        <v>3816</v>
      </c>
      <c r="LBW17" s="916" t="s">
        <v>3816</v>
      </c>
      <c r="LBX17" s="916" t="s">
        <v>3816</v>
      </c>
      <c r="LBY17" s="916" t="s">
        <v>3816</v>
      </c>
      <c r="LBZ17" s="916" t="s">
        <v>3816</v>
      </c>
      <c r="LCA17" s="916" t="s">
        <v>3816</v>
      </c>
      <c r="LCB17" s="916" t="s">
        <v>3816</v>
      </c>
      <c r="LCC17" s="916" t="s">
        <v>3816</v>
      </c>
      <c r="LCD17" s="916" t="s">
        <v>3816</v>
      </c>
      <c r="LCE17" s="916" t="s">
        <v>3816</v>
      </c>
      <c r="LCF17" s="916" t="s">
        <v>3816</v>
      </c>
      <c r="LCG17" s="916" t="s">
        <v>3816</v>
      </c>
      <c r="LCH17" s="916" t="s">
        <v>3816</v>
      </c>
      <c r="LCI17" s="916" t="s">
        <v>3816</v>
      </c>
      <c r="LCJ17" s="916" t="s">
        <v>3816</v>
      </c>
      <c r="LCK17" s="916" t="s">
        <v>3816</v>
      </c>
      <c r="LCL17" s="916" t="s">
        <v>3816</v>
      </c>
      <c r="LCM17" s="916" t="s">
        <v>3816</v>
      </c>
      <c r="LCN17" s="916" t="s">
        <v>3816</v>
      </c>
      <c r="LCO17" s="916" t="s">
        <v>3816</v>
      </c>
      <c r="LCP17" s="916" t="s">
        <v>3816</v>
      </c>
      <c r="LCQ17" s="916" t="s">
        <v>3816</v>
      </c>
      <c r="LCR17" s="916" t="s">
        <v>3816</v>
      </c>
      <c r="LCS17" s="916" t="s">
        <v>3816</v>
      </c>
      <c r="LCT17" s="916" t="s">
        <v>3816</v>
      </c>
      <c r="LCU17" s="916" t="s">
        <v>3816</v>
      </c>
      <c r="LCV17" s="916" t="s">
        <v>3816</v>
      </c>
      <c r="LCW17" s="916" t="s">
        <v>3816</v>
      </c>
      <c r="LCX17" s="916" t="s">
        <v>3816</v>
      </c>
      <c r="LCY17" s="916" t="s">
        <v>3816</v>
      </c>
      <c r="LCZ17" s="916" t="s">
        <v>3816</v>
      </c>
      <c r="LDA17" s="916" t="s">
        <v>3816</v>
      </c>
      <c r="LDB17" s="916" t="s">
        <v>3816</v>
      </c>
      <c r="LDC17" s="916" t="s">
        <v>3816</v>
      </c>
      <c r="LDD17" s="916" t="s">
        <v>3816</v>
      </c>
      <c r="LDE17" s="916" t="s">
        <v>3816</v>
      </c>
      <c r="LDF17" s="916" t="s">
        <v>3816</v>
      </c>
      <c r="LDG17" s="916" t="s">
        <v>3816</v>
      </c>
      <c r="LDH17" s="916" t="s">
        <v>3816</v>
      </c>
      <c r="LDI17" s="916" t="s">
        <v>3816</v>
      </c>
      <c r="LDJ17" s="916" t="s">
        <v>3816</v>
      </c>
      <c r="LDK17" s="916" t="s">
        <v>3816</v>
      </c>
      <c r="LDL17" s="916" t="s">
        <v>3816</v>
      </c>
      <c r="LDM17" s="916" t="s">
        <v>3816</v>
      </c>
      <c r="LDN17" s="916" t="s">
        <v>3816</v>
      </c>
      <c r="LDO17" s="916" t="s">
        <v>3816</v>
      </c>
      <c r="LDP17" s="916" t="s">
        <v>3816</v>
      </c>
      <c r="LDQ17" s="916" t="s">
        <v>3816</v>
      </c>
      <c r="LDR17" s="916" t="s">
        <v>3816</v>
      </c>
      <c r="LDS17" s="916" t="s">
        <v>3816</v>
      </c>
      <c r="LDT17" s="916" t="s">
        <v>3816</v>
      </c>
      <c r="LDU17" s="916" t="s">
        <v>3816</v>
      </c>
      <c r="LDV17" s="916" t="s">
        <v>3816</v>
      </c>
      <c r="LDW17" s="916" t="s">
        <v>3816</v>
      </c>
      <c r="LDX17" s="916" t="s">
        <v>3816</v>
      </c>
      <c r="LDY17" s="916" t="s">
        <v>3816</v>
      </c>
      <c r="LDZ17" s="916" t="s">
        <v>3816</v>
      </c>
      <c r="LEA17" s="916" t="s">
        <v>3816</v>
      </c>
      <c r="LEB17" s="916" t="s">
        <v>3816</v>
      </c>
      <c r="LEC17" s="916" t="s">
        <v>3816</v>
      </c>
      <c r="LED17" s="916" t="s">
        <v>3816</v>
      </c>
      <c r="LEE17" s="916" t="s">
        <v>3816</v>
      </c>
      <c r="LEF17" s="916" t="s">
        <v>3816</v>
      </c>
      <c r="LEG17" s="916" t="s">
        <v>3816</v>
      </c>
      <c r="LEH17" s="916" t="s">
        <v>3816</v>
      </c>
      <c r="LEI17" s="916" t="s">
        <v>3816</v>
      </c>
      <c r="LEJ17" s="916" t="s">
        <v>3816</v>
      </c>
      <c r="LEK17" s="916" t="s">
        <v>3816</v>
      </c>
      <c r="LEL17" s="916" t="s">
        <v>3816</v>
      </c>
      <c r="LEM17" s="916" t="s">
        <v>3816</v>
      </c>
      <c r="LEN17" s="916" t="s">
        <v>3816</v>
      </c>
      <c r="LEO17" s="916" t="s">
        <v>3816</v>
      </c>
      <c r="LEP17" s="916" t="s">
        <v>3816</v>
      </c>
      <c r="LEQ17" s="916" t="s">
        <v>3816</v>
      </c>
      <c r="LER17" s="916" t="s">
        <v>3816</v>
      </c>
      <c r="LES17" s="916" t="s">
        <v>3816</v>
      </c>
      <c r="LET17" s="916" t="s">
        <v>3816</v>
      </c>
      <c r="LEU17" s="916" t="s">
        <v>3816</v>
      </c>
      <c r="LEV17" s="916" t="s">
        <v>3816</v>
      </c>
      <c r="LEW17" s="916" t="s">
        <v>3816</v>
      </c>
      <c r="LEX17" s="916" t="s">
        <v>3816</v>
      </c>
      <c r="LEY17" s="916" t="s">
        <v>3816</v>
      </c>
      <c r="LEZ17" s="916" t="s">
        <v>3816</v>
      </c>
      <c r="LFA17" s="916" t="s">
        <v>3816</v>
      </c>
      <c r="LFB17" s="916" t="s">
        <v>3816</v>
      </c>
      <c r="LFC17" s="916" t="s">
        <v>3816</v>
      </c>
      <c r="LFD17" s="916" t="s">
        <v>3816</v>
      </c>
      <c r="LFE17" s="916" t="s">
        <v>3816</v>
      </c>
      <c r="LFF17" s="916" t="s">
        <v>3816</v>
      </c>
      <c r="LFG17" s="916" t="s">
        <v>3816</v>
      </c>
      <c r="LFH17" s="916" t="s">
        <v>3816</v>
      </c>
      <c r="LFI17" s="916" t="s">
        <v>3816</v>
      </c>
      <c r="LFJ17" s="916" t="s">
        <v>3816</v>
      </c>
      <c r="LFK17" s="916" t="s">
        <v>3816</v>
      </c>
      <c r="LFL17" s="916" t="s">
        <v>3816</v>
      </c>
      <c r="LFM17" s="916" t="s">
        <v>3816</v>
      </c>
      <c r="LFN17" s="916" t="s">
        <v>3816</v>
      </c>
      <c r="LFO17" s="916" t="s">
        <v>3816</v>
      </c>
      <c r="LFP17" s="916" t="s">
        <v>3816</v>
      </c>
      <c r="LFQ17" s="916" t="s">
        <v>3816</v>
      </c>
      <c r="LFR17" s="916" t="s">
        <v>3816</v>
      </c>
      <c r="LFS17" s="916" t="s">
        <v>3816</v>
      </c>
      <c r="LFT17" s="916" t="s">
        <v>3816</v>
      </c>
      <c r="LFU17" s="916" t="s">
        <v>3816</v>
      </c>
      <c r="LFV17" s="916" t="s">
        <v>3816</v>
      </c>
      <c r="LFW17" s="916" t="s">
        <v>3816</v>
      </c>
      <c r="LFX17" s="916" t="s">
        <v>3816</v>
      </c>
      <c r="LFY17" s="916" t="s">
        <v>3816</v>
      </c>
      <c r="LFZ17" s="916" t="s">
        <v>3816</v>
      </c>
      <c r="LGA17" s="916" t="s">
        <v>3816</v>
      </c>
      <c r="LGB17" s="916" t="s">
        <v>3816</v>
      </c>
      <c r="LGC17" s="916" t="s">
        <v>3816</v>
      </c>
      <c r="LGD17" s="916" t="s">
        <v>3816</v>
      </c>
      <c r="LGE17" s="916" t="s">
        <v>3816</v>
      </c>
      <c r="LGF17" s="916" t="s">
        <v>3816</v>
      </c>
      <c r="LGG17" s="916" t="s">
        <v>3816</v>
      </c>
      <c r="LGH17" s="916" t="s">
        <v>3816</v>
      </c>
      <c r="LGI17" s="916" t="s">
        <v>3816</v>
      </c>
      <c r="LGJ17" s="916" t="s">
        <v>3816</v>
      </c>
      <c r="LGK17" s="916" t="s">
        <v>3816</v>
      </c>
      <c r="LGL17" s="916" t="s">
        <v>3816</v>
      </c>
      <c r="LGM17" s="916" t="s">
        <v>3816</v>
      </c>
      <c r="LGN17" s="916" t="s">
        <v>3816</v>
      </c>
      <c r="LGO17" s="916" t="s">
        <v>3816</v>
      </c>
      <c r="LGP17" s="916" t="s">
        <v>3816</v>
      </c>
      <c r="LGQ17" s="916" t="s">
        <v>3816</v>
      </c>
      <c r="LGR17" s="916" t="s">
        <v>3816</v>
      </c>
      <c r="LGS17" s="916" t="s">
        <v>3816</v>
      </c>
      <c r="LGT17" s="916" t="s">
        <v>3816</v>
      </c>
      <c r="LGU17" s="916" t="s">
        <v>3816</v>
      </c>
      <c r="LGV17" s="916" t="s">
        <v>3816</v>
      </c>
      <c r="LGW17" s="916" t="s">
        <v>3816</v>
      </c>
      <c r="LGX17" s="916" t="s">
        <v>3816</v>
      </c>
      <c r="LGY17" s="916" t="s">
        <v>3816</v>
      </c>
      <c r="LGZ17" s="916" t="s">
        <v>3816</v>
      </c>
      <c r="LHA17" s="916" t="s">
        <v>3816</v>
      </c>
      <c r="LHB17" s="916" t="s">
        <v>3816</v>
      </c>
      <c r="LHC17" s="916" t="s">
        <v>3816</v>
      </c>
      <c r="LHD17" s="916" t="s">
        <v>3816</v>
      </c>
      <c r="LHE17" s="916" t="s">
        <v>3816</v>
      </c>
      <c r="LHF17" s="916" t="s">
        <v>3816</v>
      </c>
      <c r="LHG17" s="916" t="s">
        <v>3816</v>
      </c>
      <c r="LHH17" s="916" t="s">
        <v>3816</v>
      </c>
      <c r="LHI17" s="916" t="s">
        <v>3816</v>
      </c>
      <c r="LHJ17" s="916" t="s">
        <v>3816</v>
      </c>
      <c r="LHK17" s="916" t="s">
        <v>3816</v>
      </c>
      <c r="LHL17" s="916" t="s">
        <v>3816</v>
      </c>
      <c r="LHM17" s="916" t="s">
        <v>3816</v>
      </c>
      <c r="LHN17" s="916" t="s">
        <v>3816</v>
      </c>
      <c r="LHO17" s="916" t="s">
        <v>3816</v>
      </c>
      <c r="LHP17" s="916" t="s">
        <v>3816</v>
      </c>
      <c r="LHQ17" s="916" t="s">
        <v>3816</v>
      </c>
      <c r="LHR17" s="916" t="s">
        <v>3816</v>
      </c>
      <c r="LHS17" s="916" t="s">
        <v>3816</v>
      </c>
      <c r="LHT17" s="916" t="s">
        <v>3816</v>
      </c>
      <c r="LHU17" s="916" t="s">
        <v>3816</v>
      </c>
      <c r="LHV17" s="916" t="s">
        <v>3816</v>
      </c>
      <c r="LHW17" s="916" t="s">
        <v>3816</v>
      </c>
      <c r="LHX17" s="916" t="s">
        <v>3816</v>
      </c>
      <c r="LHY17" s="916" t="s">
        <v>3816</v>
      </c>
      <c r="LHZ17" s="916" t="s">
        <v>3816</v>
      </c>
      <c r="LIA17" s="916" t="s">
        <v>3816</v>
      </c>
      <c r="LIB17" s="916" t="s">
        <v>3816</v>
      </c>
      <c r="LIC17" s="916" t="s">
        <v>3816</v>
      </c>
      <c r="LID17" s="916" t="s">
        <v>3816</v>
      </c>
      <c r="LIE17" s="916" t="s">
        <v>3816</v>
      </c>
      <c r="LIF17" s="916" t="s">
        <v>3816</v>
      </c>
      <c r="LIG17" s="916" t="s">
        <v>3816</v>
      </c>
      <c r="LIH17" s="916" t="s">
        <v>3816</v>
      </c>
      <c r="LII17" s="916" t="s">
        <v>3816</v>
      </c>
      <c r="LIJ17" s="916" t="s">
        <v>3816</v>
      </c>
      <c r="LIK17" s="916" t="s">
        <v>3816</v>
      </c>
      <c r="LIL17" s="916" t="s">
        <v>3816</v>
      </c>
      <c r="LIM17" s="916" t="s">
        <v>3816</v>
      </c>
      <c r="LIN17" s="916" t="s">
        <v>3816</v>
      </c>
      <c r="LIO17" s="916" t="s">
        <v>3816</v>
      </c>
      <c r="LIP17" s="916" t="s">
        <v>3816</v>
      </c>
      <c r="LIQ17" s="916" t="s">
        <v>3816</v>
      </c>
      <c r="LIR17" s="916" t="s">
        <v>3816</v>
      </c>
      <c r="LIS17" s="916" t="s">
        <v>3816</v>
      </c>
      <c r="LIT17" s="916" t="s">
        <v>3816</v>
      </c>
      <c r="LIU17" s="916" t="s">
        <v>3816</v>
      </c>
      <c r="LIV17" s="916" t="s">
        <v>3816</v>
      </c>
      <c r="LIW17" s="916" t="s">
        <v>3816</v>
      </c>
      <c r="LIX17" s="916" t="s">
        <v>3816</v>
      </c>
      <c r="LIY17" s="916" t="s">
        <v>3816</v>
      </c>
      <c r="LIZ17" s="916" t="s">
        <v>3816</v>
      </c>
      <c r="LJA17" s="916" t="s">
        <v>3816</v>
      </c>
      <c r="LJB17" s="916" t="s">
        <v>3816</v>
      </c>
      <c r="LJC17" s="916" t="s">
        <v>3816</v>
      </c>
      <c r="LJD17" s="916" t="s">
        <v>3816</v>
      </c>
      <c r="LJE17" s="916" t="s">
        <v>3816</v>
      </c>
      <c r="LJF17" s="916" t="s">
        <v>3816</v>
      </c>
      <c r="LJG17" s="916" t="s">
        <v>3816</v>
      </c>
      <c r="LJH17" s="916" t="s">
        <v>3816</v>
      </c>
      <c r="LJI17" s="916" t="s">
        <v>3816</v>
      </c>
      <c r="LJJ17" s="916" t="s">
        <v>3816</v>
      </c>
      <c r="LJK17" s="916" t="s">
        <v>3816</v>
      </c>
      <c r="LJL17" s="916" t="s">
        <v>3816</v>
      </c>
      <c r="LJM17" s="916" t="s">
        <v>3816</v>
      </c>
      <c r="LJN17" s="916" t="s">
        <v>3816</v>
      </c>
      <c r="LJO17" s="916" t="s">
        <v>3816</v>
      </c>
      <c r="LJP17" s="916" t="s">
        <v>3816</v>
      </c>
      <c r="LJQ17" s="916" t="s">
        <v>3816</v>
      </c>
      <c r="LJR17" s="916" t="s">
        <v>3816</v>
      </c>
      <c r="LJS17" s="916" t="s">
        <v>3816</v>
      </c>
      <c r="LJT17" s="916" t="s">
        <v>3816</v>
      </c>
      <c r="LJU17" s="916" t="s">
        <v>3816</v>
      </c>
      <c r="LJV17" s="916" t="s">
        <v>3816</v>
      </c>
      <c r="LJW17" s="916" t="s">
        <v>3816</v>
      </c>
      <c r="LJX17" s="916" t="s">
        <v>3816</v>
      </c>
      <c r="LJY17" s="916" t="s">
        <v>3816</v>
      </c>
      <c r="LJZ17" s="916" t="s">
        <v>3816</v>
      </c>
      <c r="LKA17" s="916" t="s">
        <v>3816</v>
      </c>
      <c r="LKB17" s="916" t="s">
        <v>3816</v>
      </c>
      <c r="LKC17" s="916" t="s">
        <v>3816</v>
      </c>
      <c r="LKD17" s="916" t="s">
        <v>3816</v>
      </c>
      <c r="LKE17" s="916" t="s">
        <v>3816</v>
      </c>
      <c r="LKF17" s="916" t="s">
        <v>3816</v>
      </c>
      <c r="LKG17" s="916" t="s">
        <v>3816</v>
      </c>
      <c r="LKH17" s="916" t="s">
        <v>3816</v>
      </c>
      <c r="LKI17" s="916" t="s">
        <v>3816</v>
      </c>
      <c r="LKJ17" s="916" t="s">
        <v>3816</v>
      </c>
      <c r="LKK17" s="916" t="s">
        <v>3816</v>
      </c>
      <c r="LKL17" s="916" t="s">
        <v>3816</v>
      </c>
      <c r="LKM17" s="916" t="s">
        <v>3816</v>
      </c>
      <c r="LKN17" s="916" t="s">
        <v>3816</v>
      </c>
      <c r="LKO17" s="916" t="s">
        <v>3816</v>
      </c>
      <c r="LKP17" s="916" t="s">
        <v>3816</v>
      </c>
      <c r="LKQ17" s="916" t="s">
        <v>3816</v>
      </c>
      <c r="LKR17" s="916" t="s">
        <v>3816</v>
      </c>
      <c r="LKS17" s="916" t="s">
        <v>3816</v>
      </c>
      <c r="LKT17" s="916" t="s">
        <v>3816</v>
      </c>
      <c r="LKU17" s="916" t="s">
        <v>3816</v>
      </c>
      <c r="LKV17" s="916" t="s">
        <v>3816</v>
      </c>
      <c r="LKW17" s="916" t="s">
        <v>3816</v>
      </c>
      <c r="LKX17" s="916" t="s">
        <v>3816</v>
      </c>
      <c r="LKY17" s="916" t="s">
        <v>3816</v>
      </c>
      <c r="LKZ17" s="916" t="s">
        <v>3816</v>
      </c>
      <c r="LLA17" s="916" t="s">
        <v>3816</v>
      </c>
      <c r="LLB17" s="916" t="s">
        <v>3816</v>
      </c>
      <c r="LLC17" s="916" t="s">
        <v>3816</v>
      </c>
      <c r="LLD17" s="916" t="s">
        <v>3816</v>
      </c>
      <c r="LLE17" s="916" t="s">
        <v>3816</v>
      </c>
      <c r="LLF17" s="916" t="s">
        <v>3816</v>
      </c>
      <c r="LLG17" s="916" t="s">
        <v>3816</v>
      </c>
      <c r="LLH17" s="916" t="s">
        <v>3816</v>
      </c>
      <c r="LLI17" s="916" t="s">
        <v>3816</v>
      </c>
      <c r="LLJ17" s="916" t="s">
        <v>3816</v>
      </c>
      <c r="LLK17" s="916" t="s">
        <v>3816</v>
      </c>
      <c r="LLL17" s="916" t="s">
        <v>3816</v>
      </c>
      <c r="LLM17" s="916" t="s">
        <v>3816</v>
      </c>
      <c r="LLN17" s="916" t="s">
        <v>3816</v>
      </c>
      <c r="LLO17" s="916" t="s">
        <v>3816</v>
      </c>
      <c r="LLP17" s="916" t="s">
        <v>3816</v>
      </c>
      <c r="LLQ17" s="916" t="s">
        <v>3816</v>
      </c>
      <c r="LLR17" s="916" t="s">
        <v>3816</v>
      </c>
      <c r="LLS17" s="916" t="s">
        <v>3816</v>
      </c>
      <c r="LLT17" s="916" t="s">
        <v>3816</v>
      </c>
      <c r="LLU17" s="916" t="s">
        <v>3816</v>
      </c>
      <c r="LLV17" s="916" t="s">
        <v>3816</v>
      </c>
      <c r="LLW17" s="916" t="s">
        <v>3816</v>
      </c>
      <c r="LLX17" s="916" t="s">
        <v>3816</v>
      </c>
      <c r="LLY17" s="916" t="s">
        <v>3816</v>
      </c>
      <c r="LLZ17" s="916" t="s">
        <v>3816</v>
      </c>
      <c r="LMA17" s="916" t="s">
        <v>3816</v>
      </c>
      <c r="LMB17" s="916" t="s">
        <v>3816</v>
      </c>
      <c r="LMC17" s="916" t="s">
        <v>3816</v>
      </c>
      <c r="LMD17" s="916" t="s">
        <v>3816</v>
      </c>
      <c r="LME17" s="916" t="s">
        <v>3816</v>
      </c>
      <c r="LMF17" s="916" t="s">
        <v>3816</v>
      </c>
      <c r="LMG17" s="916" t="s">
        <v>3816</v>
      </c>
      <c r="LMH17" s="916" t="s">
        <v>3816</v>
      </c>
      <c r="LMI17" s="916" t="s">
        <v>3816</v>
      </c>
      <c r="LMJ17" s="916" t="s">
        <v>3816</v>
      </c>
      <c r="LMK17" s="916" t="s">
        <v>3816</v>
      </c>
      <c r="LML17" s="916" t="s">
        <v>3816</v>
      </c>
      <c r="LMM17" s="916" t="s">
        <v>3816</v>
      </c>
      <c r="LMN17" s="916" t="s">
        <v>3816</v>
      </c>
      <c r="LMO17" s="916" t="s">
        <v>3816</v>
      </c>
      <c r="LMP17" s="916" t="s">
        <v>3816</v>
      </c>
      <c r="LMQ17" s="916" t="s">
        <v>3816</v>
      </c>
      <c r="LMR17" s="916" t="s">
        <v>3816</v>
      </c>
      <c r="LMS17" s="916" t="s">
        <v>3816</v>
      </c>
      <c r="LMT17" s="916" t="s">
        <v>3816</v>
      </c>
      <c r="LMU17" s="916" t="s">
        <v>3816</v>
      </c>
      <c r="LMV17" s="916" t="s">
        <v>3816</v>
      </c>
      <c r="LMW17" s="916" t="s">
        <v>3816</v>
      </c>
      <c r="LMX17" s="916" t="s">
        <v>3816</v>
      </c>
      <c r="LMY17" s="916" t="s">
        <v>3816</v>
      </c>
      <c r="LMZ17" s="916" t="s">
        <v>3816</v>
      </c>
      <c r="LNA17" s="916" t="s">
        <v>3816</v>
      </c>
      <c r="LNB17" s="916" t="s">
        <v>3816</v>
      </c>
      <c r="LNC17" s="916" t="s">
        <v>3816</v>
      </c>
      <c r="LND17" s="916" t="s">
        <v>3816</v>
      </c>
      <c r="LNE17" s="916" t="s">
        <v>3816</v>
      </c>
      <c r="LNF17" s="916" t="s">
        <v>3816</v>
      </c>
      <c r="LNG17" s="916" t="s">
        <v>3816</v>
      </c>
      <c r="LNH17" s="916" t="s">
        <v>3816</v>
      </c>
      <c r="LNI17" s="916" t="s">
        <v>3816</v>
      </c>
      <c r="LNJ17" s="916" t="s">
        <v>3816</v>
      </c>
      <c r="LNK17" s="916" t="s">
        <v>3816</v>
      </c>
      <c r="LNL17" s="916" t="s">
        <v>3816</v>
      </c>
      <c r="LNM17" s="916" t="s">
        <v>3816</v>
      </c>
      <c r="LNN17" s="916" t="s">
        <v>3816</v>
      </c>
      <c r="LNO17" s="916" t="s">
        <v>3816</v>
      </c>
      <c r="LNP17" s="916" t="s">
        <v>3816</v>
      </c>
      <c r="LNQ17" s="916" t="s">
        <v>3816</v>
      </c>
      <c r="LNR17" s="916" t="s">
        <v>3816</v>
      </c>
      <c r="LNS17" s="916" t="s">
        <v>3816</v>
      </c>
      <c r="LNT17" s="916" t="s">
        <v>3816</v>
      </c>
      <c r="LNU17" s="916" t="s">
        <v>3816</v>
      </c>
      <c r="LNV17" s="916" t="s">
        <v>3816</v>
      </c>
      <c r="LNW17" s="916" t="s">
        <v>3816</v>
      </c>
      <c r="LNX17" s="916" t="s">
        <v>3816</v>
      </c>
      <c r="LNY17" s="916" t="s">
        <v>3816</v>
      </c>
      <c r="LNZ17" s="916" t="s">
        <v>3816</v>
      </c>
      <c r="LOA17" s="916" t="s">
        <v>3816</v>
      </c>
      <c r="LOB17" s="916" t="s">
        <v>3816</v>
      </c>
      <c r="LOC17" s="916" t="s">
        <v>3816</v>
      </c>
      <c r="LOD17" s="916" t="s">
        <v>3816</v>
      </c>
      <c r="LOE17" s="916" t="s">
        <v>3816</v>
      </c>
      <c r="LOF17" s="916" t="s">
        <v>3816</v>
      </c>
      <c r="LOG17" s="916" t="s">
        <v>3816</v>
      </c>
      <c r="LOH17" s="916" t="s">
        <v>3816</v>
      </c>
      <c r="LOI17" s="916" t="s">
        <v>3816</v>
      </c>
      <c r="LOJ17" s="916" t="s">
        <v>3816</v>
      </c>
      <c r="LOK17" s="916" t="s">
        <v>3816</v>
      </c>
      <c r="LOL17" s="916" t="s">
        <v>3816</v>
      </c>
      <c r="LOM17" s="916" t="s">
        <v>3816</v>
      </c>
      <c r="LON17" s="916" t="s">
        <v>3816</v>
      </c>
      <c r="LOO17" s="916" t="s">
        <v>3816</v>
      </c>
      <c r="LOP17" s="916" t="s">
        <v>3816</v>
      </c>
      <c r="LOQ17" s="916" t="s">
        <v>3816</v>
      </c>
      <c r="LOR17" s="916" t="s">
        <v>3816</v>
      </c>
      <c r="LOS17" s="916" t="s">
        <v>3816</v>
      </c>
      <c r="LOT17" s="916" t="s">
        <v>3816</v>
      </c>
      <c r="LOU17" s="916" t="s">
        <v>3816</v>
      </c>
      <c r="LOV17" s="916" t="s">
        <v>3816</v>
      </c>
      <c r="LOW17" s="916" t="s">
        <v>3816</v>
      </c>
      <c r="LOX17" s="916" t="s">
        <v>3816</v>
      </c>
      <c r="LOY17" s="916" t="s">
        <v>3816</v>
      </c>
      <c r="LOZ17" s="916" t="s">
        <v>3816</v>
      </c>
      <c r="LPA17" s="916" t="s">
        <v>3816</v>
      </c>
      <c r="LPB17" s="916" t="s">
        <v>3816</v>
      </c>
      <c r="LPC17" s="916" t="s">
        <v>3816</v>
      </c>
      <c r="LPD17" s="916" t="s">
        <v>3816</v>
      </c>
      <c r="LPE17" s="916" t="s">
        <v>3816</v>
      </c>
      <c r="LPF17" s="916" t="s">
        <v>3816</v>
      </c>
      <c r="LPG17" s="916" t="s">
        <v>3816</v>
      </c>
      <c r="LPH17" s="916" t="s">
        <v>3816</v>
      </c>
      <c r="LPI17" s="916" t="s">
        <v>3816</v>
      </c>
      <c r="LPJ17" s="916" t="s">
        <v>3816</v>
      </c>
      <c r="LPK17" s="916" t="s">
        <v>3816</v>
      </c>
      <c r="LPL17" s="916" t="s">
        <v>3816</v>
      </c>
      <c r="LPM17" s="916" t="s">
        <v>3816</v>
      </c>
      <c r="LPN17" s="916" t="s">
        <v>3816</v>
      </c>
      <c r="LPO17" s="916" t="s">
        <v>3816</v>
      </c>
      <c r="LPP17" s="916" t="s">
        <v>3816</v>
      </c>
      <c r="LPQ17" s="916" t="s">
        <v>3816</v>
      </c>
      <c r="LPR17" s="916" t="s">
        <v>3816</v>
      </c>
      <c r="LPS17" s="916" t="s">
        <v>3816</v>
      </c>
      <c r="LPT17" s="916" t="s">
        <v>3816</v>
      </c>
      <c r="LPU17" s="916" t="s">
        <v>3816</v>
      </c>
      <c r="LPV17" s="916" t="s">
        <v>3816</v>
      </c>
      <c r="LPW17" s="916" t="s">
        <v>3816</v>
      </c>
      <c r="LPX17" s="916" t="s">
        <v>3816</v>
      </c>
      <c r="LPY17" s="916" t="s">
        <v>3816</v>
      </c>
      <c r="LPZ17" s="916" t="s">
        <v>3816</v>
      </c>
      <c r="LQA17" s="916" t="s">
        <v>3816</v>
      </c>
      <c r="LQB17" s="916" t="s">
        <v>3816</v>
      </c>
      <c r="LQC17" s="916" t="s">
        <v>3816</v>
      </c>
      <c r="LQD17" s="916" t="s">
        <v>3816</v>
      </c>
      <c r="LQE17" s="916" t="s">
        <v>3816</v>
      </c>
      <c r="LQF17" s="916" t="s">
        <v>3816</v>
      </c>
      <c r="LQG17" s="916" t="s">
        <v>3816</v>
      </c>
      <c r="LQH17" s="916" t="s">
        <v>3816</v>
      </c>
      <c r="LQI17" s="916" t="s">
        <v>3816</v>
      </c>
      <c r="LQJ17" s="916" t="s">
        <v>3816</v>
      </c>
      <c r="LQK17" s="916" t="s">
        <v>3816</v>
      </c>
      <c r="LQL17" s="916" t="s">
        <v>3816</v>
      </c>
      <c r="LQM17" s="916" t="s">
        <v>3816</v>
      </c>
      <c r="LQN17" s="916" t="s">
        <v>3816</v>
      </c>
      <c r="LQO17" s="916" t="s">
        <v>3816</v>
      </c>
      <c r="LQP17" s="916" t="s">
        <v>3816</v>
      </c>
      <c r="LQQ17" s="916" t="s">
        <v>3816</v>
      </c>
      <c r="LQR17" s="916" t="s">
        <v>3816</v>
      </c>
      <c r="LQS17" s="916" t="s">
        <v>3816</v>
      </c>
      <c r="LQT17" s="916" t="s">
        <v>3816</v>
      </c>
      <c r="LQU17" s="916" t="s">
        <v>3816</v>
      </c>
      <c r="LQV17" s="916" t="s">
        <v>3816</v>
      </c>
      <c r="LQW17" s="916" t="s">
        <v>3816</v>
      </c>
      <c r="LQX17" s="916" t="s">
        <v>3816</v>
      </c>
      <c r="LQY17" s="916" t="s">
        <v>3816</v>
      </c>
      <c r="LQZ17" s="916" t="s">
        <v>3816</v>
      </c>
      <c r="LRA17" s="916" t="s">
        <v>3816</v>
      </c>
      <c r="LRB17" s="916" t="s">
        <v>3816</v>
      </c>
      <c r="LRC17" s="916" t="s">
        <v>3816</v>
      </c>
      <c r="LRD17" s="916" t="s">
        <v>3816</v>
      </c>
      <c r="LRE17" s="916" t="s">
        <v>3816</v>
      </c>
      <c r="LRF17" s="916" t="s">
        <v>3816</v>
      </c>
      <c r="LRG17" s="916" t="s">
        <v>3816</v>
      </c>
      <c r="LRH17" s="916" t="s">
        <v>3816</v>
      </c>
      <c r="LRI17" s="916" t="s">
        <v>3816</v>
      </c>
      <c r="LRJ17" s="916" t="s">
        <v>3816</v>
      </c>
      <c r="LRK17" s="916" t="s">
        <v>3816</v>
      </c>
      <c r="LRL17" s="916" t="s">
        <v>3816</v>
      </c>
      <c r="LRM17" s="916" t="s">
        <v>3816</v>
      </c>
      <c r="LRN17" s="916" t="s">
        <v>3816</v>
      </c>
      <c r="LRO17" s="916" t="s">
        <v>3816</v>
      </c>
      <c r="LRP17" s="916" t="s">
        <v>3816</v>
      </c>
      <c r="LRQ17" s="916" t="s">
        <v>3816</v>
      </c>
      <c r="LRR17" s="916" t="s">
        <v>3816</v>
      </c>
      <c r="LRS17" s="916" t="s">
        <v>3816</v>
      </c>
      <c r="LRT17" s="916" t="s">
        <v>3816</v>
      </c>
      <c r="LRU17" s="916" t="s">
        <v>3816</v>
      </c>
      <c r="LRV17" s="916" t="s">
        <v>3816</v>
      </c>
      <c r="LRW17" s="916" t="s">
        <v>3816</v>
      </c>
      <c r="LRX17" s="916" t="s">
        <v>3816</v>
      </c>
      <c r="LRY17" s="916" t="s">
        <v>3816</v>
      </c>
      <c r="LRZ17" s="916" t="s">
        <v>3816</v>
      </c>
      <c r="LSA17" s="916" t="s">
        <v>3816</v>
      </c>
      <c r="LSB17" s="916" t="s">
        <v>3816</v>
      </c>
      <c r="LSC17" s="916" t="s">
        <v>3816</v>
      </c>
      <c r="LSD17" s="916" t="s">
        <v>3816</v>
      </c>
      <c r="LSE17" s="916" t="s">
        <v>3816</v>
      </c>
      <c r="LSF17" s="916" t="s">
        <v>3816</v>
      </c>
      <c r="LSG17" s="916" t="s">
        <v>3816</v>
      </c>
      <c r="LSH17" s="916" t="s">
        <v>3816</v>
      </c>
      <c r="LSI17" s="916" t="s">
        <v>3816</v>
      </c>
      <c r="LSJ17" s="916" t="s">
        <v>3816</v>
      </c>
      <c r="LSK17" s="916" t="s">
        <v>3816</v>
      </c>
      <c r="LSL17" s="916" t="s">
        <v>3816</v>
      </c>
      <c r="LSM17" s="916" t="s">
        <v>3816</v>
      </c>
      <c r="LSN17" s="916" t="s">
        <v>3816</v>
      </c>
      <c r="LSO17" s="916" t="s">
        <v>3816</v>
      </c>
      <c r="LSP17" s="916" t="s">
        <v>3816</v>
      </c>
      <c r="LSQ17" s="916" t="s">
        <v>3816</v>
      </c>
      <c r="LSR17" s="916" t="s">
        <v>3816</v>
      </c>
      <c r="LSS17" s="916" t="s">
        <v>3816</v>
      </c>
      <c r="LST17" s="916" t="s">
        <v>3816</v>
      </c>
      <c r="LSU17" s="916" t="s">
        <v>3816</v>
      </c>
      <c r="LSV17" s="916" t="s">
        <v>3816</v>
      </c>
      <c r="LSW17" s="916" t="s">
        <v>3816</v>
      </c>
      <c r="LSX17" s="916" t="s">
        <v>3816</v>
      </c>
      <c r="LSY17" s="916" t="s">
        <v>3816</v>
      </c>
      <c r="LSZ17" s="916" t="s">
        <v>3816</v>
      </c>
      <c r="LTA17" s="916" t="s">
        <v>3816</v>
      </c>
      <c r="LTB17" s="916" t="s">
        <v>3816</v>
      </c>
      <c r="LTC17" s="916" t="s">
        <v>3816</v>
      </c>
      <c r="LTD17" s="916" t="s">
        <v>3816</v>
      </c>
      <c r="LTE17" s="916" t="s">
        <v>3816</v>
      </c>
      <c r="LTF17" s="916" t="s">
        <v>3816</v>
      </c>
      <c r="LTG17" s="916" t="s">
        <v>3816</v>
      </c>
      <c r="LTH17" s="916" t="s">
        <v>3816</v>
      </c>
      <c r="LTI17" s="916" t="s">
        <v>3816</v>
      </c>
      <c r="LTJ17" s="916" t="s">
        <v>3816</v>
      </c>
      <c r="LTK17" s="916" t="s">
        <v>3816</v>
      </c>
      <c r="LTL17" s="916" t="s">
        <v>3816</v>
      </c>
      <c r="LTM17" s="916" t="s">
        <v>3816</v>
      </c>
      <c r="LTN17" s="916" t="s">
        <v>3816</v>
      </c>
      <c r="LTO17" s="916" t="s">
        <v>3816</v>
      </c>
      <c r="LTP17" s="916" t="s">
        <v>3816</v>
      </c>
      <c r="LTQ17" s="916" t="s">
        <v>3816</v>
      </c>
      <c r="LTR17" s="916" t="s">
        <v>3816</v>
      </c>
      <c r="LTS17" s="916" t="s">
        <v>3816</v>
      </c>
      <c r="LTT17" s="916" t="s">
        <v>3816</v>
      </c>
      <c r="LTU17" s="916" t="s">
        <v>3816</v>
      </c>
      <c r="LTV17" s="916" t="s">
        <v>3816</v>
      </c>
      <c r="LTW17" s="916" t="s">
        <v>3816</v>
      </c>
      <c r="LTX17" s="916" t="s">
        <v>3816</v>
      </c>
      <c r="LTY17" s="916" t="s">
        <v>3816</v>
      </c>
      <c r="LTZ17" s="916" t="s">
        <v>3816</v>
      </c>
      <c r="LUA17" s="916" t="s">
        <v>3816</v>
      </c>
      <c r="LUB17" s="916" t="s">
        <v>3816</v>
      </c>
      <c r="LUC17" s="916" t="s">
        <v>3816</v>
      </c>
      <c r="LUD17" s="916" t="s">
        <v>3816</v>
      </c>
      <c r="LUE17" s="916" t="s">
        <v>3816</v>
      </c>
      <c r="LUF17" s="916" t="s">
        <v>3816</v>
      </c>
      <c r="LUG17" s="916" t="s">
        <v>3816</v>
      </c>
      <c r="LUH17" s="916" t="s">
        <v>3816</v>
      </c>
      <c r="LUI17" s="916" t="s">
        <v>3816</v>
      </c>
      <c r="LUJ17" s="916" t="s">
        <v>3816</v>
      </c>
      <c r="LUK17" s="916" t="s">
        <v>3816</v>
      </c>
      <c r="LUL17" s="916" t="s">
        <v>3816</v>
      </c>
      <c r="LUM17" s="916" t="s">
        <v>3816</v>
      </c>
      <c r="LUN17" s="916" t="s">
        <v>3816</v>
      </c>
      <c r="LUO17" s="916" t="s">
        <v>3816</v>
      </c>
      <c r="LUP17" s="916" t="s">
        <v>3816</v>
      </c>
      <c r="LUQ17" s="916" t="s">
        <v>3816</v>
      </c>
      <c r="LUR17" s="916" t="s">
        <v>3816</v>
      </c>
      <c r="LUS17" s="916" t="s">
        <v>3816</v>
      </c>
      <c r="LUT17" s="916" t="s">
        <v>3816</v>
      </c>
      <c r="LUU17" s="916" t="s">
        <v>3816</v>
      </c>
      <c r="LUV17" s="916" t="s">
        <v>3816</v>
      </c>
      <c r="LUW17" s="916" t="s">
        <v>3816</v>
      </c>
      <c r="LUX17" s="916" t="s">
        <v>3816</v>
      </c>
      <c r="LUY17" s="916" t="s">
        <v>3816</v>
      </c>
      <c r="LUZ17" s="916" t="s">
        <v>3816</v>
      </c>
      <c r="LVA17" s="916" t="s">
        <v>3816</v>
      </c>
      <c r="LVB17" s="916" t="s">
        <v>3816</v>
      </c>
      <c r="LVC17" s="916" t="s">
        <v>3816</v>
      </c>
      <c r="LVD17" s="916" t="s">
        <v>3816</v>
      </c>
      <c r="LVE17" s="916" t="s">
        <v>3816</v>
      </c>
      <c r="LVF17" s="916" t="s">
        <v>3816</v>
      </c>
      <c r="LVG17" s="916" t="s">
        <v>3816</v>
      </c>
      <c r="LVH17" s="916" t="s">
        <v>3816</v>
      </c>
      <c r="LVI17" s="916" t="s">
        <v>3816</v>
      </c>
      <c r="LVJ17" s="916" t="s">
        <v>3816</v>
      </c>
      <c r="LVK17" s="916" t="s">
        <v>3816</v>
      </c>
      <c r="LVL17" s="916" t="s">
        <v>3816</v>
      </c>
      <c r="LVM17" s="916" t="s">
        <v>3816</v>
      </c>
      <c r="LVN17" s="916" t="s">
        <v>3816</v>
      </c>
      <c r="LVO17" s="916" t="s">
        <v>3816</v>
      </c>
      <c r="LVP17" s="916" t="s">
        <v>3816</v>
      </c>
      <c r="LVQ17" s="916" t="s">
        <v>3816</v>
      </c>
      <c r="LVR17" s="916" t="s">
        <v>3816</v>
      </c>
      <c r="LVS17" s="916" t="s">
        <v>3816</v>
      </c>
      <c r="LVT17" s="916" t="s">
        <v>3816</v>
      </c>
      <c r="LVU17" s="916" t="s">
        <v>3816</v>
      </c>
      <c r="LVV17" s="916" t="s">
        <v>3816</v>
      </c>
      <c r="LVW17" s="916" t="s">
        <v>3816</v>
      </c>
      <c r="LVX17" s="916" t="s">
        <v>3816</v>
      </c>
      <c r="LVY17" s="916" t="s">
        <v>3816</v>
      </c>
      <c r="LVZ17" s="916" t="s">
        <v>3816</v>
      </c>
      <c r="LWA17" s="916" t="s">
        <v>3816</v>
      </c>
      <c r="LWB17" s="916" t="s">
        <v>3816</v>
      </c>
      <c r="LWC17" s="916" t="s">
        <v>3816</v>
      </c>
      <c r="LWD17" s="916" t="s">
        <v>3816</v>
      </c>
      <c r="LWE17" s="916" t="s">
        <v>3816</v>
      </c>
      <c r="LWF17" s="916" t="s">
        <v>3816</v>
      </c>
      <c r="LWG17" s="916" t="s">
        <v>3816</v>
      </c>
      <c r="LWH17" s="916" t="s">
        <v>3816</v>
      </c>
      <c r="LWI17" s="916" t="s">
        <v>3816</v>
      </c>
      <c r="LWJ17" s="916" t="s">
        <v>3816</v>
      </c>
      <c r="LWK17" s="916" t="s">
        <v>3816</v>
      </c>
      <c r="LWL17" s="916" t="s">
        <v>3816</v>
      </c>
      <c r="LWM17" s="916" t="s">
        <v>3816</v>
      </c>
      <c r="LWN17" s="916" t="s">
        <v>3816</v>
      </c>
      <c r="LWO17" s="916" t="s">
        <v>3816</v>
      </c>
      <c r="LWP17" s="916" t="s">
        <v>3816</v>
      </c>
      <c r="LWQ17" s="916" t="s">
        <v>3816</v>
      </c>
      <c r="LWR17" s="916" t="s">
        <v>3816</v>
      </c>
      <c r="LWS17" s="916" t="s">
        <v>3816</v>
      </c>
      <c r="LWT17" s="916" t="s">
        <v>3816</v>
      </c>
      <c r="LWU17" s="916" t="s">
        <v>3816</v>
      </c>
      <c r="LWV17" s="916" t="s">
        <v>3816</v>
      </c>
      <c r="LWW17" s="916" t="s">
        <v>3816</v>
      </c>
      <c r="LWX17" s="916" t="s">
        <v>3816</v>
      </c>
      <c r="LWY17" s="916" t="s">
        <v>3816</v>
      </c>
      <c r="LWZ17" s="916" t="s">
        <v>3816</v>
      </c>
      <c r="LXA17" s="916" t="s">
        <v>3816</v>
      </c>
      <c r="LXB17" s="916" t="s">
        <v>3816</v>
      </c>
      <c r="LXC17" s="916" t="s">
        <v>3816</v>
      </c>
      <c r="LXD17" s="916" t="s">
        <v>3816</v>
      </c>
      <c r="LXE17" s="916" t="s">
        <v>3816</v>
      </c>
      <c r="LXF17" s="916" t="s">
        <v>3816</v>
      </c>
      <c r="LXG17" s="916" t="s">
        <v>3816</v>
      </c>
      <c r="LXH17" s="916" t="s">
        <v>3816</v>
      </c>
      <c r="LXI17" s="916" t="s">
        <v>3816</v>
      </c>
      <c r="LXJ17" s="916" t="s">
        <v>3816</v>
      </c>
      <c r="LXK17" s="916" t="s">
        <v>3816</v>
      </c>
      <c r="LXL17" s="916" t="s">
        <v>3816</v>
      </c>
      <c r="LXM17" s="916" t="s">
        <v>3816</v>
      </c>
      <c r="LXN17" s="916" t="s">
        <v>3816</v>
      </c>
      <c r="LXO17" s="916" t="s">
        <v>3816</v>
      </c>
      <c r="LXP17" s="916" t="s">
        <v>3816</v>
      </c>
      <c r="LXQ17" s="916" t="s">
        <v>3816</v>
      </c>
      <c r="LXR17" s="916" t="s">
        <v>3816</v>
      </c>
      <c r="LXS17" s="916" t="s">
        <v>3816</v>
      </c>
      <c r="LXT17" s="916" t="s">
        <v>3816</v>
      </c>
      <c r="LXU17" s="916" t="s">
        <v>3816</v>
      </c>
      <c r="LXV17" s="916" t="s">
        <v>3816</v>
      </c>
      <c r="LXW17" s="916" t="s">
        <v>3816</v>
      </c>
      <c r="LXX17" s="916" t="s">
        <v>3816</v>
      </c>
      <c r="LXY17" s="916" t="s">
        <v>3816</v>
      </c>
      <c r="LXZ17" s="916" t="s">
        <v>3816</v>
      </c>
      <c r="LYA17" s="916" t="s">
        <v>3816</v>
      </c>
      <c r="LYB17" s="916" t="s">
        <v>3816</v>
      </c>
      <c r="LYC17" s="916" t="s">
        <v>3816</v>
      </c>
      <c r="LYD17" s="916" t="s">
        <v>3816</v>
      </c>
      <c r="LYE17" s="916" t="s">
        <v>3816</v>
      </c>
      <c r="LYF17" s="916" t="s">
        <v>3816</v>
      </c>
      <c r="LYG17" s="916" t="s">
        <v>3816</v>
      </c>
      <c r="LYH17" s="916" t="s">
        <v>3816</v>
      </c>
      <c r="LYI17" s="916" t="s">
        <v>3816</v>
      </c>
      <c r="LYJ17" s="916" t="s">
        <v>3816</v>
      </c>
      <c r="LYK17" s="916" t="s">
        <v>3816</v>
      </c>
      <c r="LYL17" s="916" t="s">
        <v>3816</v>
      </c>
      <c r="LYM17" s="916" t="s">
        <v>3816</v>
      </c>
      <c r="LYN17" s="916" t="s">
        <v>3816</v>
      </c>
      <c r="LYO17" s="916" t="s">
        <v>3816</v>
      </c>
      <c r="LYP17" s="916" t="s">
        <v>3816</v>
      </c>
      <c r="LYQ17" s="916" t="s">
        <v>3816</v>
      </c>
      <c r="LYR17" s="916" t="s">
        <v>3816</v>
      </c>
      <c r="LYS17" s="916" t="s">
        <v>3816</v>
      </c>
      <c r="LYT17" s="916" t="s">
        <v>3816</v>
      </c>
      <c r="LYU17" s="916" t="s">
        <v>3816</v>
      </c>
      <c r="LYV17" s="916" t="s">
        <v>3816</v>
      </c>
      <c r="LYW17" s="916" t="s">
        <v>3816</v>
      </c>
      <c r="LYX17" s="916" t="s">
        <v>3816</v>
      </c>
      <c r="LYY17" s="916" t="s">
        <v>3816</v>
      </c>
      <c r="LYZ17" s="916" t="s">
        <v>3816</v>
      </c>
      <c r="LZA17" s="916" t="s">
        <v>3816</v>
      </c>
      <c r="LZB17" s="916" t="s">
        <v>3816</v>
      </c>
      <c r="LZC17" s="916" t="s">
        <v>3816</v>
      </c>
      <c r="LZD17" s="916" t="s">
        <v>3816</v>
      </c>
      <c r="LZE17" s="916" t="s">
        <v>3816</v>
      </c>
      <c r="LZF17" s="916" t="s">
        <v>3816</v>
      </c>
      <c r="LZG17" s="916" t="s">
        <v>3816</v>
      </c>
      <c r="LZH17" s="916" t="s">
        <v>3816</v>
      </c>
      <c r="LZI17" s="916" t="s">
        <v>3816</v>
      </c>
      <c r="LZJ17" s="916" t="s">
        <v>3816</v>
      </c>
      <c r="LZK17" s="916" t="s">
        <v>3816</v>
      </c>
      <c r="LZL17" s="916" t="s">
        <v>3816</v>
      </c>
      <c r="LZM17" s="916" t="s">
        <v>3816</v>
      </c>
      <c r="LZN17" s="916" t="s">
        <v>3816</v>
      </c>
      <c r="LZO17" s="916" t="s">
        <v>3816</v>
      </c>
      <c r="LZP17" s="916" t="s">
        <v>3816</v>
      </c>
      <c r="LZQ17" s="916" t="s">
        <v>3816</v>
      </c>
      <c r="LZR17" s="916" t="s">
        <v>3816</v>
      </c>
      <c r="LZS17" s="916" t="s">
        <v>3816</v>
      </c>
      <c r="LZT17" s="916" t="s">
        <v>3816</v>
      </c>
      <c r="LZU17" s="916" t="s">
        <v>3816</v>
      </c>
      <c r="LZV17" s="916" t="s">
        <v>3816</v>
      </c>
      <c r="LZW17" s="916" t="s">
        <v>3816</v>
      </c>
      <c r="LZX17" s="916" t="s">
        <v>3816</v>
      </c>
      <c r="LZY17" s="916" t="s">
        <v>3816</v>
      </c>
      <c r="LZZ17" s="916" t="s">
        <v>3816</v>
      </c>
      <c r="MAA17" s="916" t="s">
        <v>3816</v>
      </c>
      <c r="MAB17" s="916" t="s">
        <v>3816</v>
      </c>
      <c r="MAC17" s="916" t="s">
        <v>3816</v>
      </c>
      <c r="MAD17" s="916" t="s">
        <v>3816</v>
      </c>
      <c r="MAE17" s="916" t="s">
        <v>3816</v>
      </c>
      <c r="MAF17" s="916" t="s">
        <v>3816</v>
      </c>
      <c r="MAG17" s="916" t="s">
        <v>3816</v>
      </c>
      <c r="MAH17" s="916" t="s">
        <v>3816</v>
      </c>
      <c r="MAI17" s="916" t="s">
        <v>3816</v>
      </c>
      <c r="MAJ17" s="916" t="s">
        <v>3816</v>
      </c>
      <c r="MAK17" s="916" t="s">
        <v>3816</v>
      </c>
      <c r="MAL17" s="916" t="s">
        <v>3816</v>
      </c>
      <c r="MAM17" s="916" t="s">
        <v>3816</v>
      </c>
      <c r="MAN17" s="916" t="s">
        <v>3816</v>
      </c>
      <c r="MAO17" s="916" t="s">
        <v>3816</v>
      </c>
      <c r="MAP17" s="916" t="s">
        <v>3816</v>
      </c>
      <c r="MAQ17" s="916" t="s">
        <v>3816</v>
      </c>
      <c r="MAR17" s="916" t="s">
        <v>3816</v>
      </c>
      <c r="MAS17" s="916" t="s">
        <v>3816</v>
      </c>
      <c r="MAT17" s="916" t="s">
        <v>3816</v>
      </c>
      <c r="MAU17" s="916" t="s">
        <v>3816</v>
      </c>
      <c r="MAV17" s="916" t="s">
        <v>3816</v>
      </c>
      <c r="MAW17" s="916" t="s">
        <v>3816</v>
      </c>
      <c r="MAX17" s="916" t="s">
        <v>3816</v>
      </c>
      <c r="MAY17" s="916" t="s">
        <v>3816</v>
      </c>
      <c r="MAZ17" s="916" t="s">
        <v>3816</v>
      </c>
      <c r="MBA17" s="916" t="s">
        <v>3816</v>
      </c>
      <c r="MBB17" s="916" t="s">
        <v>3816</v>
      </c>
      <c r="MBC17" s="916" t="s">
        <v>3816</v>
      </c>
      <c r="MBD17" s="916" t="s">
        <v>3816</v>
      </c>
      <c r="MBE17" s="916" t="s">
        <v>3816</v>
      </c>
      <c r="MBF17" s="916" t="s">
        <v>3816</v>
      </c>
      <c r="MBG17" s="916" t="s">
        <v>3816</v>
      </c>
      <c r="MBH17" s="916" t="s">
        <v>3816</v>
      </c>
      <c r="MBI17" s="916" t="s">
        <v>3816</v>
      </c>
      <c r="MBJ17" s="916" t="s">
        <v>3816</v>
      </c>
      <c r="MBK17" s="916" t="s">
        <v>3816</v>
      </c>
      <c r="MBL17" s="916" t="s">
        <v>3816</v>
      </c>
      <c r="MBM17" s="916" t="s">
        <v>3816</v>
      </c>
      <c r="MBN17" s="916" t="s">
        <v>3816</v>
      </c>
      <c r="MBO17" s="916" t="s">
        <v>3816</v>
      </c>
      <c r="MBP17" s="916" t="s">
        <v>3816</v>
      </c>
      <c r="MBQ17" s="916" t="s">
        <v>3816</v>
      </c>
      <c r="MBR17" s="916" t="s">
        <v>3816</v>
      </c>
      <c r="MBS17" s="916" t="s">
        <v>3816</v>
      </c>
      <c r="MBT17" s="916" t="s">
        <v>3816</v>
      </c>
      <c r="MBU17" s="916" t="s">
        <v>3816</v>
      </c>
      <c r="MBV17" s="916" t="s">
        <v>3816</v>
      </c>
      <c r="MBW17" s="916" t="s">
        <v>3816</v>
      </c>
      <c r="MBX17" s="916" t="s">
        <v>3816</v>
      </c>
      <c r="MBY17" s="916" t="s">
        <v>3816</v>
      </c>
      <c r="MBZ17" s="916" t="s">
        <v>3816</v>
      </c>
      <c r="MCA17" s="916" t="s">
        <v>3816</v>
      </c>
      <c r="MCB17" s="916" t="s">
        <v>3816</v>
      </c>
      <c r="MCC17" s="916" t="s">
        <v>3816</v>
      </c>
      <c r="MCD17" s="916" t="s">
        <v>3816</v>
      </c>
      <c r="MCE17" s="916" t="s">
        <v>3816</v>
      </c>
      <c r="MCF17" s="916" t="s">
        <v>3816</v>
      </c>
      <c r="MCG17" s="916" t="s">
        <v>3816</v>
      </c>
      <c r="MCH17" s="916" t="s">
        <v>3816</v>
      </c>
      <c r="MCI17" s="916" t="s">
        <v>3816</v>
      </c>
      <c r="MCJ17" s="916" t="s">
        <v>3816</v>
      </c>
      <c r="MCK17" s="916" t="s">
        <v>3816</v>
      </c>
      <c r="MCL17" s="916" t="s">
        <v>3816</v>
      </c>
      <c r="MCM17" s="916" t="s">
        <v>3816</v>
      </c>
      <c r="MCN17" s="916" t="s">
        <v>3816</v>
      </c>
      <c r="MCO17" s="916" t="s">
        <v>3816</v>
      </c>
      <c r="MCP17" s="916" t="s">
        <v>3816</v>
      </c>
      <c r="MCQ17" s="916" t="s">
        <v>3816</v>
      </c>
      <c r="MCR17" s="916" t="s">
        <v>3816</v>
      </c>
      <c r="MCS17" s="916" t="s">
        <v>3816</v>
      </c>
      <c r="MCT17" s="916" t="s">
        <v>3816</v>
      </c>
      <c r="MCU17" s="916" t="s">
        <v>3816</v>
      </c>
      <c r="MCV17" s="916" t="s">
        <v>3816</v>
      </c>
      <c r="MCW17" s="916" t="s">
        <v>3816</v>
      </c>
      <c r="MCX17" s="916" t="s">
        <v>3816</v>
      </c>
      <c r="MCY17" s="916" t="s">
        <v>3816</v>
      </c>
      <c r="MCZ17" s="916" t="s">
        <v>3816</v>
      </c>
      <c r="MDA17" s="916" t="s">
        <v>3816</v>
      </c>
      <c r="MDB17" s="916" t="s">
        <v>3816</v>
      </c>
      <c r="MDC17" s="916" t="s">
        <v>3816</v>
      </c>
      <c r="MDD17" s="916" t="s">
        <v>3816</v>
      </c>
      <c r="MDE17" s="916" t="s">
        <v>3816</v>
      </c>
      <c r="MDF17" s="916" t="s">
        <v>3816</v>
      </c>
      <c r="MDG17" s="916" t="s">
        <v>3816</v>
      </c>
      <c r="MDH17" s="916" t="s">
        <v>3816</v>
      </c>
      <c r="MDI17" s="916" t="s">
        <v>3816</v>
      </c>
      <c r="MDJ17" s="916" t="s">
        <v>3816</v>
      </c>
      <c r="MDK17" s="916" t="s">
        <v>3816</v>
      </c>
      <c r="MDL17" s="916" t="s">
        <v>3816</v>
      </c>
      <c r="MDM17" s="916" t="s">
        <v>3816</v>
      </c>
      <c r="MDN17" s="916" t="s">
        <v>3816</v>
      </c>
      <c r="MDO17" s="916" t="s">
        <v>3816</v>
      </c>
      <c r="MDP17" s="916" t="s">
        <v>3816</v>
      </c>
      <c r="MDQ17" s="916" t="s">
        <v>3816</v>
      </c>
      <c r="MDR17" s="916" t="s">
        <v>3816</v>
      </c>
      <c r="MDS17" s="916" t="s">
        <v>3816</v>
      </c>
      <c r="MDT17" s="916" t="s">
        <v>3816</v>
      </c>
      <c r="MDU17" s="916" t="s">
        <v>3816</v>
      </c>
      <c r="MDV17" s="916" t="s">
        <v>3816</v>
      </c>
      <c r="MDW17" s="916" t="s">
        <v>3816</v>
      </c>
      <c r="MDX17" s="916" t="s">
        <v>3816</v>
      </c>
      <c r="MDY17" s="916" t="s">
        <v>3816</v>
      </c>
      <c r="MDZ17" s="916" t="s">
        <v>3816</v>
      </c>
      <c r="MEA17" s="916" t="s">
        <v>3816</v>
      </c>
      <c r="MEB17" s="916" t="s">
        <v>3816</v>
      </c>
      <c r="MEC17" s="916" t="s">
        <v>3816</v>
      </c>
      <c r="MED17" s="916" t="s">
        <v>3816</v>
      </c>
      <c r="MEE17" s="916" t="s">
        <v>3816</v>
      </c>
      <c r="MEF17" s="916" t="s">
        <v>3816</v>
      </c>
      <c r="MEG17" s="916" t="s">
        <v>3816</v>
      </c>
      <c r="MEH17" s="916" t="s">
        <v>3816</v>
      </c>
      <c r="MEI17" s="916" t="s">
        <v>3816</v>
      </c>
      <c r="MEJ17" s="916" t="s">
        <v>3816</v>
      </c>
      <c r="MEK17" s="916" t="s">
        <v>3816</v>
      </c>
      <c r="MEL17" s="916" t="s">
        <v>3816</v>
      </c>
      <c r="MEM17" s="916" t="s">
        <v>3816</v>
      </c>
      <c r="MEN17" s="916" t="s">
        <v>3816</v>
      </c>
      <c r="MEO17" s="916" t="s">
        <v>3816</v>
      </c>
      <c r="MEP17" s="916" t="s">
        <v>3816</v>
      </c>
      <c r="MEQ17" s="916" t="s">
        <v>3816</v>
      </c>
      <c r="MER17" s="916" t="s">
        <v>3816</v>
      </c>
      <c r="MES17" s="916" t="s">
        <v>3816</v>
      </c>
      <c r="MET17" s="916" t="s">
        <v>3816</v>
      </c>
      <c r="MEU17" s="916" t="s">
        <v>3816</v>
      </c>
      <c r="MEV17" s="916" t="s">
        <v>3816</v>
      </c>
      <c r="MEW17" s="916" t="s">
        <v>3816</v>
      </c>
      <c r="MEX17" s="916" t="s">
        <v>3816</v>
      </c>
      <c r="MEY17" s="916" t="s">
        <v>3816</v>
      </c>
      <c r="MEZ17" s="916" t="s">
        <v>3816</v>
      </c>
      <c r="MFA17" s="916" t="s">
        <v>3816</v>
      </c>
      <c r="MFB17" s="916" t="s">
        <v>3816</v>
      </c>
      <c r="MFC17" s="916" t="s">
        <v>3816</v>
      </c>
      <c r="MFD17" s="916" t="s">
        <v>3816</v>
      </c>
      <c r="MFE17" s="916" t="s">
        <v>3816</v>
      </c>
      <c r="MFF17" s="916" t="s">
        <v>3816</v>
      </c>
      <c r="MFG17" s="916" t="s">
        <v>3816</v>
      </c>
      <c r="MFH17" s="916" t="s">
        <v>3816</v>
      </c>
      <c r="MFI17" s="916" t="s">
        <v>3816</v>
      </c>
      <c r="MFJ17" s="916" t="s">
        <v>3816</v>
      </c>
      <c r="MFK17" s="916" t="s">
        <v>3816</v>
      </c>
      <c r="MFL17" s="916" t="s">
        <v>3816</v>
      </c>
      <c r="MFM17" s="916" t="s">
        <v>3816</v>
      </c>
      <c r="MFN17" s="916" t="s">
        <v>3816</v>
      </c>
      <c r="MFO17" s="916" t="s">
        <v>3816</v>
      </c>
      <c r="MFP17" s="916" t="s">
        <v>3816</v>
      </c>
      <c r="MFQ17" s="916" t="s">
        <v>3816</v>
      </c>
      <c r="MFR17" s="916" t="s">
        <v>3816</v>
      </c>
      <c r="MFS17" s="916" t="s">
        <v>3816</v>
      </c>
      <c r="MFT17" s="916" t="s">
        <v>3816</v>
      </c>
      <c r="MFU17" s="916" t="s">
        <v>3816</v>
      </c>
      <c r="MFV17" s="916" t="s">
        <v>3816</v>
      </c>
      <c r="MFW17" s="916" t="s">
        <v>3816</v>
      </c>
      <c r="MFX17" s="916" t="s">
        <v>3816</v>
      </c>
      <c r="MFY17" s="916" t="s">
        <v>3816</v>
      </c>
      <c r="MFZ17" s="916" t="s">
        <v>3816</v>
      </c>
      <c r="MGA17" s="916" t="s">
        <v>3816</v>
      </c>
      <c r="MGB17" s="916" t="s">
        <v>3816</v>
      </c>
      <c r="MGC17" s="916" t="s">
        <v>3816</v>
      </c>
      <c r="MGD17" s="916" t="s">
        <v>3816</v>
      </c>
      <c r="MGE17" s="916" t="s">
        <v>3816</v>
      </c>
      <c r="MGF17" s="916" t="s">
        <v>3816</v>
      </c>
      <c r="MGG17" s="916" t="s">
        <v>3816</v>
      </c>
      <c r="MGH17" s="916" t="s">
        <v>3816</v>
      </c>
      <c r="MGI17" s="916" t="s">
        <v>3816</v>
      </c>
      <c r="MGJ17" s="916" t="s">
        <v>3816</v>
      </c>
      <c r="MGK17" s="916" t="s">
        <v>3816</v>
      </c>
      <c r="MGL17" s="916" t="s">
        <v>3816</v>
      </c>
      <c r="MGM17" s="916" t="s">
        <v>3816</v>
      </c>
      <c r="MGN17" s="916" t="s">
        <v>3816</v>
      </c>
      <c r="MGO17" s="916" t="s">
        <v>3816</v>
      </c>
      <c r="MGP17" s="916" t="s">
        <v>3816</v>
      </c>
      <c r="MGQ17" s="916" t="s">
        <v>3816</v>
      </c>
      <c r="MGR17" s="916" t="s">
        <v>3816</v>
      </c>
      <c r="MGS17" s="916" t="s">
        <v>3816</v>
      </c>
      <c r="MGT17" s="916" t="s">
        <v>3816</v>
      </c>
      <c r="MGU17" s="916" t="s">
        <v>3816</v>
      </c>
      <c r="MGV17" s="916" t="s">
        <v>3816</v>
      </c>
      <c r="MGW17" s="916" t="s">
        <v>3816</v>
      </c>
      <c r="MGX17" s="916" t="s">
        <v>3816</v>
      </c>
      <c r="MGY17" s="916" t="s">
        <v>3816</v>
      </c>
      <c r="MGZ17" s="916" t="s">
        <v>3816</v>
      </c>
      <c r="MHA17" s="916" t="s">
        <v>3816</v>
      </c>
      <c r="MHB17" s="916" t="s">
        <v>3816</v>
      </c>
      <c r="MHC17" s="916" t="s">
        <v>3816</v>
      </c>
      <c r="MHD17" s="916" t="s">
        <v>3816</v>
      </c>
      <c r="MHE17" s="916" t="s">
        <v>3816</v>
      </c>
      <c r="MHF17" s="916" t="s">
        <v>3816</v>
      </c>
      <c r="MHG17" s="916" t="s">
        <v>3816</v>
      </c>
      <c r="MHH17" s="916" t="s">
        <v>3816</v>
      </c>
      <c r="MHI17" s="916" t="s">
        <v>3816</v>
      </c>
      <c r="MHJ17" s="916" t="s">
        <v>3816</v>
      </c>
      <c r="MHK17" s="916" t="s">
        <v>3816</v>
      </c>
      <c r="MHL17" s="916" t="s">
        <v>3816</v>
      </c>
      <c r="MHM17" s="916" t="s">
        <v>3816</v>
      </c>
      <c r="MHN17" s="916" t="s">
        <v>3816</v>
      </c>
      <c r="MHO17" s="916" t="s">
        <v>3816</v>
      </c>
      <c r="MHP17" s="916" t="s">
        <v>3816</v>
      </c>
      <c r="MHQ17" s="916" t="s">
        <v>3816</v>
      </c>
      <c r="MHR17" s="916" t="s">
        <v>3816</v>
      </c>
      <c r="MHS17" s="916" t="s">
        <v>3816</v>
      </c>
      <c r="MHT17" s="916" t="s">
        <v>3816</v>
      </c>
      <c r="MHU17" s="916" t="s">
        <v>3816</v>
      </c>
      <c r="MHV17" s="916" t="s">
        <v>3816</v>
      </c>
      <c r="MHW17" s="916" t="s">
        <v>3816</v>
      </c>
      <c r="MHX17" s="916" t="s">
        <v>3816</v>
      </c>
      <c r="MHY17" s="916" t="s">
        <v>3816</v>
      </c>
      <c r="MHZ17" s="916" t="s">
        <v>3816</v>
      </c>
      <c r="MIA17" s="916" t="s">
        <v>3816</v>
      </c>
      <c r="MIB17" s="916" t="s">
        <v>3816</v>
      </c>
      <c r="MIC17" s="916" t="s">
        <v>3816</v>
      </c>
      <c r="MID17" s="916" t="s">
        <v>3816</v>
      </c>
      <c r="MIE17" s="916" t="s">
        <v>3816</v>
      </c>
      <c r="MIF17" s="916" t="s">
        <v>3816</v>
      </c>
      <c r="MIG17" s="916" t="s">
        <v>3816</v>
      </c>
      <c r="MIH17" s="916" t="s">
        <v>3816</v>
      </c>
      <c r="MII17" s="916" t="s">
        <v>3816</v>
      </c>
      <c r="MIJ17" s="916" t="s">
        <v>3816</v>
      </c>
      <c r="MIK17" s="916" t="s">
        <v>3816</v>
      </c>
      <c r="MIL17" s="916" t="s">
        <v>3816</v>
      </c>
      <c r="MIM17" s="916" t="s">
        <v>3816</v>
      </c>
      <c r="MIN17" s="916" t="s">
        <v>3816</v>
      </c>
      <c r="MIO17" s="916" t="s">
        <v>3816</v>
      </c>
      <c r="MIP17" s="916" t="s">
        <v>3816</v>
      </c>
      <c r="MIQ17" s="916" t="s">
        <v>3816</v>
      </c>
      <c r="MIR17" s="916" t="s">
        <v>3816</v>
      </c>
      <c r="MIS17" s="916" t="s">
        <v>3816</v>
      </c>
      <c r="MIT17" s="916" t="s">
        <v>3816</v>
      </c>
      <c r="MIU17" s="916" t="s">
        <v>3816</v>
      </c>
      <c r="MIV17" s="916" t="s">
        <v>3816</v>
      </c>
      <c r="MIW17" s="916" t="s">
        <v>3816</v>
      </c>
      <c r="MIX17" s="916" t="s">
        <v>3816</v>
      </c>
      <c r="MIY17" s="916" t="s">
        <v>3816</v>
      </c>
      <c r="MIZ17" s="916" t="s">
        <v>3816</v>
      </c>
      <c r="MJA17" s="916" t="s">
        <v>3816</v>
      </c>
      <c r="MJB17" s="916" t="s">
        <v>3816</v>
      </c>
      <c r="MJC17" s="916" t="s">
        <v>3816</v>
      </c>
      <c r="MJD17" s="916" t="s">
        <v>3816</v>
      </c>
      <c r="MJE17" s="916" t="s">
        <v>3816</v>
      </c>
      <c r="MJF17" s="916" t="s">
        <v>3816</v>
      </c>
      <c r="MJG17" s="916" t="s">
        <v>3816</v>
      </c>
      <c r="MJH17" s="916" t="s">
        <v>3816</v>
      </c>
      <c r="MJI17" s="916" t="s">
        <v>3816</v>
      </c>
      <c r="MJJ17" s="916" t="s">
        <v>3816</v>
      </c>
      <c r="MJK17" s="916" t="s">
        <v>3816</v>
      </c>
      <c r="MJL17" s="916" t="s">
        <v>3816</v>
      </c>
      <c r="MJM17" s="916" t="s">
        <v>3816</v>
      </c>
      <c r="MJN17" s="916" t="s">
        <v>3816</v>
      </c>
      <c r="MJO17" s="916" t="s">
        <v>3816</v>
      </c>
      <c r="MJP17" s="916" t="s">
        <v>3816</v>
      </c>
      <c r="MJQ17" s="916" t="s">
        <v>3816</v>
      </c>
      <c r="MJR17" s="916" t="s">
        <v>3816</v>
      </c>
      <c r="MJS17" s="916" t="s">
        <v>3816</v>
      </c>
      <c r="MJT17" s="916" t="s">
        <v>3816</v>
      </c>
      <c r="MJU17" s="916" t="s">
        <v>3816</v>
      </c>
      <c r="MJV17" s="916" t="s">
        <v>3816</v>
      </c>
      <c r="MJW17" s="916" t="s">
        <v>3816</v>
      </c>
      <c r="MJX17" s="916" t="s">
        <v>3816</v>
      </c>
      <c r="MJY17" s="916" t="s">
        <v>3816</v>
      </c>
      <c r="MJZ17" s="916" t="s">
        <v>3816</v>
      </c>
      <c r="MKA17" s="916" t="s">
        <v>3816</v>
      </c>
      <c r="MKB17" s="916" t="s">
        <v>3816</v>
      </c>
      <c r="MKC17" s="916" t="s">
        <v>3816</v>
      </c>
      <c r="MKD17" s="916" t="s">
        <v>3816</v>
      </c>
      <c r="MKE17" s="916" t="s">
        <v>3816</v>
      </c>
      <c r="MKF17" s="916" t="s">
        <v>3816</v>
      </c>
      <c r="MKG17" s="916" t="s">
        <v>3816</v>
      </c>
      <c r="MKH17" s="916" t="s">
        <v>3816</v>
      </c>
      <c r="MKI17" s="916" t="s">
        <v>3816</v>
      </c>
      <c r="MKJ17" s="916" t="s">
        <v>3816</v>
      </c>
      <c r="MKK17" s="916" t="s">
        <v>3816</v>
      </c>
      <c r="MKL17" s="916" t="s">
        <v>3816</v>
      </c>
      <c r="MKM17" s="916" t="s">
        <v>3816</v>
      </c>
      <c r="MKN17" s="916" t="s">
        <v>3816</v>
      </c>
      <c r="MKO17" s="916" t="s">
        <v>3816</v>
      </c>
      <c r="MKP17" s="916" t="s">
        <v>3816</v>
      </c>
      <c r="MKQ17" s="916" t="s">
        <v>3816</v>
      </c>
      <c r="MKR17" s="916" t="s">
        <v>3816</v>
      </c>
      <c r="MKS17" s="916" t="s">
        <v>3816</v>
      </c>
      <c r="MKT17" s="916" t="s">
        <v>3816</v>
      </c>
      <c r="MKU17" s="916" t="s">
        <v>3816</v>
      </c>
      <c r="MKV17" s="916" t="s">
        <v>3816</v>
      </c>
      <c r="MKW17" s="916" t="s">
        <v>3816</v>
      </c>
      <c r="MKX17" s="916" t="s">
        <v>3816</v>
      </c>
      <c r="MKY17" s="916" t="s">
        <v>3816</v>
      </c>
      <c r="MKZ17" s="916" t="s">
        <v>3816</v>
      </c>
      <c r="MLA17" s="916" t="s">
        <v>3816</v>
      </c>
      <c r="MLB17" s="916" t="s">
        <v>3816</v>
      </c>
      <c r="MLC17" s="916" t="s">
        <v>3816</v>
      </c>
      <c r="MLD17" s="916" t="s">
        <v>3816</v>
      </c>
      <c r="MLE17" s="916" t="s">
        <v>3816</v>
      </c>
      <c r="MLF17" s="916" t="s">
        <v>3816</v>
      </c>
      <c r="MLG17" s="916" t="s">
        <v>3816</v>
      </c>
      <c r="MLH17" s="916" t="s">
        <v>3816</v>
      </c>
      <c r="MLI17" s="916" t="s">
        <v>3816</v>
      </c>
      <c r="MLJ17" s="916" t="s">
        <v>3816</v>
      </c>
      <c r="MLK17" s="916" t="s">
        <v>3816</v>
      </c>
      <c r="MLL17" s="916" t="s">
        <v>3816</v>
      </c>
      <c r="MLM17" s="916" t="s">
        <v>3816</v>
      </c>
      <c r="MLN17" s="916" t="s">
        <v>3816</v>
      </c>
      <c r="MLO17" s="916" t="s">
        <v>3816</v>
      </c>
      <c r="MLP17" s="916" t="s">
        <v>3816</v>
      </c>
      <c r="MLQ17" s="916" t="s">
        <v>3816</v>
      </c>
      <c r="MLR17" s="916" t="s">
        <v>3816</v>
      </c>
      <c r="MLS17" s="916" t="s">
        <v>3816</v>
      </c>
      <c r="MLT17" s="916" t="s">
        <v>3816</v>
      </c>
      <c r="MLU17" s="916" t="s">
        <v>3816</v>
      </c>
      <c r="MLV17" s="916" t="s">
        <v>3816</v>
      </c>
      <c r="MLW17" s="916" t="s">
        <v>3816</v>
      </c>
      <c r="MLX17" s="916" t="s">
        <v>3816</v>
      </c>
      <c r="MLY17" s="916" t="s">
        <v>3816</v>
      </c>
      <c r="MLZ17" s="916" t="s">
        <v>3816</v>
      </c>
      <c r="MMA17" s="916" t="s">
        <v>3816</v>
      </c>
      <c r="MMB17" s="916" t="s">
        <v>3816</v>
      </c>
      <c r="MMC17" s="916" t="s">
        <v>3816</v>
      </c>
      <c r="MMD17" s="916" t="s">
        <v>3816</v>
      </c>
      <c r="MME17" s="916" t="s">
        <v>3816</v>
      </c>
      <c r="MMF17" s="916" t="s">
        <v>3816</v>
      </c>
      <c r="MMG17" s="916" t="s">
        <v>3816</v>
      </c>
      <c r="MMH17" s="916" t="s">
        <v>3816</v>
      </c>
      <c r="MMI17" s="916" t="s">
        <v>3816</v>
      </c>
      <c r="MMJ17" s="916" t="s">
        <v>3816</v>
      </c>
      <c r="MMK17" s="916" t="s">
        <v>3816</v>
      </c>
      <c r="MML17" s="916" t="s">
        <v>3816</v>
      </c>
      <c r="MMM17" s="916" t="s">
        <v>3816</v>
      </c>
      <c r="MMN17" s="916" t="s">
        <v>3816</v>
      </c>
      <c r="MMO17" s="916" t="s">
        <v>3816</v>
      </c>
      <c r="MMP17" s="916" t="s">
        <v>3816</v>
      </c>
      <c r="MMQ17" s="916" t="s">
        <v>3816</v>
      </c>
      <c r="MMR17" s="916" t="s">
        <v>3816</v>
      </c>
      <c r="MMS17" s="916" t="s">
        <v>3816</v>
      </c>
      <c r="MMT17" s="916" t="s">
        <v>3816</v>
      </c>
      <c r="MMU17" s="916" t="s">
        <v>3816</v>
      </c>
      <c r="MMV17" s="916" t="s">
        <v>3816</v>
      </c>
      <c r="MMW17" s="916" t="s">
        <v>3816</v>
      </c>
      <c r="MMX17" s="916" t="s">
        <v>3816</v>
      </c>
      <c r="MMY17" s="916" t="s">
        <v>3816</v>
      </c>
      <c r="MMZ17" s="916" t="s">
        <v>3816</v>
      </c>
      <c r="MNA17" s="916" t="s">
        <v>3816</v>
      </c>
      <c r="MNB17" s="916" t="s">
        <v>3816</v>
      </c>
      <c r="MNC17" s="916" t="s">
        <v>3816</v>
      </c>
      <c r="MND17" s="916" t="s">
        <v>3816</v>
      </c>
      <c r="MNE17" s="916" t="s">
        <v>3816</v>
      </c>
      <c r="MNF17" s="916" t="s">
        <v>3816</v>
      </c>
      <c r="MNG17" s="916" t="s">
        <v>3816</v>
      </c>
      <c r="MNH17" s="916" t="s">
        <v>3816</v>
      </c>
      <c r="MNI17" s="916" t="s">
        <v>3816</v>
      </c>
      <c r="MNJ17" s="916" t="s">
        <v>3816</v>
      </c>
      <c r="MNK17" s="916" t="s">
        <v>3816</v>
      </c>
      <c r="MNL17" s="916" t="s">
        <v>3816</v>
      </c>
      <c r="MNM17" s="916" t="s">
        <v>3816</v>
      </c>
      <c r="MNN17" s="916" t="s">
        <v>3816</v>
      </c>
      <c r="MNO17" s="916" t="s">
        <v>3816</v>
      </c>
      <c r="MNP17" s="916" t="s">
        <v>3816</v>
      </c>
      <c r="MNQ17" s="916" t="s">
        <v>3816</v>
      </c>
      <c r="MNR17" s="916" t="s">
        <v>3816</v>
      </c>
      <c r="MNS17" s="916" t="s">
        <v>3816</v>
      </c>
      <c r="MNT17" s="916" t="s">
        <v>3816</v>
      </c>
      <c r="MNU17" s="916" t="s">
        <v>3816</v>
      </c>
      <c r="MNV17" s="916" t="s">
        <v>3816</v>
      </c>
      <c r="MNW17" s="916" t="s">
        <v>3816</v>
      </c>
      <c r="MNX17" s="916" t="s">
        <v>3816</v>
      </c>
      <c r="MNY17" s="916" t="s">
        <v>3816</v>
      </c>
      <c r="MNZ17" s="916" t="s">
        <v>3816</v>
      </c>
      <c r="MOA17" s="916" t="s">
        <v>3816</v>
      </c>
      <c r="MOB17" s="916" t="s">
        <v>3816</v>
      </c>
      <c r="MOC17" s="916" t="s">
        <v>3816</v>
      </c>
      <c r="MOD17" s="916" t="s">
        <v>3816</v>
      </c>
      <c r="MOE17" s="916" t="s">
        <v>3816</v>
      </c>
      <c r="MOF17" s="916" t="s">
        <v>3816</v>
      </c>
      <c r="MOG17" s="916" t="s">
        <v>3816</v>
      </c>
      <c r="MOH17" s="916" t="s">
        <v>3816</v>
      </c>
      <c r="MOI17" s="916" t="s">
        <v>3816</v>
      </c>
      <c r="MOJ17" s="916" t="s">
        <v>3816</v>
      </c>
      <c r="MOK17" s="916" t="s">
        <v>3816</v>
      </c>
      <c r="MOL17" s="916" t="s">
        <v>3816</v>
      </c>
      <c r="MOM17" s="916" t="s">
        <v>3816</v>
      </c>
      <c r="MON17" s="916" t="s">
        <v>3816</v>
      </c>
      <c r="MOO17" s="916" t="s">
        <v>3816</v>
      </c>
      <c r="MOP17" s="916" t="s">
        <v>3816</v>
      </c>
      <c r="MOQ17" s="916" t="s">
        <v>3816</v>
      </c>
      <c r="MOR17" s="916" t="s">
        <v>3816</v>
      </c>
      <c r="MOS17" s="916" t="s">
        <v>3816</v>
      </c>
      <c r="MOT17" s="916" t="s">
        <v>3816</v>
      </c>
      <c r="MOU17" s="916" t="s">
        <v>3816</v>
      </c>
      <c r="MOV17" s="916" t="s">
        <v>3816</v>
      </c>
      <c r="MOW17" s="916" t="s">
        <v>3816</v>
      </c>
      <c r="MOX17" s="916" t="s">
        <v>3816</v>
      </c>
      <c r="MOY17" s="916" t="s">
        <v>3816</v>
      </c>
      <c r="MOZ17" s="916" t="s">
        <v>3816</v>
      </c>
      <c r="MPA17" s="916" t="s">
        <v>3816</v>
      </c>
      <c r="MPB17" s="916" t="s">
        <v>3816</v>
      </c>
      <c r="MPC17" s="916" t="s">
        <v>3816</v>
      </c>
      <c r="MPD17" s="916" t="s">
        <v>3816</v>
      </c>
      <c r="MPE17" s="916" t="s">
        <v>3816</v>
      </c>
      <c r="MPF17" s="916" t="s">
        <v>3816</v>
      </c>
      <c r="MPG17" s="916" t="s">
        <v>3816</v>
      </c>
      <c r="MPH17" s="916" t="s">
        <v>3816</v>
      </c>
      <c r="MPI17" s="916" t="s">
        <v>3816</v>
      </c>
      <c r="MPJ17" s="916" t="s">
        <v>3816</v>
      </c>
      <c r="MPK17" s="916" t="s">
        <v>3816</v>
      </c>
      <c r="MPL17" s="916" t="s">
        <v>3816</v>
      </c>
      <c r="MPM17" s="916" t="s">
        <v>3816</v>
      </c>
      <c r="MPN17" s="916" t="s">
        <v>3816</v>
      </c>
      <c r="MPO17" s="916" t="s">
        <v>3816</v>
      </c>
      <c r="MPP17" s="916" t="s">
        <v>3816</v>
      </c>
      <c r="MPQ17" s="916" t="s">
        <v>3816</v>
      </c>
      <c r="MPR17" s="916" t="s">
        <v>3816</v>
      </c>
      <c r="MPS17" s="916" t="s">
        <v>3816</v>
      </c>
      <c r="MPT17" s="916" t="s">
        <v>3816</v>
      </c>
      <c r="MPU17" s="916" t="s">
        <v>3816</v>
      </c>
      <c r="MPV17" s="916" t="s">
        <v>3816</v>
      </c>
      <c r="MPW17" s="916" t="s">
        <v>3816</v>
      </c>
      <c r="MPX17" s="916" t="s">
        <v>3816</v>
      </c>
      <c r="MPY17" s="916" t="s">
        <v>3816</v>
      </c>
      <c r="MPZ17" s="916" t="s">
        <v>3816</v>
      </c>
      <c r="MQA17" s="916" t="s">
        <v>3816</v>
      </c>
      <c r="MQB17" s="916" t="s">
        <v>3816</v>
      </c>
      <c r="MQC17" s="916" t="s">
        <v>3816</v>
      </c>
      <c r="MQD17" s="916" t="s">
        <v>3816</v>
      </c>
      <c r="MQE17" s="916" t="s">
        <v>3816</v>
      </c>
      <c r="MQF17" s="916" t="s">
        <v>3816</v>
      </c>
      <c r="MQG17" s="916" t="s">
        <v>3816</v>
      </c>
      <c r="MQH17" s="916" t="s">
        <v>3816</v>
      </c>
      <c r="MQI17" s="916" t="s">
        <v>3816</v>
      </c>
      <c r="MQJ17" s="916" t="s">
        <v>3816</v>
      </c>
      <c r="MQK17" s="916" t="s">
        <v>3816</v>
      </c>
      <c r="MQL17" s="916" t="s">
        <v>3816</v>
      </c>
      <c r="MQM17" s="916" t="s">
        <v>3816</v>
      </c>
      <c r="MQN17" s="916" t="s">
        <v>3816</v>
      </c>
      <c r="MQO17" s="916" t="s">
        <v>3816</v>
      </c>
      <c r="MQP17" s="916" t="s">
        <v>3816</v>
      </c>
      <c r="MQQ17" s="916" t="s">
        <v>3816</v>
      </c>
      <c r="MQR17" s="916" t="s">
        <v>3816</v>
      </c>
      <c r="MQS17" s="916" t="s">
        <v>3816</v>
      </c>
      <c r="MQT17" s="916" t="s">
        <v>3816</v>
      </c>
      <c r="MQU17" s="916" t="s">
        <v>3816</v>
      </c>
      <c r="MQV17" s="916" t="s">
        <v>3816</v>
      </c>
      <c r="MQW17" s="916" t="s">
        <v>3816</v>
      </c>
      <c r="MQX17" s="916" t="s">
        <v>3816</v>
      </c>
      <c r="MQY17" s="916" t="s">
        <v>3816</v>
      </c>
      <c r="MQZ17" s="916" t="s">
        <v>3816</v>
      </c>
      <c r="MRA17" s="916" t="s">
        <v>3816</v>
      </c>
      <c r="MRB17" s="916" t="s">
        <v>3816</v>
      </c>
      <c r="MRC17" s="916" t="s">
        <v>3816</v>
      </c>
      <c r="MRD17" s="916" t="s">
        <v>3816</v>
      </c>
      <c r="MRE17" s="916" t="s">
        <v>3816</v>
      </c>
      <c r="MRF17" s="916" t="s">
        <v>3816</v>
      </c>
      <c r="MRG17" s="916" t="s">
        <v>3816</v>
      </c>
      <c r="MRH17" s="916" t="s">
        <v>3816</v>
      </c>
      <c r="MRI17" s="916" t="s">
        <v>3816</v>
      </c>
      <c r="MRJ17" s="916" t="s">
        <v>3816</v>
      </c>
      <c r="MRK17" s="916" t="s">
        <v>3816</v>
      </c>
      <c r="MRL17" s="916" t="s">
        <v>3816</v>
      </c>
      <c r="MRM17" s="916" t="s">
        <v>3816</v>
      </c>
      <c r="MRN17" s="916" t="s">
        <v>3816</v>
      </c>
      <c r="MRO17" s="916" t="s">
        <v>3816</v>
      </c>
      <c r="MRP17" s="916" t="s">
        <v>3816</v>
      </c>
      <c r="MRQ17" s="916" t="s">
        <v>3816</v>
      </c>
      <c r="MRR17" s="916" t="s">
        <v>3816</v>
      </c>
      <c r="MRS17" s="916" t="s">
        <v>3816</v>
      </c>
      <c r="MRT17" s="916" t="s">
        <v>3816</v>
      </c>
      <c r="MRU17" s="916" t="s">
        <v>3816</v>
      </c>
      <c r="MRV17" s="916" t="s">
        <v>3816</v>
      </c>
      <c r="MRW17" s="916" t="s">
        <v>3816</v>
      </c>
      <c r="MRX17" s="916" t="s">
        <v>3816</v>
      </c>
      <c r="MRY17" s="916" t="s">
        <v>3816</v>
      </c>
      <c r="MRZ17" s="916" t="s">
        <v>3816</v>
      </c>
      <c r="MSA17" s="916" t="s">
        <v>3816</v>
      </c>
      <c r="MSB17" s="916" t="s">
        <v>3816</v>
      </c>
      <c r="MSC17" s="916" t="s">
        <v>3816</v>
      </c>
      <c r="MSD17" s="916" t="s">
        <v>3816</v>
      </c>
      <c r="MSE17" s="916" t="s">
        <v>3816</v>
      </c>
      <c r="MSF17" s="916" t="s">
        <v>3816</v>
      </c>
      <c r="MSG17" s="916" t="s">
        <v>3816</v>
      </c>
      <c r="MSH17" s="916" t="s">
        <v>3816</v>
      </c>
      <c r="MSI17" s="916" t="s">
        <v>3816</v>
      </c>
      <c r="MSJ17" s="916" t="s">
        <v>3816</v>
      </c>
      <c r="MSK17" s="916" t="s">
        <v>3816</v>
      </c>
      <c r="MSL17" s="916" t="s">
        <v>3816</v>
      </c>
      <c r="MSM17" s="916" t="s">
        <v>3816</v>
      </c>
      <c r="MSN17" s="916" t="s">
        <v>3816</v>
      </c>
      <c r="MSO17" s="916" t="s">
        <v>3816</v>
      </c>
      <c r="MSP17" s="916" t="s">
        <v>3816</v>
      </c>
      <c r="MSQ17" s="916" t="s">
        <v>3816</v>
      </c>
      <c r="MSR17" s="916" t="s">
        <v>3816</v>
      </c>
      <c r="MSS17" s="916" t="s">
        <v>3816</v>
      </c>
      <c r="MST17" s="916" t="s">
        <v>3816</v>
      </c>
      <c r="MSU17" s="916" t="s">
        <v>3816</v>
      </c>
      <c r="MSV17" s="916" t="s">
        <v>3816</v>
      </c>
      <c r="MSW17" s="916" t="s">
        <v>3816</v>
      </c>
      <c r="MSX17" s="916" t="s">
        <v>3816</v>
      </c>
      <c r="MSY17" s="916" t="s">
        <v>3816</v>
      </c>
      <c r="MSZ17" s="916" t="s">
        <v>3816</v>
      </c>
      <c r="MTA17" s="916" t="s">
        <v>3816</v>
      </c>
      <c r="MTB17" s="916" t="s">
        <v>3816</v>
      </c>
      <c r="MTC17" s="916" t="s">
        <v>3816</v>
      </c>
      <c r="MTD17" s="916" t="s">
        <v>3816</v>
      </c>
      <c r="MTE17" s="916" t="s">
        <v>3816</v>
      </c>
      <c r="MTF17" s="916" t="s">
        <v>3816</v>
      </c>
      <c r="MTG17" s="916" t="s">
        <v>3816</v>
      </c>
      <c r="MTH17" s="916" t="s">
        <v>3816</v>
      </c>
      <c r="MTI17" s="916" t="s">
        <v>3816</v>
      </c>
      <c r="MTJ17" s="916" t="s">
        <v>3816</v>
      </c>
      <c r="MTK17" s="916" t="s">
        <v>3816</v>
      </c>
      <c r="MTL17" s="916" t="s">
        <v>3816</v>
      </c>
      <c r="MTM17" s="916" t="s">
        <v>3816</v>
      </c>
      <c r="MTN17" s="916" t="s">
        <v>3816</v>
      </c>
      <c r="MTO17" s="916" t="s">
        <v>3816</v>
      </c>
      <c r="MTP17" s="916" t="s">
        <v>3816</v>
      </c>
      <c r="MTQ17" s="916" t="s">
        <v>3816</v>
      </c>
      <c r="MTR17" s="916" t="s">
        <v>3816</v>
      </c>
      <c r="MTS17" s="916" t="s">
        <v>3816</v>
      </c>
      <c r="MTT17" s="916" t="s">
        <v>3816</v>
      </c>
      <c r="MTU17" s="916" t="s">
        <v>3816</v>
      </c>
      <c r="MTV17" s="916" t="s">
        <v>3816</v>
      </c>
      <c r="MTW17" s="916" t="s">
        <v>3816</v>
      </c>
      <c r="MTX17" s="916" t="s">
        <v>3816</v>
      </c>
      <c r="MTY17" s="916" t="s">
        <v>3816</v>
      </c>
      <c r="MTZ17" s="916" t="s">
        <v>3816</v>
      </c>
      <c r="MUA17" s="916" t="s">
        <v>3816</v>
      </c>
      <c r="MUB17" s="916" t="s">
        <v>3816</v>
      </c>
      <c r="MUC17" s="916" t="s">
        <v>3816</v>
      </c>
      <c r="MUD17" s="916" t="s">
        <v>3816</v>
      </c>
      <c r="MUE17" s="916" t="s">
        <v>3816</v>
      </c>
      <c r="MUF17" s="916" t="s">
        <v>3816</v>
      </c>
      <c r="MUG17" s="916" t="s">
        <v>3816</v>
      </c>
      <c r="MUH17" s="916" t="s">
        <v>3816</v>
      </c>
      <c r="MUI17" s="916" t="s">
        <v>3816</v>
      </c>
      <c r="MUJ17" s="916" t="s">
        <v>3816</v>
      </c>
      <c r="MUK17" s="916" t="s">
        <v>3816</v>
      </c>
      <c r="MUL17" s="916" t="s">
        <v>3816</v>
      </c>
      <c r="MUM17" s="916" t="s">
        <v>3816</v>
      </c>
      <c r="MUN17" s="916" t="s">
        <v>3816</v>
      </c>
      <c r="MUO17" s="916" t="s">
        <v>3816</v>
      </c>
      <c r="MUP17" s="916" t="s">
        <v>3816</v>
      </c>
      <c r="MUQ17" s="916" t="s">
        <v>3816</v>
      </c>
      <c r="MUR17" s="916" t="s">
        <v>3816</v>
      </c>
      <c r="MUS17" s="916" t="s">
        <v>3816</v>
      </c>
      <c r="MUT17" s="916" t="s">
        <v>3816</v>
      </c>
      <c r="MUU17" s="916" t="s">
        <v>3816</v>
      </c>
      <c r="MUV17" s="916" t="s">
        <v>3816</v>
      </c>
      <c r="MUW17" s="916" t="s">
        <v>3816</v>
      </c>
      <c r="MUX17" s="916" t="s">
        <v>3816</v>
      </c>
      <c r="MUY17" s="916" t="s">
        <v>3816</v>
      </c>
      <c r="MUZ17" s="916" t="s">
        <v>3816</v>
      </c>
      <c r="MVA17" s="916" t="s">
        <v>3816</v>
      </c>
      <c r="MVB17" s="916" t="s">
        <v>3816</v>
      </c>
      <c r="MVC17" s="916" t="s">
        <v>3816</v>
      </c>
      <c r="MVD17" s="916" t="s">
        <v>3816</v>
      </c>
      <c r="MVE17" s="916" t="s">
        <v>3816</v>
      </c>
      <c r="MVF17" s="916" t="s">
        <v>3816</v>
      </c>
      <c r="MVG17" s="916" t="s">
        <v>3816</v>
      </c>
      <c r="MVH17" s="916" t="s">
        <v>3816</v>
      </c>
      <c r="MVI17" s="916" t="s">
        <v>3816</v>
      </c>
      <c r="MVJ17" s="916" t="s">
        <v>3816</v>
      </c>
      <c r="MVK17" s="916" t="s">
        <v>3816</v>
      </c>
      <c r="MVL17" s="916" t="s">
        <v>3816</v>
      </c>
      <c r="MVM17" s="916" t="s">
        <v>3816</v>
      </c>
      <c r="MVN17" s="916" t="s">
        <v>3816</v>
      </c>
      <c r="MVO17" s="916" t="s">
        <v>3816</v>
      </c>
      <c r="MVP17" s="916" t="s">
        <v>3816</v>
      </c>
      <c r="MVQ17" s="916" t="s">
        <v>3816</v>
      </c>
      <c r="MVR17" s="916" t="s">
        <v>3816</v>
      </c>
      <c r="MVS17" s="916" t="s">
        <v>3816</v>
      </c>
      <c r="MVT17" s="916" t="s">
        <v>3816</v>
      </c>
      <c r="MVU17" s="916" t="s">
        <v>3816</v>
      </c>
      <c r="MVV17" s="916" t="s">
        <v>3816</v>
      </c>
      <c r="MVW17" s="916" t="s">
        <v>3816</v>
      </c>
      <c r="MVX17" s="916" t="s">
        <v>3816</v>
      </c>
      <c r="MVY17" s="916" t="s">
        <v>3816</v>
      </c>
      <c r="MVZ17" s="916" t="s">
        <v>3816</v>
      </c>
      <c r="MWA17" s="916" t="s">
        <v>3816</v>
      </c>
      <c r="MWB17" s="916" t="s">
        <v>3816</v>
      </c>
      <c r="MWC17" s="916" t="s">
        <v>3816</v>
      </c>
      <c r="MWD17" s="916" t="s">
        <v>3816</v>
      </c>
      <c r="MWE17" s="916" t="s">
        <v>3816</v>
      </c>
      <c r="MWF17" s="916" t="s">
        <v>3816</v>
      </c>
      <c r="MWG17" s="916" t="s">
        <v>3816</v>
      </c>
      <c r="MWH17" s="916" t="s">
        <v>3816</v>
      </c>
      <c r="MWI17" s="916" t="s">
        <v>3816</v>
      </c>
      <c r="MWJ17" s="916" t="s">
        <v>3816</v>
      </c>
      <c r="MWK17" s="916" t="s">
        <v>3816</v>
      </c>
      <c r="MWL17" s="916" t="s">
        <v>3816</v>
      </c>
      <c r="MWM17" s="916" t="s">
        <v>3816</v>
      </c>
      <c r="MWN17" s="916" t="s">
        <v>3816</v>
      </c>
      <c r="MWO17" s="916" t="s">
        <v>3816</v>
      </c>
      <c r="MWP17" s="916" t="s">
        <v>3816</v>
      </c>
      <c r="MWQ17" s="916" t="s">
        <v>3816</v>
      </c>
      <c r="MWR17" s="916" t="s">
        <v>3816</v>
      </c>
      <c r="MWS17" s="916" t="s">
        <v>3816</v>
      </c>
      <c r="MWT17" s="916" t="s">
        <v>3816</v>
      </c>
      <c r="MWU17" s="916" t="s">
        <v>3816</v>
      </c>
      <c r="MWV17" s="916" t="s">
        <v>3816</v>
      </c>
      <c r="MWW17" s="916" t="s">
        <v>3816</v>
      </c>
      <c r="MWX17" s="916" t="s">
        <v>3816</v>
      </c>
      <c r="MWY17" s="916" t="s">
        <v>3816</v>
      </c>
      <c r="MWZ17" s="916" t="s">
        <v>3816</v>
      </c>
      <c r="MXA17" s="916" t="s">
        <v>3816</v>
      </c>
      <c r="MXB17" s="916" t="s">
        <v>3816</v>
      </c>
      <c r="MXC17" s="916" t="s">
        <v>3816</v>
      </c>
      <c r="MXD17" s="916" t="s">
        <v>3816</v>
      </c>
      <c r="MXE17" s="916" t="s">
        <v>3816</v>
      </c>
      <c r="MXF17" s="916" t="s">
        <v>3816</v>
      </c>
      <c r="MXG17" s="916" t="s">
        <v>3816</v>
      </c>
      <c r="MXH17" s="916" t="s">
        <v>3816</v>
      </c>
      <c r="MXI17" s="916" t="s">
        <v>3816</v>
      </c>
      <c r="MXJ17" s="916" t="s">
        <v>3816</v>
      </c>
      <c r="MXK17" s="916" t="s">
        <v>3816</v>
      </c>
      <c r="MXL17" s="916" t="s">
        <v>3816</v>
      </c>
      <c r="MXM17" s="916" t="s">
        <v>3816</v>
      </c>
      <c r="MXN17" s="916" t="s">
        <v>3816</v>
      </c>
      <c r="MXO17" s="916" t="s">
        <v>3816</v>
      </c>
      <c r="MXP17" s="916" t="s">
        <v>3816</v>
      </c>
      <c r="MXQ17" s="916" t="s">
        <v>3816</v>
      </c>
      <c r="MXR17" s="916" t="s">
        <v>3816</v>
      </c>
      <c r="MXS17" s="916" t="s">
        <v>3816</v>
      </c>
      <c r="MXT17" s="916" t="s">
        <v>3816</v>
      </c>
      <c r="MXU17" s="916" t="s">
        <v>3816</v>
      </c>
      <c r="MXV17" s="916" t="s">
        <v>3816</v>
      </c>
      <c r="MXW17" s="916" t="s">
        <v>3816</v>
      </c>
      <c r="MXX17" s="916" t="s">
        <v>3816</v>
      </c>
      <c r="MXY17" s="916" t="s">
        <v>3816</v>
      </c>
      <c r="MXZ17" s="916" t="s">
        <v>3816</v>
      </c>
      <c r="MYA17" s="916" t="s">
        <v>3816</v>
      </c>
      <c r="MYB17" s="916" t="s">
        <v>3816</v>
      </c>
      <c r="MYC17" s="916" t="s">
        <v>3816</v>
      </c>
      <c r="MYD17" s="916" t="s">
        <v>3816</v>
      </c>
      <c r="MYE17" s="916" t="s">
        <v>3816</v>
      </c>
      <c r="MYF17" s="916" t="s">
        <v>3816</v>
      </c>
      <c r="MYG17" s="916" t="s">
        <v>3816</v>
      </c>
      <c r="MYH17" s="916" t="s">
        <v>3816</v>
      </c>
      <c r="MYI17" s="916" t="s">
        <v>3816</v>
      </c>
      <c r="MYJ17" s="916" t="s">
        <v>3816</v>
      </c>
      <c r="MYK17" s="916" t="s">
        <v>3816</v>
      </c>
      <c r="MYL17" s="916" t="s">
        <v>3816</v>
      </c>
      <c r="MYM17" s="916" t="s">
        <v>3816</v>
      </c>
      <c r="MYN17" s="916" t="s">
        <v>3816</v>
      </c>
      <c r="MYO17" s="916" t="s">
        <v>3816</v>
      </c>
      <c r="MYP17" s="916" t="s">
        <v>3816</v>
      </c>
      <c r="MYQ17" s="916" t="s">
        <v>3816</v>
      </c>
      <c r="MYR17" s="916" t="s">
        <v>3816</v>
      </c>
      <c r="MYS17" s="916" t="s">
        <v>3816</v>
      </c>
      <c r="MYT17" s="916" t="s">
        <v>3816</v>
      </c>
      <c r="MYU17" s="916" t="s">
        <v>3816</v>
      </c>
      <c r="MYV17" s="916" t="s">
        <v>3816</v>
      </c>
      <c r="MYW17" s="916" t="s">
        <v>3816</v>
      </c>
      <c r="MYX17" s="916" t="s">
        <v>3816</v>
      </c>
      <c r="MYY17" s="916" t="s">
        <v>3816</v>
      </c>
      <c r="MYZ17" s="916" t="s">
        <v>3816</v>
      </c>
      <c r="MZA17" s="916" t="s">
        <v>3816</v>
      </c>
      <c r="MZB17" s="916" t="s">
        <v>3816</v>
      </c>
      <c r="MZC17" s="916" t="s">
        <v>3816</v>
      </c>
      <c r="MZD17" s="916" t="s">
        <v>3816</v>
      </c>
      <c r="MZE17" s="916" t="s">
        <v>3816</v>
      </c>
      <c r="MZF17" s="916" t="s">
        <v>3816</v>
      </c>
      <c r="MZG17" s="916" t="s">
        <v>3816</v>
      </c>
      <c r="MZH17" s="916" t="s">
        <v>3816</v>
      </c>
      <c r="MZI17" s="916" t="s">
        <v>3816</v>
      </c>
      <c r="MZJ17" s="916" t="s">
        <v>3816</v>
      </c>
      <c r="MZK17" s="916" t="s">
        <v>3816</v>
      </c>
      <c r="MZL17" s="916" t="s">
        <v>3816</v>
      </c>
      <c r="MZM17" s="916" t="s">
        <v>3816</v>
      </c>
      <c r="MZN17" s="916" t="s">
        <v>3816</v>
      </c>
      <c r="MZO17" s="916" t="s">
        <v>3816</v>
      </c>
      <c r="MZP17" s="916" t="s">
        <v>3816</v>
      </c>
      <c r="MZQ17" s="916" t="s">
        <v>3816</v>
      </c>
      <c r="MZR17" s="916" t="s">
        <v>3816</v>
      </c>
      <c r="MZS17" s="916" t="s">
        <v>3816</v>
      </c>
      <c r="MZT17" s="916" t="s">
        <v>3816</v>
      </c>
      <c r="MZU17" s="916" t="s">
        <v>3816</v>
      </c>
      <c r="MZV17" s="916" t="s">
        <v>3816</v>
      </c>
      <c r="MZW17" s="916" t="s">
        <v>3816</v>
      </c>
      <c r="MZX17" s="916" t="s">
        <v>3816</v>
      </c>
      <c r="MZY17" s="916" t="s">
        <v>3816</v>
      </c>
      <c r="MZZ17" s="916" t="s">
        <v>3816</v>
      </c>
      <c r="NAA17" s="916" t="s">
        <v>3816</v>
      </c>
      <c r="NAB17" s="916" t="s">
        <v>3816</v>
      </c>
      <c r="NAC17" s="916" t="s">
        <v>3816</v>
      </c>
      <c r="NAD17" s="916" t="s">
        <v>3816</v>
      </c>
      <c r="NAE17" s="916" t="s">
        <v>3816</v>
      </c>
      <c r="NAF17" s="916" t="s">
        <v>3816</v>
      </c>
      <c r="NAG17" s="916" t="s">
        <v>3816</v>
      </c>
      <c r="NAH17" s="916" t="s">
        <v>3816</v>
      </c>
      <c r="NAI17" s="916" t="s">
        <v>3816</v>
      </c>
      <c r="NAJ17" s="916" t="s">
        <v>3816</v>
      </c>
      <c r="NAK17" s="916" t="s">
        <v>3816</v>
      </c>
      <c r="NAL17" s="916" t="s">
        <v>3816</v>
      </c>
      <c r="NAM17" s="916" t="s">
        <v>3816</v>
      </c>
      <c r="NAN17" s="916" t="s">
        <v>3816</v>
      </c>
      <c r="NAO17" s="916" t="s">
        <v>3816</v>
      </c>
      <c r="NAP17" s="916" t="s">
        <v>3816</v>
      </c>
      <c r="NAQ17" s="916" t="s">
        <v>3816</v>
      </c>
      <c r="NAR17" s="916" t="s">
        <v>3816</v>
      </c>
      <c r="NAS17" s="916" t="s">
        <v>3816</v>
      </c>
      <c r="NAT17" s="916" t="s">
        <v>3816</v>
      </c>
      <c r="NAU17" s="916" t="s">
        <v>3816</v>
      </c>
      <c r="NAV17" s="916" t="s">
        <v>3816</v>
      </c>
      <c r="NAW17" s="916" t="s">
        <v>3816</v>
      </c>
      <c r="NAX17" s="916" t="s">
        <v>3816</v>
      </c>
      <c r="NAY17" s="916" t="s">
        <v>3816</v>
      </c>
      <c r="NAZ17" s="916" t="s">
        <v>3816</v>
      </c>
      <c r="NBA17" s="916" t="s">
        <v>3816</v>
      </c>
      <c r="NBB17" s="916" t="s">
        <v>3816</v>
      </c>
      <c r="NBC17" s="916" t="s">
        <v>3816</v>
      </c>
      <c r="NBD17" s="916" t="s">
        <v>3816</v>
      </c>
      <c r="NBE17" s="916" t="s">
        <v>3816</v>
      </c>
      <c r="NBF17" s="916" t="s">
        <v>3816</v>
      </c>
      <c r="NBG17" s="916" t="s">
        <v>3816</v>
      </c>
      <c r="NBH17" s="916" t="s">
        <v>3816</v>
      </c>
      <c r="NBI17" s="916" t="s">
        <v>3816</v>
      </c>
      <c r="NBJ17" s="916" t="s">
        <v>3816</v>
      </c>
      <c r="NBK17" s="916" t="s">
        <v>3816</v>
      </c>
      <c r="NBL17" s="916" t="s">
        <v>3816</v>
      </c>
      <c r="NBM17" s="916" t="s">
        <v>3816</v>
      </c>
      <c r="NBN17" s="916" t="s">
        <v>3816</v>
      </c>
      <c r="NBO17" s="916" t="s">
        <v>3816</v>
      </c>
      <c r="NBP17" s="916" t="s">
        <v>3816</v>
      </c>
      <c r="NBQ17" s="916" t="s">
        <v>3816</v>
      </c>
      <c r="NBR17" s="916" t="s">
        <v>3816</v>
      </c>
      <c r="NBS17" s="916" t="s">
        <v>3816</v>
      </c>
      <c r="NBT17" s="916" t="s">
        <v>3816</v>
      </c>
      <c r="NBU17" s="916" t="s">
        <v>3816</v>
      </c>
      <c r="NBV17" s="916" t="s">
        <v>3816</v>
      </c>
      <c r="NBW17" s="916" t="s">
        <v>3816</v>
      </c>
      <c r="NBX17" s="916" t="s">
        <v>3816</v>
      </c>
      <c r="NBY17" s="916" t="s">
        <v>3816</v>
      </c>
      <c r="NBZ17" s="916" t="s">
        <v>3816</v>
      </c>
      <c r="NCA17" s="916" t="s">
        <v>3816</v>
      </c>
      <c r="NCB17" s="916" t="s">
        <v>3816</v>
      </c>
      <c r="NCC17" s="916" t="s">
        <v>3816</v>
      </c>
      <c r="NCD17" s="916" t="s">
        <v>3816</v>
      </c>
      <c r="NCE17" s="916" t="s">
        <v>3816</v>
      </c>
      <c r="NCF17" s="916" t="s">
        <v>3816</v>
      </c>
      <c r="NCG17" s="916" t="s">
        <v>3816</v>
      </c>
      <c r="NCH17" s="916" t="s">
        <v>3816</v>
      </c>
      <c r="NCI17" s="916" t="s">
        <v>3816</v>
      </c>
      <c r="NCJ17" s="916" t="s">
        <v>3816</v>
      </c>
      <c r="NCK17" s="916" t="s">
        <v>3816</v>
      </c>
      <c r="NCL17" s="916" t="s">
        <v>3816</v>
      </c>
      <c r="NCM17" s="916" t="s">
        <v>3816</v>
      </c>
      <c r="NCN17" s="916" t="s">
        <v>3816</v>
      </c>
      <c r="NCO17" s="916" t="s">
        <v>3816</v>
      </c>
      <c r="NCP17" s="916" t="s">
        <v>3816</v>
      </c>
      <c r="NCQ17" s="916" t="s">
        <v>3816</v>
      </c>
      <c r="NCR17" s="916" t="s">
        <v>3816</v>
      </c>
      <c r="NCS17" s="916" t="s">
        <v>3816</v>
      </c>
      <c r="NCT17" s="916" t="s">
        <v>3816</v>
      </c>
      <c r="NCU17" s="916" t="s">
        <v>3816</v>
      </c>
      <c r="NCV17" s="916" t="s">
        <v>3816</v>
      </c>
      <c r="NCW17" s="916" t="s">
        <v>3816</v>
      </c>
      <c r="NCX17" s="916" t="s">
        <v>3816</v>
      </c>
      <c r="NCY17" s="916" t="s">
        <v>3816</v>
      </c>
      <c r="NCZ17" s="916" t="s">
        <v>3816</v>
      </c>
      <c r="NDA17" s="916" t="s">
        <v>3816</v>
      </c>
      <c r="NDB17" s="916" t="s">
        <v>3816</v>
      </c>
      <c r="NDC17" s="916" t="s">
        <v>3816</v>
      </c>
      <c r="NDD17" s="916" t="s">
        <v>3816</v>
      </c>
      <c r="NDE17" s="916" t="s">
        <v>3816</v>
      </c>
      <c r="NDF17" s="916" t="s">
        <v>3816</v>
      </c>
      <c r="NDG17" s="916" t="s">
        <v>3816</v>
      </c>
      <c r="NDH17" s="916" t="s">
        <v>3816</v>
      </c>
      <c r="NDI17" s="916" t="s">
        <v>3816</v>
      </c>
      <c r="NDJ17" s="916" t="s">
        <v>3816</v>
      </c>
      <c r="NDK17" s="916" t="s">
        <v>3816</v>
      </c>
      <c r="NDL17" s="916" t="s">
        <v>3816</v>
      </c>
      <c r="NDM17" s="916" t="s">
        <v>3816</v>
      </c>
      <c r="NDN17" s="916" t="s">
        <v>3816</v>
      </c>
      <c r="NDO17" s="916" t="s">
        <v>3816</v>
      </c>
      <c r="NDP17" s="916" t="s">
        <v>3816</v>
      </c>
      <c r="NDQ17" s="916" t="s">
        <v>3816</v>
      </c>
      <c r="NDR17" s="916" t="s">
        <v>3816</v>
      </c>
      <c r="NDS17" s="916" t="s">
        <v>3816</v>
      </c>
      <c r="NDT17" s="916" t="s">
        <v>3816</v>
      </c>
      <c r="NDU17" s="916" t="s">
        <v>3816</v>
      </c>
      <c r="NDV17" s="916" t="s">
        <v>3816</v>
      </c>
      <c r="NDW17" s="916" t="s">
        <v>3816</v>
      </c>
      <c r="NDX17" s="916" t="s">
        <v>3816</v>
      </c>
      <c r="NDY17" s="916" t="s">
        <v>3816</v>
      </c>
      <c r="NDZ17" s="916" t="s">
        <v>3816</v>
      </c>
      <c r="NEA17" s="916" t="s">
        <v>3816</v>
      </c>
      <c r="NEB17" s="916" t="s">
        <v>3816</v>
      </c>
      <c r="NEC17" s="916" t="s">
        <v>3816</v>
      </c>
      <c r="NED17" s="916" t="s">
        <v>3816</v>
      </c>
      <c r="NEE17" s="916" t="s">
        <v>3816</v>
      </c>
      <c r="NEF17" s="916" t="s">
        <v>3816</v>
      </c>
      <c r="NEG17" s="916" t="s">
        <v>3816</v>
      </c>
      <c r="NEH17" s="916" t="s">
        <v>3816</v>
      </c>
      <c r="NEI17" s="916" t="s">
        <v>3816</v>
      </c>
      <c r="NEJ17" s="916" t="s">
        <v>3816</v>
      </c>
      <c r="NEK17" s="916" t="s">
        <v>3816</v>
      </c>
      <c r="NEL17" s="916" t="s">
        <v>3816</v>
      </c>
      <c r="NEM17" s="916" t="s">
        <v>3816</v>
      </c>
      <c r="NEN17" s="916" t="s">
        <v>3816</v>
      </c>
      <c r="NEO17" s="916" t="s">
        <v>3816</v>
      </c>
      <c r="NEP17" s="916" t="s">
        <v>3816</v>
      </c>
      <c r="NEQ17" s="916" t="s">
        <v>3816</v>
      </c>
      <c r="NER17" s="916" t="s">
        <v>3816</v>
      </c>
      <c r="NES17" s="916" t="s">
        <v>3816</v>
      </c>
      <c r="NET17" s="916" t="s">
        <v>3816</v>
      </c>
      <c r="NEU17" s="916" t="s">
        <v>3816</v>
      </c>
      <c r="NEV17" s="916" t="s">
        <v>3816</v>
      </c>
      <c r="NEW17" s="916" t="s">
        <v>3816</v>
      </c>
      <c r="NEX17" s="916" t="s">
        <v>3816</v>
      </c>
      <c r="NEY17" s="916" t="s">
        <v>3816</v>
      </c>
      <c r="NEZ17" s="916" t="s">
        <v>3816</v>
      </c>
      <c r="NFA17" s="916" t="s">
        <v>3816</v>
      </c>
      <c r="NFB17" s="916" t="s">
        <v>3816</v>
      </c>
      <c r="NFC17" s="916" t="s">
        <v>3816</v>
      </c>
      <c r="NFD17" s="916" t="s">
        <v>3816</v>
      </c>
      <c r="NFE17" s="916" t="s">
        <v>3816</v>
      </c>
      <c r="NFF17" s="916" t="s">
        <v>3816</v>
      </c>
      <c r="NFG17" s="916" t="s">
        <v>3816</v>
      </c>
      <c r="NFH17" s="916" t="s">
        <v>3816</v>
      </c>
      <c r="NFI17" s="916" t="s">
        <v>3816</v>
      </c>
      <c r="NFJ17" s="916" t="s">
        <v>3816</v>
      </c>
      <c r="NFK17" s="916" t="s">
        <v>3816</v>
      </c>
      <c r="NFL17" s="916" t="s">
        <v>3816</v>
      </c>
      <c r="NFM17" s="916" t="s">
        <v>3816</v>
      </c>
      <c r="NFN17" s="916" t="s">
        <v>3816</v>
      </c>
      <c r="NFO17" s="916" t="s">
        <v>3816</v>
      </c>
      <c r="NFP17" s="916" t="s">
        <v>3816</v>
      </c>
      <c r="NFQ17" s="916" t="s">
        <v>3816</v>
      </c>
      <c r="NFR17" s="916" t="s">
        <v>3816</v>
      </c>
      <c r="NFS17" s="916" t="s">
        <v>3816</v>
      </c>
      <c r="NFT17" s="916" t="s">
        <v>3816</v>
      </c>
      <c r="NFU17" s="916" t="s">
        <v>3816</v>
      </c>
      <c r="NFV17" s="916" t="s">
        <v>3816</v>
      </c>
      <c r="NFW17" s="916" t="s">
        <v>3816</v>
      </c>
      <c r="NFX17" s="916" t="s">
        <v>3816</v>
      </c>
      <c r="NFY17" s="916" t="s">
        <v>3816</v>
      </c>
      <c r="NFZ17" s="916" t="s">
        <v>3816</v>
      </c>
      <c r="NGA17" s="916" t="s">
        <v>3816</v>
      </c>
      <c r="NGB17" s="916" t="s">
        <v>3816</v>
      </c>
      <c r="NGC17" s="916" t="s">
        <v>3816</v>
      </c>
      <c r="NGD17" s="916" t="s">
        <v>3816</v>
      </c>
      <c r="NGE17" s="916" t="s">
        <v>3816</v>
      </c>
      <c r="NGF17" s="916" t="s">
        <v>3816</v>
      </c>
      <c r="NGG17" s="916" t="s">
        <v>3816</v>
      </c>
      <c r="NGH17" s="916" t="s">
        <v>3816</v>
      </c>
      <c r="NGI17" s="916" t="s">
        <v>3816</v>
      </c>
      <c r="NGJ17" s="916" t="s">
        <v>3816</v>
      </c>
      <c r="NGK17" s="916" t="s">
        <v>3816</v>
      </c>
      <c r="NGL17" s="916" t="s">
        <v>3816</v>
      </c>
      <c r="NGM17" s="916" t="s">
        <v>3816</v>
      </c>
      <c r="NGN17" s="916" t="s">
        <v>3816</v>
      </c>
      <c r="NGO17" s="916" t="s">
        <v>3816</v>
      </c>
      <c r="NGP17" s="916" t="s">
        <v>3816</v>
      </c>
      <c r="NGQ17" s="916" t="s">
        <v>3816</v>
      </c>
      <c r="NGR17" s="916" t="s">
        <v>3816</v>
      </c>
      <c r="NGS17" s="916" t="s">
        <v>3816</v>
      </c>
      <c r="NGT17" s="916" t="s">
        <v>3816</v>
      </c>
      <c r="NGU17" s="916" t="s">
        <v>3816</v>
      </c>
      <c r="NGV17" s="916" t="s">
        <v>3816</v>
      </c>
      <c r="NGW17" s="916" t="s">
        <v>3816</v>
      </c>
      <c r="NGX17" s="916" t="s">
        <v>3816</v>
      </c>
      <c r="NGY17" s="916" t="s">
        <v>3816</v>
      </c>
      <c r="NGZ17" s="916" t="s">
        <v>3816</v>
      </c>
      <c r="NHA17" s="916" t="s">
        <v>3816</v>
      </c>
      <c r="NHB17" s="916" t="s">
        <v>3816</v>
      </c>
      <c r="NHC17" s="916" t="s">
        <v>3816</v>
      </c>
      <c r="NHD17" s="916" t="s">
        <v>3816</v>
      </c>
      <c r="NHE17" s="916" t="s">
        <v>3816</v>
      </c>
      <c r="NHF17" s="916" t="s">
        <v>3816</v>
      </c>
      <c r="NHG17" s="916" t="s">
        <v>3816</v>
      </c>
      <c r="NHH17" s="916" t="s">
        <v>3816</v>
      </c>
      <c r="NHI17" s="916" t="s">
        <v>3816</v>
      </c>
      <c r="NHJ17" s="916" t="s">
        <v>3816</v>
      </c>
      <c r="NHK17" s="916" t="s">
        <v>3816</v>
      </c>
      <c r="NHL17" s="916" t="s">
        <v>3816</v>
      </c>
      <c r="NHM17" s="916" t="s">
        <v>3816</v>
      </c>
      <c r="NHN17" s="916" t="s">
        <v>3816</v>
      </c>
      <c r="NHO17" s="916" t="s">
        <v>3816</v>
      </c>
      <c r="NHP17" s="916" t="s">
        <v>3816</v>
      </c>
      <c r="NHQ17" s="916" t="s">
        <v>3816</v>
      </c>
      <c r="NHR17" s="916" t="s">
        <v>3816</v>
      </c>
      <c r="NHS17" s="916" t="s">
        <v>3816</v>
      </c>
      <c r="NHT17" s="916" t="s">
        <v>3816</v>
      </c>
      <c r="NHU17" s="916" t="s">
        <v>3816</v>
      </c>
      <c r="NHV17" s="916" t="s">
        <v>3816</v>
      </c>
      <c r="NHW17" s="916" t="s">
        <v>3816</v>
      </c>
      <c r="NHX17" s="916" t="s">
        <v>3816</v>
      </c>
      <c r="NHY17" s="916" t="s">
        <v>3816</v>
      </c>
      <c r="NHZ17" s="916" t="s">
        <v>3816</v>
      </c>
      <c r="NIA17" s="916" t="s">
        <v>3816</v>
      </c>
      <c r="NIB17" s="916" t="s">
        <v>3816</v>
      </c>
      <c r="NIC17" s="916" t="s">
        <v>3816</v>
      </c>
      <c r="NID17" s="916" t="s">
        <v>3816</v>
      </c>
      <c r="NIE17" s="916" t="s">
        <v>3816</v>
      </c>
      <c r="NIF17" s="916" t="s">
        <v>3816</v>
      </c>
      <c r="NIG17" s="916" t="s">
        <v>3816</v>
      </c>
      <c r="NIH17" s="916" t="s">
        <v>3816</v>
      </c>
      <c r="NII17" s="916" t="s">
        <v>3816</v>
      </c>
      <c r="NIJ17" s="916" t="s">
        <v>3816</v>
      </c>
      <c r="NIK17" s="916" t="s">
        <v>3816</v>
      </c>
      <c r="NIL17" s="916" t="s">
        <v>3816</v>
      </c>
      <c r="NIM17" s="916" t="s">
        <v>3816</v>
      </c>
      <c r="NIN17" s="916" t="s">
        <v>3816</v>
      </c>
      <c r="NIO17" s="916" t="s">
        <v>3816</v>
      </c>
      <c r="NIP17" s="916" t="s">
        <v>3816</v>
      </c>
      <c r="NIQ17" s="916" t="s">
        <v>3816</v>
      </c>
      <c r="NIR17" s="916" t="s">
        <v>3816</v>
      </c>
      <c r="NIS17" s="916" t="s">
        <v>3816</v>
      </c>
      <c r="NIT17" s="916" t="s">
        <v>3816</v>
      </c>
      <c r="NIU17" s="916" t="s">
        <v>3816</v>
      </c>
      <c r="NIV17" s="916" t="s">
        <v>3816</v>
      </c>
      <c r="NIW17" s="916" t="s">
        <v>3816</v>
      </c>
      <c r="NIX17" s="916" t="s">
        <v>3816</v>
      </c>
      <c r="NIY17" s="916" t="s">
        <v>3816</v>
      </c>
      <c r="NIZ17" s="916" t="s">
        <v>3816</v>
      </c>
      <c r="NJA17" s="916" t="s">
        <v>3816</v>
      </c>
      <c r="NJB17" s="916" t="s">
        <v>3816</v>
      </c>
      <c r="NJC17" s="916" t="s">
        <v>3816</v>
      </c>
      <c r="NJD17" s="916" t="s">
        <v>3816</v>
      </c>
      <c r="NJE17" s="916" t="s">
        <v>3816</v>
      </c>
      <c r="NJF17" s="916" t="s">
        <v>3816</v>
      </c>
      <c r="NJG17" s="916" t="s">
        <v>3816</v>
      </c>
      <c r="NJH17" s="916" t="s">
        <v>3816</v>
      </c>
      <c r="NJI17" s="916" t="s">
        <v>3816</v>
      </c>
      <c r="NJJ17" s="916" t="s">
        <v>3816</v>
      </c>
      <c r="NJK17" s="916" t="s">
        <v>3816</v>
      </c>
      <c r="NJL17" s="916" t="s">
        <v>3816</v>
      </c>
      <c r="NJM17" s="916" t="s">
        <v>3816</v>
      </c>
      <c r="NJN17" s="916" t="s">
        <v>3816</v>
      </c>
      <c r="NJO17" s="916" t="s">
        <v>3816</v>
      </c>
      <c r="NJP17" s="916" t="s">
        <v>3816</v>
      </c>
      <c r="NJQ17" s="916" t="s">
        <v>3816</v>
      </c>
      <c r="NJR17" s="916" t="s">
        <v>3816</v>
      </c>
      <c r="NJS17" s="916" t="s">
        <v>3816</v>
      </c>
      <c r="NJT17" s="916" t="s">
        <v>3816</v>
      </c>
      <c r="NJU17" s="916" t="s">
        <v>3816</v>
      </c>
      <c r="NJV17" s="916" t="s">
        <v>3816</v>
      </c>
      <c r="NJW17" s="916" t="s">
        <v>3816</v>
      </c>
      <c r="NJX17" s="916" t="s">
        <v>3816</v>
      </c>
      <c r="NJY17" s="916" t="s">
        <v>3816</v>
      </c>
      <c r="NJZ17" s="916" t="s">
        <v>3816</v>
      </c>
      <c r="NKA17" s="916" t="s">
        <v>3816</v>
      </c>
      <c r="NKB17" s="916" t="s">
        <v>3816</v>
      </c>
      <c r="NKC17" s="916" t="s">
        <v>3816</v>
      </c>
      <c r="NKD17" s="916" t="s">
        <v>3816</v>
      </c>
      <c r="NKE17" s="916" t="s">
        <v>3816</v>
      </c>
      <c r="NKF17" s="916" t="s">
        <v>3816</v>
      </c>
      <c r="NKG17" s="916" t="s">
        <v>3816</v>
      </c>
      <c r="NKH17" s="916" t="s">
        <v>3816</v>
      </c>
      <c r="NKI17" s="916" t="s">
        <v>3816</v>
      </c>
      <c r="NKJ17" s="916" t="s">
        <v>3816</v>
      </c>
      <c r="NKK17" s="916" t="s">
        <v>3816</v>
      </c>
      <c r="NKL17" s="916" t="s">
        <v>3816</v>
      </c>
      <c r="NKM17" s="916" t="s">
        <v>3816</v>
      </c>
      <c r="NKN17" s="916" t="s">
        <v>3816</v>
      </c>
      <c r="NKO17" s="916" t="s">
        <v>3816</v>
      </c>
      <c r="NKP17" s="916" t="s">
        <v>3816</v>
      </c>
      <c r="NKQ17" s="916" t="s">
        <v>3816</v>
      </c>
      <c r="NKR17" s="916" t="s">
        <v>3816</v>
      </c>
      <c r="NKS17" s="916" t="s">
        <v>3816</v>
      </c>
      <c r="NKT17" s="916" t="s">
        <v>3816</v>
      </c>
      <c r="NKU17" s="916" t="s">
        <v>3816</v>
      </c>
      <c r="NKV17" s="916" t="s">
        <v>3816</v>
      </c>
      <c r="NKW17" s="916" t="s">
        <v>3816</v>
      </c>
      <c r="NKX17" s="916" t="s">
        <v>3816</v>
      </c>
      <c r="NKY17" s="916" t="s">
        <v>3816</v>
      </c>
      <c r="NKZ17" s="916" t="s">
        <v>3816</v>
      </c>
      <c r="NLA17" s="916" t="s">
        <v>3816</v>
      </c>
      <c r="NLB17" s="916" t="s">
        <v>3816</v>
      </c>
      <c r="NLC17" s="916" t="s">
        <v>3816</v>
      </c>
      <c r="NLD17" s="916" t="s">
        <v>3816</v>
      </c>
      <c r="NLE17" s="916" t="s">
        <v>3816</v>
      </c>
      <c r="NLF17" s="916" t="s">
        <v>3816</v>
      </c>
      <c r="NLG17" s="916" t="s">
        <v>3816</v>
      </c>
      <c r="NLH17" s="916" t="s">
        <v>3816</v>
      </c>
      <c r="NLI17" s="916" t="s">
        <v>3816</v>
      </c>
      <c r="NLJ17" s="916" t="s">
        <v>3816</v>
      </c>
      <c r="NLK17" s="916" t="s">
        <v>3816</v>
      </c>
      <c r="NLL17" s="916" t="s">
        <v>3816</v>
      </c>
      <c r="NLM17" s="916" t="s">
        <v>3816</v>
      </c>
      <c r="NLN17" s="916" t="s">
        <v>3816</v>
      </c>
      <c r="NLO17" s="916" t="s">
        <v>3816</v>
      </c>
      <c r="NLP17" s="916" t="s">
        <v>3816</v>
      </c>
      <c r="NLQ17" s="916" t="s">
        <v>3816</v>
      </c>
      <c r="NLR17" s="916" t="s">
        <v>3816</v>
      </c>
      <c r="NLS17" s="916" t="s">
        <v>3816</v>
      </c>
      <c r="NLT17" s="916" t="s">
        <v>3816</v>
      </c>
      <c r="NLU17" s="916" t="s">
        <v>3816</v>
      </c>
      <c r="NLV17" s="916" t="s">
        <v>3816</v>
      </c>
      <c r="NLW17" s="916" t="s">
        <v>3816</v>
      </c>
      <c r="NLX17" s="916" t="s">
        <v>3816</v>
      </c>
      <c r="NLY17" s="916" t="s">
        <v>3816</v>
      </c>
      <c r="NLZ17" s="916" t="s">
        <v>3816</v>
      </c>
      <c r="NMA17" s="916" t="s">
        <v>3816</v>
      </c>
      <c r="NMB17" s="916" t="s">
        <v>3816</v>
      </c>
      <c r="NMC17" s="916" t="s">
        <v>3816</v>
      </c>
      <c r="NMD17" s="916" t="s">
        <v>3816</v>
      </c>
      <c r="NME17" s="916" t="s">
        <v>3816</v>
      </c>
      <c r="NMF17" s="916" t="s">
        <v>3816</v>
      </c>
      <c r="NMG17" s="916" t="s">
        <v>3816</v>
      </c>
      <c r="NMH17" s="916" t="s">
        <v>3816</v>
      </c>
      <c r="NMI17" s="916" t="s">
        <v>3816</v>
      </c>
      <c r="NMJ17" s="916" t="s">
        <v>3816</v>
      </c>
      <c r="NMK17" s="916" t="s">
        <v>3816</v>
      </c>
      <c r="NML17" s="916" t="s">
        <v>3816</v>
      </c>
      <c r="NMM17" s="916" t="s">
        <v>3816</v>
      </c>
      <c r="NMN17" s="916" t="s">
        <v>3816</v>
      </c>
      <c r="NMO17" s="916" t="s">
        <v>3816</v>
      </c>
      <c r="NMP17" s="916" t="s">
        <v>3816</v>
      </c>
      <c r="NMQ17" s="916" t="s">
        <v>3816</v>
      </c>
      <c r="NMR17" s="916" t="s">
        <v>3816</v>
      </c>
      <c r="NMS17" s="916" t="s">
        <v>3816</v>
      </c>
      <c r="NMT17" s="916" t="s">
        <v>3816</v>
      </c>
      <c r="NMU17" s="916" t="s">
        <v>3816</v>
      </c>
      <c r="NMV17" s="916" t="s">
        <v>3816</v>
      </c>
      <c r="NMW17" s="916" t="s">
        <v>3816</v>
      </c>
      <c r="NMX17" s="916" t="s">
        <v>3816</v>
      </c>
      <c r="NMY17" s="916" t="s">
        <v>3816</v>
      </c>
      <c r="NMZ17" s="916" t="s">
        <v>3816</v>
      </c>
      <c r="NNA17" s="916" t="s">
        <v>3816</v>
      </c>
      <c r="NNB17" s="916" t="s">
        <v>3816</v>
      </c>
      <c r="NNC17" s="916" t="s">
        <v>3816</v>
      </c>
      <c r="NND17" s="916" t="s">
        <v>3816</v>
      </c>
      <c r="NNE17" s="916" t="s">
        <v>3816</v>
      </c>
      <c r="NNF17" s="916" t="s">
        <v>3816</v>
      </c>
      <c r="NNG17" s="916" t="s">
        <v>3816</v>
      </c>
      <c r="NNH17" s="916" t="s">
        <v>3816</v>
      </c>
      <c r="NNI17" s="916" t="s">
        <v>3816</v>
      </c>
      <c r="NNJ17" s="916" t="s">
        <v>3816</v>
      </c>
      <c r="NNK17" s="916" t="s">
        <v>3816</v>
      </c>
      <c r="NNL17" s="916" t="s">
        <v>3816</v>
      </c>
      <c r="NNM17" s="916" t="s">
        <v>3816</v>
      </c>
      <c r="NNN17" s="916" t="s">
        <v>3816</v>
      </c>
      <c r="NNO17" s="916" t="s">
        <v>3816</v>
      </c>
      <c r="NNP17" s="916" t="s">
        <v>3816</v>
      </c>
      <c r="NNQ17" s="916" t="s">
        <v>3816</v>
      </c>
      <c r="NNR17" s="916" t="s">
        <v>3816</v>
      </c>
      <c r="NNS17" s="916" t="s">
        <v>3816</v>
      </c>
      <c r="NNT17" s="916" t="s">
        <v>3816</v>
      </c>
      <c r="NNU17" s="916" t="s">
        <v>3816</v>
      </c>
      <c r="NNV17" s="916" t="s">
        <v>3816</v>
      </c>
      <c r="NNW17" s="916" t="s">
        <v>3816</v>
      </c>
      <c r="NNX17" s="916" t="s">
        <v>3816</v>
      </c>
      <c r="NNY17" s="916" t="s">
        <v>3816</v>
      </c>
      <c r="NNZ17" s="916" t="s">
        <v>3816</v>
      </c>
      <c r="NOA17" s="916" t="s">
        <v>3816</v>
      </c>
      <c r="NOB17" s="916" t="s">
        <v>3816</v>
      </c>
      <c r="NOC17" s="916" t="s">
        <v>3816</v>
      </c>
      <c r="NOD17" s="916" t="s">
        <v>3816</v>
      </c>
      <c r="NOE17" s="916" t="s">
        <v>3816</v>
      </c>
      <c r="NOF17" s="916" t="s">
        <v>3816</v>
      </c>
      <c r="NOG17" s="916" t="s">
        <v>3816</v>
      </c>
      <c r="NOH17" s="916" t="s">
        <v>3816</v>
      </c>
      <c r="NOI17" s="916" t="s">
        <v>3816</v>
      </c>
      <c r="NOJ17" s="916" t="s">
        <v>3816</v>
      </c>
      <c r="NOK17" s="916" t="s">
        <v>3816</v>
      </c>
      <c r="NOL17" s="916" t="s">
        <v>3816</v>
      </c>
      <c r="NOM17" s="916" t="s">
        <v>3816</v>
      </c>
      <c r="NON17" s="916" t="s">
        <v>3816</v>
      </c>
      <c r="NOO17" s="916" t="s">
        <v>3816</v>
      </c>
      <c r="NOP17" s="916" t="s">
        <v>3816</v>
      </c>
      <c r="NOQ17" s="916" t="s">
        <v>3816</v>
      </c>
      <c r="NOR17" s="916" t="s">
        <v>3816</v>
      </c>
      <c r="NOS17" s="916" t="s">
        <v>3816</v>
      </c>
      <c r="NOT17" s="916" t="s">
        <v>3816</v>
      </c>
      <c r="NOU17" s="916" t="s">
        <v>3816</v>
      </c>
      <c r="NOV17" s="916" t="s">
        <v>3816</v>
      </c>
      <c r="NOW17" s="916" t="s">
        <v>3816</v>
      </c>
      <c r="NOX17" s="916" t="s">
        <v>3816</v>
      </c>
      <c r="NOY17" s="916" t="s">
        <v>3816</v>
      </c>
      <c r="NOZ17" s="916" t="s">
        <v>3816</v>
      </c>
      <c r="NPA17" s="916" t="s">
        <v>3816</v>
      </c>
      <c r="NPB17" s="916" t="s">
        <v>3816</v>
      </c>
      <c r="NPC17" s="916" t="s">
        <v>3816</v>
      </c>
      <c r="NPD17" s="916" t="s">
        <v>3816</v>
      </c>
      <c r="NPE17" s="916" t="s">
        <v>3816</v>
      </c>
      <c r="NPF17" s="916" t="s">
        <v>3816</v>
      </c>
      <c r="NPG17" s="916" t="s">
        <v>3816</v>
      </c>
      <c r="NPH17" s="916" t="s">
        <v>3816</v>
      </c>
      <c r="NPI17" s="916" t="s">
        <v>3816</v>
      </c>
      <c r="NPJ17" s="916" t="s">
        <v>3816</v>
      </c>
      <c r="NPK17" s="916" t="s">
        <v>3816</v>
      </c>
      <c r="NPL17" s="916" t="s">
        <v>3816</v>
      </c>
      <c r="NPM17" s="916" t="s">
        <v>3816</v>
      </c>
      <c r="NPN17" s="916" t="s">
        <v>3816</v>
      </c>
      <c r="NPO17" s="916" t="s">
        <v>3816</v>
      </c>
      <c r="NPP17" s="916" t="s">
        <v>3816</v>
      </c>
      <c r="NPQ17" s="916" t="s">
        <v>3816</v>
      </c>
      <c r="NPR17" s="916" t="s">
        <v>3816</v>
      </c>
      <c r="NPS17" s="916" t="s">
        <v>3816</v>
      </c>
      <c r="NPT17" s="916" t="s">
        <v>3816</v>
      </c>
      <c r="NPU17" s="916" t="s">
        <v>3816</v>
      </c>
      <c r="NPV17" s="916" t="s">
        <v>3816</v>
      </c>
      <c r="NPW17" s="916" t="s">
        <v>3816</v>
      </c>
      <c r="NPX17" s="916" t="s">
        <v>3816</v>
      </c>
      <c r="NPY17" s="916" t="s">
        <v>3816</v>
      </c>
      <c r="NPZ17" s="916" t="s">
        <v>3816</v>
      </c>
      <c r="NQA17" s="916" t="s">
        <v>3816</v>
      </c>
      <c r="NQB17" s="916" t="s">
        <v>3816</v>
      </c>
      <c r="NQC17" s="916" t="s">
        <v>3816</v>
      </c>
      <c r="NQD17" s="916" t="s">
        <v>3816</v>
      </c>
      <c r="NQE17" s="916" t="s">
        <v>3816</v>
      </c>
      <c r="NQF17" s="916" t="s">
        <v>3816</v>
      </c>
      <c r="NQG17" s="916" t="s">
        <v>3816</v>
      </c>
      <c r="NQH17" s="916" t="s">
        <v>3816</v>
      </c>
      <c r="NQI17" s="916" t="s">
        <v>3816</v>
      </c>
      <c r="NQJ17" s="916" t="s">
        <v>3816</v>
      </c>
      <c r="NQK17" s="916" t="s">
        <v>3816</v>
      </c>
      <c r="NQL17" s="916" t="s">
        <v>3816</v>
      </c>
      <c r="NQM17" s="916" t="s">
        <v>3816</v>
      </c>
      <c r="NQN17" s="916" t="s">
        <v>3816</v>
      </c>
      <c r="NQO17" s="916" t="s">
        <v>3816</v>
      </c>
      <c r="NQP17" s="916" t="s">
        <v>3816</v>
      </c>
      <c r="NQQ17" s="916" t="s">
        <v>3816</v>
      </c>
      <c r="NQR17" s="916" t="s">
        <v>3816</v>
      </c>
      <c r="NQS17" s="916" t="s">
        <v>3816</v>
      </c>
      <c r="NQT17" s="916" t="s">
        <v>3816</v>
      </c>
      <c r="NQU17" s="916" t="s">
        <v>3816</v>
      </c>
      <c r="NQV17" s="916" t="s">
        <v>3816</v>
      </c>
      <c r="NQW17" s="916" t="s">
        <v>3816</v>
      </c>
      <c r="NQX17" s="916" t="s">
        <v>3816</v>
      </c>
      <c r="NQY17" s="916" t="s">
        <v>3816</v>
      </c>
      <c r="NQZ17" s="916" t="s">
        <v>3816</v>
      </c>
      <c r="NRA17" s="916" t="s">
        <v>3816</v>
      </c>
      <c r="NRB17" s="916" t="s">
        <v>3816</v>
      </c>
      <c r="NRC17" s="916" t="s">
        <v>3816</v>
      </c>
      <c r="NRD17" s="916" t="s">
        <v>3816</v>
      </c>
      <c r="NRE17" s="916" t="s">
        <v>3816</v>
      </c>
      <c r="NRF17" s="916" t="s">
        <v>3816</v>
      </c>
      <c r="NRG17" s="916" t="s">
        <v>3816</v>
      </c>
      <c r="NRH17" s="916" t="s">
        <v>3816</v>
      </c>
      <c r="NRI17" s="916" t="s">
        <v>3816</v>
      </c>
      <c r="NRJ17" s="916" t="s">
        <v>3816</v>
      </c>
      <c r="NRK17" s="916" t="s">
        <v>3816</v>
      </c>
      <c r="NRL17" s="916" t="s">
        <v>3816</v>
      </c>
      <c r="NRM17" s="916" t="s">
        <v>3816</v>
      </c>
      <c r="NRN17" s="916" t="s">
        <v>3816</v>
      </c>
      <c r="NRO17" s="916" t="s">
        <v>3816</v>
      </c>
      <c r="NRP17" s="916" t="s">
        <v>3816</v>
      </c>
      <c r="NRQ17" s="916" t="s">
        <v>3816</v>
      </c>
      <c r="NRR17" s="916" t="s">
        <v>3816</v>
      </c>
      <c r="NRS17" s="916" t="s">
        <v>3816</v>
      </c>
      <c r="NRT17" s="916" t="s">
        <v>3816</v>
      </c>
      <c r="NRU17" s="916" t="s">
        <v>3816</v>
      </c>
      <c r="NRV17" s="916" t="s">
        <v>3816</v>
      </c>
      <c r="NRW17" s="916" t="s">
        <v>3816</v>
      </c>
      <c r="NRX17" s="916" t="s">
        <v>3816</v>
      </c>
      <c r="NRY17" s="916" t="s">
        <v>3816</v>
      </c>
      <c r="NRZ17" s="916" t="s">
        <v>3816</v>
      </c>
      <c r="NSA17" s="916" t="s">
        <v>3816</v>
      </c>
      <c r="NSB17" s="916" t="s">
        <v>3816</v>
      </c>
      <c r="NSC17" s="916" t="s">
        <v>3816</v>
      </c>
      <c r="NSD17" s="916" t="s">
        <v>3816</v>
      </c>
      <c r="NSE17" s="916" t="s">
        <v>3816</v>
      </c>
      <c r="NSF17" s="916" t="s">
        <v>3816</v>
      </c>
      <c r="NSG17" s="916" t="s">
        <v>3816</v>
      </c>
      <c r="NSH17" s="916" t="s">
        <v>3816</v>
      </c>
      <c r="NSI17" s="916" t="s">
        <v>3816</v>
      </c>
      <c r="NSJ17" s="916" t="s">
        <v>3816</v>
      </c>
      <c r="NSK17" s="916" t="s">
        <v>3816</v>
      </c>
      <c r="NSL17" s="916" t="s">
        <v>3816</v>
      </c>
      <c r="NSM17" s="916" t="s">
        <v>3816</v>
      </c>
      <c r="NSN17" s="916" t="s">
        <v>3816</v>
      </c>
      <c r="NSO17" s="916" t="s">
        <v>3816</v>
      </c>
      <c r="NSP17" s="916" t="s">
        <v>3816</v>
      </c>
      <c r="NSQ17" s="916" t="s">
        <v>3816</v>
      </c>
      <c r="NSR17" s="916" t="s">
        <v>3816</v>
      </c>
      <c r="NSS17" s="916" t="s">
        <v>3816</v>
      </c>
      <c r="NST17" s="916" t="s">
        <v>3816</v>
      </c>
      <c r="NSU17" s="916" t="s">
        <v>3816</v>
      </c>
      <c r="NSV17" s="916" t="s">
        <v>3816</v>
      </c>
      <c r="NSW17" s="916" t="s">
        <v>3816</v>
      </c>
      <c r="NSX17" s="916" t="s">
        <v>3816</v>
      </c>
      <c r="NSY17" s="916" t="s">
        <v>3816</v>
      </c>
      <c r="NSZ17" s="916" t="s">
        <v>3816</v>
      </c>
      <c r="NTA17" s="916" t="s">
        <v>3816</v>
      </c>
      <c r="NTB17" s="916" t="s">
        <v>3816</v>
      </c>
      <c r="NTC17" s="916" t="s">
        <v>3816</v>
      </c>
      <c r="NTD17" s="916" t="s">
        <v>3816</v>
      </c>
      <c r="NTE17" s="916" t="s">
        <v>3816</v>
      </c>
      <c r="NTF17" s="916" t="s">
        <v>3816</v>
      </c>
      <c r="NTG17" s="916" t="s">
        <v>3816</v>
      </c>
      <c r="NTH17" s="916" t="s">
        <v>3816</v>
      </c>
      <c r="NTI17" s="916" t="s">
        <v>3816</v>
      </c>
      <c r="NTJ17" s="916" t="s">
        <v>3816</v>
      </c>
      <c r="NTK17" s="916" t="s">
        <v>3816</v>
      </c>
      <c r="NTL17" s="916" t="s">
        <v>3816</v>
      </c>
      <c r="NTM17" s="916" t="s">
        <v>3816</v>
      </c>
      <c r="NTN17" s="916" t="s">
        <v>3816</v>
      </c>
      <c r="NTO17" s="916" t="s">
        <v>3816</v>
      </c>
      <c r="NTP17" s="916" t="s">
        <v>3816</v>
      </c>
      <c r="NTQ17" s="916" t="s">
        <v>3816</v>
      </c>
      <c r="NTR17" s="916" t="s">
        <v>3816</v>
      </c>
      <c r="NTS17" s="916" t="s">
        <v>3816</v>
      </c>
      <c r="NTT17" s="916" t="s">
        <v>3816</v>
      </c>
      <c r="NTU17" s="916" t="s">
        <v>3816</v>
      </c>
      <c r="NTV17" s="916" t="s">
        <v>3816</v>
      </c>
      <c r="NTW17" s="916" t="s">
        <v>3816</v>
      </c>
      <c r="NTX17" s="916" t="s">
        <v>3816</v>
      </c>
      <c r="NTY17" s="916" t="s">
        <v>3816</v>
      </c>
      <c r="NTZ17" s="916" t="s">
        <v>3816</v>
      </c>
      <c r="NUA17" s="916" t="s">
        <v>3816</v>
      </c>
      <c r="NUB17" s="916" t="s">
        <v>3816</v>
      </c>
      <c r="NUC17" s="916" t="s">
        <v>3816</v>
      </c>
      <c r="NUD17" s="916" t="s">
        <v>3816</v>
      </c>
      <c r="NUE17" s="916" t="s">
        <v>3816</v>
      </c>
      <c r="NUF17" s="916" t="s">
        <v>3816</v>
      </c>
      <c r="NUG17" s="916" t="s">
        <v>3816</v>
      </c>
      <c r="NUH17" s="916" t="s">
        <v>3816</v>
      </c>
      <c r="NUI17" s="916" t="s">
        <v>3816</v>
      </c>
      <c r="NUJ17" s="916" t="s">
        <v>3816</v>
      </c>
      <c r="NUK17" s="916" t="s">
        <v>3816</v>
      </c>
      <c r="NUL17" s="916" t="s">
        <v>3816</v>
      </c>
      <c r="NUM17" s="916" t="s">
        <v>3816</v>
      </c>
      <c r="NUN17" s="916" t="s">
        <v>3816</v>
      </c>
      <c r="NUO17" s="916" t="s">
        <v>3816</v>
      </c>
      <c r="NUP17" s="916" t="s">
        <v>3816</v>
      </c>
      <c r="NUQ17" s="916" t="s">
        <v>3816</v>
      </c>
      <c r="NUR17" s="916" t="s">
        <v>3816</v>
      </c>
      <c r="NUS17" s="916" t="s">
        <v>3816</v>
      </c>
      <c r="NUT17" s="916" t="s">
        <v>3816</v>
      </c>
      <c r="NUU17" s="916" t="s">
        <v>3816</v>
      </c>
      <c r="NUV17" s="916" t="s">
        <v>3816</v>
      </c>
      <c r="NUW17" s="916" t="s">
        <v>3816</v>
      </c>
      <c r="NUX17" s="916" t="s">
        <v>3816</v>
      </c>
      <c r="NUY17" s="916" t="s">
        <v>3816</v>
      </c>
      <c r="NUZ17" s="916" t="s">
        <v>3816</v>
      </c>
      <c r="NVA17" s="916" t="s">
        <v>3816</v>
      </c>
      <c r="NVB17" s="916" t="s">
        <v>3816</v>
      </c>
      <c r="NVC17" s="916" t="s">
        <v>3816</v>
      </c>
      <c r="NVD17" s="916" t="s">
        <v>3816</v>
      </c>
      <c r="NVE17" s="916" t="s">
        <v>3816</v>
      </c>
      <c r="NVF17" s="916" t="s">
        <v>3816</v>
      </c>
      <c r="NVG17" s="916" t="s">
        <v>3816</v>
      </c>
      <c r="NVH17" s="916" t="s">
        <v>3816</v>
      </c>
      <c r="NVI17" s="916" t="s">
        <v>3816</v>
      </c>
      <c r="NVJ17" s="916" t="s">
        <v>3816</v>
      </c>
      <c r="NVK17" s="916" t="s">
        <v>3816</v>
      </c>
      <c r="NVL17" s="916" t="s">
        <v>3816</v>
      </c>
      <c r="NVM17" s="916" t="s">
        <v>3816</v>
      </c>
      <c r="NVN17" s="916" t="s">
        <v>3816</v>
      </c>
      <c r="NVO17" s="916" t="s">
        <v>3816</v>
      </c>
      <c r="NVP17" s="916" t="s">
        <v>3816</v>
      </c>
      <c r="NVQ17" s="916" t="s">
        <v>3816</v>
      </c>
      <c r="NVR17" s="916" t="s">
        <v>3816</v>
      </c>
      <c r="NVS17" s="916" t="s">
        <v>3816</v>
      </c>
      <c r="NVT17" s="916" t="s">
        <v>3816</v>
      </c>
      <c r="NVU17" s="916" t="s">
        <v>3816</v>
      </c>
      <c r="NVV17" s="916" t="s">
        <v>3816</v>
      </c>
      <c r="NVW17" s="916" t="s">
        <v>3816</v>
      </c>
      <c r="NVX17" s="916" t="s">
        <v>3816</v>
      </c>
      <c r="NVY17" s="916" t="s">
        <v>3816</v>
      </c>
      <c r="NVZ17" s="916" t="s">
        <v>3816</v>
      </c>
      <c r="NWA17" s="916" t="s">
        <v>3816</v>
      </c>
      <c r="NWB17" s="916" t="s">
        <v>3816</v>
      </c>
      <c r="NWC17" s="916" t="s">
        <v>3816</v>
      </c>
      <c r="NWD17" s="916" t="s">
        <v>3816</v>
      </c>
      <c r="NWE17" s="916" t="s">
        <v>3816</v>
      </c>
      <c r="NWF17" s="916" t="s">
        <v>3816</v>
      </c>
      <c r="NWG17" s="916" t="s">
        <v>3816</v>
      </c>
      <c r="NWH17" s="916" t="s">
        <v>3816</v>
      </c>
      <c r="NWI17" s="916" t="s">
        <v>3816</v>
      </c>
      <c r="NWJ17" s="916" t="s">
        <v>3816</v>
      </c>
      <c r="NWK17" s="916" t="s">
        <v>3816</v>
      </c>
      <c r="NWL17" s="916" t="s">
        <v>3816</v>
      </c>
      <c r="NWM17" s="916" t="s">
        <v>3816</v>
      </c>
      <c r="NWN17" s="916" t="s">
        <v>3816</v>
      </c>
      <c r="NWO17" s="916" t="s">
        <v>3816</v>
      </c>
      <c r="NWP17" s="916" t="s">
        <v>3816</v>
      </c>
      <c r="NWQ17" s="916" t="s">
        <v>3816</v>
      </c>
      <c r="NWR17" s="916" t="s">
        <v>3816</v>
      </c>
      <c r="NWS17" s="916" t="s">
        <v>3816</v>
      </c>
      <c r="NWT17" s="916" t="s">
        <v>3816</v>
      </c>
      <c r="NWU17" s="916" t="s">
        <v>3816</v>
      </c>
      <c r="NWV17" s="916" t="s">
        <v>3816</v>
      </c>
      <c r="NWW17" s="916" t="s">
        <v>3816</v>
      </c>
      <c r="NWX17" s="916" t="s">
        <v>3816</v>
      </c>
      <c r="NWY17" s="916" t="s">
        <v>3816</v>
      </c>
      <c r="NWZ17" s="916" t="s">
        <v>3816</v>
      </c>
      <c r="NXA17" s="916" t="s">
        <v>3816</v>
      </c>
      <c r="NXB17" s="916" t="s">
        <v>3816</v>
      </c>
      <c r="NXC17" s="916" t="s">
        <v>3816</v>
      </c>
      <c r="NXD17" s="916" t="s">
        <v>3816</v>
      </c>
      <c r="NXE17" s="916" t="s">
        <v>3816</v>
      </c>
      <c r="NXF17" s="916" t="s">
        <v>3816</v>
      </c>
      <c r="NXG17" s="916" t="s">
        <v>3816</v>
      </c>
      <c r="NXH17" s="916" t="s">
        <v>3816</v>
      </c>
      <c r="NXI17" s="916" t="s">
        <v>3816</v>
      </c>
      <c r="NXJ17" s="916" t="s">
        <v>3816</v>
      </c>
      <c r="NXK17" s="916" t="s">
        <v>3816</v>
      </c>
      <c r="NXL17" s="916" t="s">
        <v>3816</v>
      </c>
      <c r="NXM17" s="916" t="s">
        <v>3816</v>
      </c>
      <c r="NXN17" s="916" t="s">
        <v>3816</v>
      </c>
      <c r="NXO17" s="916" t="s">
        <v>3816</v>
      </c>
      <c r="NXP17" s="916" t="s">
        <v>3816</v>
      </c>
      <c r="NXQ17" s="916" t="s">
        <v>3816</v>
      </c>
      <c r="NXR17" s="916" t="s">
        <v>3816</v>
      </c>
      <c r="NXS17" s="916" t="s">
        <v>3816</v>
      </c>
      <c r="NXT17" s="916" t="s">
        <v>3816</v>
      </c>
      <c r="NXU17" s="916" t="s">
        <v>3816</v>
      </c>
      <c r="NXV17" s="916" t="s">
        <v>3816</v>
      </c>
      <c r="NXW17" s="916" t="s">
        <v>3816</v>
      </c>
      <c r="NXX17" s="916" t="s">
        <v>3816</v>
      </c>
      <c r="NXY17" s="916" t="s">
        <v>3816</v>
      </c>
      <c r="NXZ17" s="916" t="s">
        <v>3816</v>
      </c>
      <c r="NYA17" s="916" t="s">
        <v>3816</v>
      </c>
      <c r="NYB17" s="916" t="s">
        <v>3816</v>
      </c>
      <c r="NYC17" s="916" t="s">
        <v>3816</v>
      </c>
      <c r="NYD17" s="916" t="s">
        <v>3816</v>
      </c>
      <c r="NYE17" s="916" t="s">
        <v>3816</v>
      </c>
      <c r="NYF17" s="916" t="s">
        <v>3816</v>
      </c>
      <c r="NYG17" s="916" t="s">
        <v>3816</v>
      </c>
      <c r="NYH17" s="916" t="s">
        <v>3816</v>
      </c>
      <c r="NYI17" s="916" t="s">
        <v>3816</v>
      </c>
      <c r="NYJ17" s="916" t="s">
        <v>3816</v>
      </c>
      <c r="NYK17" s="916" t="s">
        <v>3816</v>
      </c>
      <c r="NYL17" s="916" t="s">
        <v>3816</v>
      </c>
      <c r="NYM17" s="916" t="s">
        <v>3816</v>
      </c>
      <c r="NYN17" s="916" t="s">
        <v>3816</v>
      </c>
      <c r="NYO17" s="916" t="s">
        <v>3816</v>
      </c>
      <c r="NYP17" s="916" t="s">
        <v>3816</v>
      </c>
      <c r="NYQ17" s="916" t="s">
        <v>3816</v>
      </c>
      <c r="NYR17" s="916" t="s">
        <v>3816</v>
      </c>
      <c r="NYS17" s="916" t="s">
        <v>3816</v>
      </c>
      <c r="NYT17" s="916" t="s">
        <v>3816</v>
      </c>
      <c r="NYU17" s="916" t="s">
        <v>3816</v>
      </c>
      <c r="NYV17" s="916" t="s">
        <v>3816</v>
      </c>
      <c r="NYW17" s="916" t="s">
        <v>3816</v>
      </c>
      <c r="NYX17" s="916" t="s">
        <v>3816</v>
      </c>
      <c r="NYY17" s="916" t="s">
        <v>3816</v>
      </c>
      <c r="NYZ17" s="916" t="s">
        <v>3816</v>
      </c>
      <c r="NZA17" s="916" t="s">
        <v>3816</v>
      </c>
      <c r="NZB17" s="916" t="s">
        <v>3816</v>
      </c>
      <c r="NZC17" s="916" t="s">
        <v>3816</v>
      </c>
      <c r="NZD17" s="916" t="s">
        <v>3816</v>
      </c>
      <c r="NZE17" s="916" t="s">
        <v>3816</v>
      </c>
      <c r="NZF17" s="916" t="s">
        <v>3816</v>
      </c>
      <c r="NZG17" s="916" t="s">
        <v>3816</v>
      </c>
      <c r="NZH17" s="916" t="s">
        <v>3816</v>
      </c>
      <c r="NZI17" s="916" t="s">
        <v>3816</v>
      </c>
      <c r="NZJ17" s="916" t="s">
        <v>3816</v>
      </c>
      <c r="NZK17" s="916" t="s">
        <v>3816</v>
      </c>
      <c r="NZL17" s="916" t="s">
        <v>3816</v>
      </c>
      <c r="NZM17" s="916" t="s">
        <v>3816</v>
      </c>
      <c r="NZN17" s="916" t="s">
        <v>3816</v>
      </c>
      <c r="NZO17" s="916" t="s">
        <v>3816</v>
      </c>
      <c r="NZP17" s="916" t="s">
        <v>3816</v>
      </c>
      <c r="NZQ17" s="916" t="s">
        <v>3816</v>
      </c>
      <c r="NZR17" s="916" t="s">
        <v>3816</v>
      </c>
      <c r="NZS17" s="916" t="s">
        <v>3816</v>
      </c>
      <c r="NZT17" s="916" t="s">
        <v>3816</v>
      </c>
      <c r="NZU17" s="916" t="s">
        <v>3816</v>
      </c>
      <c r="NZV17" s="916" t="s">
        <v>3816</v>
      </c>
      <c r="NZW17" s="916" t="s">
        <v>3816</v>
      </c>
      <c r="NZX17" s="916" t="s">
        <v>3816</v>
      </c>
      <c r="NZY17" s="916" t="s">
        <v>3816</v>
      </c>
      <c r="NZZ17" s="916" t="s">
        <v>3816</v>
      </c>
      <c r="OAA17" s="916" t="s">
        <v>3816</v>
      </c>
      <c r="OAB17" s="916" t="s">
        <v>3816</v>
      </c>
      <c r="OAC17" s="916" t="s">
        <v>3816</v>
      </c>
      <c r="OAD17" s="916" t="s">
        <v>3816</v>
      </c>
      <c r="OAE17" s="916" t="s">
        <v>3816</v>
      </c>
      <c r="OAF17" s="916" t="s">
        <v>3816</v>
      </c>
      <c r="OAG17" s="916" t="s">
        <v>3816</v>
      </c>
      <c r="OAH17" s="916" t="s">
        <v>3816</v>
      </c>
      <c r="OAI17" s="916" t="s">
        <v>3816</v>
      </c>
      <c r="OAJ17" s="916" t="s">
        <v>3816</v>
      </c>
      <c r="OAK17" s="916" t="s">
        <v>3816</v>
      </c>
      <c r="OAL17" s="916" t="s">
        <v>3816</v>
      </c>
      <c r="OAM17" s="916" t="s">
        <v>3816</v>
      </c>
      <c r="OAN17" s="916" t="s">
        <v>3816</v>
      </c>
      <c r="OAO17" s="916" t="s">
        <v>3816</v>
      </c>
      <c r="OAP17" s="916" t="s">
        <v>3816</v>
      </c>
      <c r="OAQ17" s="916" t="s">
        <v>3816</v>
      </c>
      <c r="OAR17" s="916" t="s">
        <v>3816</v>
      </c>
      <c r="OAS17" s="916" t="s">
        <v>3816</v>
      </c>
      <c r="OAT17" s="916" t="s">
        <v>3816</v>
      </c>
      <c r="OAU17" s="916" t="s">
        <v>3816</v>
      </c>
      <c r="OAV17" s="916" t="s">
        <v>3816</v>
      </c>
      <c r="OAW17" s="916" t="s">
        <v>3816</v>
      </c>
      <c r="OAX17" s="916" t="s">
        <v>3816</v>
      </c>
      <c r="OAY17" s="916" t="s">
        <v>3816</v>
      </c>
      <c r="OAZ17" s="916" t="s">
        <v>3816</v>
      </c>
      <c r="OBA17" s="916" t="s">
        <v>3816</v>
      </c>
      <c r="OBB17" s="916" t="s">
        <v>3816</v>
      </c>
      <c r="OBC17" s="916" t="s">
        <v>3816</v>
      </c>
      <c r="OBD17" s="916" t="s">
        <v>3816</v>
      </c>
      <c r="OBE17" s="916" t="s">
        <v>3816</v>
      </c>
      <c r="OBF17" s="916" t="s">
        <v>3816</v>
      </c>
      <c r="OBG17" s="916" t="s">
        <v>3816</v>
      </c>
      <c r="OBH17" s="916" t="s">
        <v>3816</v>
      </c>
      <c r="OBI17" s="916" t="s">
        <v>3816</v>
      </c>
      <c r="OBJ17" s="916" t="s">
        <v>3816</v>
      </c>
      <c r="OBK17" s="916" t="s">
        <v>3816</v>
      </c>
      <c r="OBL17" s="916" t="s">
        <v>3816</v>
      </c>
      <c r="OBM17" s="916" t="s">
        <v>3816</v>
      </c>
      <c r="OBN17" s="916" t="s">
        <v>3816</v>
      </c>
      <c r="OBO17" s="916" t="s">
        <v>3816</v>
      </c>
      <c r="OBP17" s="916" t="s">
        <v>3816</v>
      </c>
      <c r="OBQ17" s="916" t="s">
        <v>3816</v>
      </c>
      <c r="OBR17" s="916" t="s">
        <v>3816</v>
      </c>
      <c r="OBS17" s="916" t="s">
        <v>3816</v>
      </c>
      <c r="OBT17" s="916" t="s">
        <v>3816</v>
      </c>
      <c r="OBU17" s="916" t="s">
        <v>3816</v>
      </c>
      <c r="OBV17" s="916" t="s">
        <v>3816</v>
      </c>
      <c r="OBW17" s="916" t="s">
        <v>3816</v>
      </c>
      <c r="OBX17" s="916" t="s">
        <v>3816</v>
      </c>
      <c r="OBY17" s="916" t="s">
        <v>3816</v>
      </c>
      <c r="OBZ17" s="916" t="s">
        <v>3816</v>
      </c>
      <c r="OCA17" s="916" t="s">
        <v>3816</v>
      </c>
      <c r="OCB17" s="916" t="s">
        <v>3816</v>
      </c>
      <c r="OCC17" s="916" t="s">
        <v>3816</v>
      </c>
      <c r="OCD17" s="916" t="s">
        <v>3816</v>
      </c>
      <c r="OCE17" s="916" t="s">
        <v>3816</v>
      </c>
      <c r="OCF17" s="916" t="s">
        <v>3816</v>
      </c>
      <c r="OCG17" s="916" t="s">
        <v>3816</v>
      </c>
      <c r="OCH17" s="916" t="s">
        <v>3816</v>
      </c>
      <c r="OCI17" s="916" t="s">
        <v>3816</v>
      </c>
      <c r="OCJ17" s="916" t="s">
        <v>3816</v>
      </c>
      <c r="OCK17" s="916" t="s">
        <v>3816</v>
      </c>
      <c r="OCL17" s="916" t="s">
        <v>3816</v>
      </c>
      <c r="OCM17" s="916" t="s">
        <v>3816</v>
      </c>
      <c r="OCN17" s="916" t="s">
        <v>3816</v>
      </c>
      <c r="OCO17" s="916" t="s">
        <v>3816</v>
      </c>
      <c r="OCP17" s="916" t="s">
        <v>3816</v>
      </c>
      <c r="OCQ17" s="916" t="s">
        <v>3816</v>
      </c>
      <c r="OCR17" s="916" t="s">
        <v>3816</v>
      </c>
      <c r="OCS17" s="916" t="s">
        <v>3816</v>
      </c>
      <c r="OCT17" s="916" t="s">
        <v>3816</v>
      </c>
      <c r="OCU17" s="916" t="s">
        <v>3816</v>
      </c>
      <c r="OCV17" s="916" t="s">
        <v>3816</v>
      </c>
      <c r="OCW17" s="916" t="s">
        <v>3816</v>
      </c>
      <c r="OCX17" s="916" t="s">
        <v>3816</v>
      </c>
      <c r="OCY17" s="916" t="s">
        <v>3816</v>
      </c>
      <c r="OCZ17" s="916" t="s">
        <v>3816</v>
      </c>
      <c r="ODA17" s="916" t="s">
        <v>3816</v>
      </c>
      <c r="ODB17" s="916" t="s">
        <v>3816</v>
      </c>
      <c r="ODC17" s="916" t="s">
        <v>3816</v>
      </c>
      <c r="ODD17" s="916" t="s">
        <v>3816</v>
      </c>
      <c r="ODE17" s="916" t="s">
        <v>3816</v>
      </c>
      <c r="ODF17" s="916" t="s">
        <v>3816</v>
      </c>
      <c r="ODG17" s="916" t="s">
        <v>3816</v>
      </c>
      <c r="ODH17" s="916" t="s">
        <v>3816</v>
      </c>
      <c r="ODI17" s="916" t="s">
        <v>3816</v>
      </c>
      <c r="ODJ17" s="916" t="s">
        <v>3816</v>
      </c>
      <c r="ODK17" s="916" t="s">
        <v>3816</v>
      </c>
      <c r="ODL17" s="916" t="s">
        <v>3816</v>
      </c>
      <c r="ODM17" s="916" t="s">
        <v>3816</v>
      </c>
      <c r="ODN17" s="916" t="s">
        <v>3816</v>
      </c>
      <c r="ODO17" s="916" t="s">
        <v>3816</v>
      </c>
      <c r="ODP17" s="916" t="s">
        <v>3816</v>
      </c>
      <c r="ODQ17" s="916" t="s">
        <v>3816</v>
      </c>
      <c r="ODR17" s="916" t="s">
        <v>3816</v>
      </c>
      <c r="ODS17" s="916" t="s">
        <v>3816</v>
      </c>
      <c r="ODT17" s="916" t="s">
        <v>3816</v>
      </c>
      <c r="ODU17" s="916" t="s">
        <v>3816</v>
      </c>
      <c r="ODV17" s="916" t="s">
        <v>3816</v>
      </c>
      <c r="ODW17" s="916" t="s">
        <v>3816</v>
      </c>
      <c r="ODX17" s="916" t="s">
        <v>3816</v>
      </c>
      <c r="ODY17" s="916" t="s">
        <v>3816</v>
      </c>
      <c r="ODZ17" s="916" t="s">
        <v>3816</v>
      </c>
      <c r="OEA17" s="916" t="s">
        <v>3816</v>
      </c>
      <c r="OEB17" s="916" t="s">
        <v>3816</v>
      </c>
      <c r="OEC17" s="916" t="s">
        <v>3816</v>
      </c>
      <c r="OED17" s="916" t="s">
        <v>3816</v>
      </c>
      <c r="OEE17" s="916" t="s">
        <v>3816</v>
      </c>
      <c r="OEF17" s="916" t="s">
        <v>3816</v>
      </c>
      <c r="OEG17" s="916" t="s">
        <v>3816</v>
      </c>
      <c r="OEH17" s="916" t="s">
        <v>3816</v>
      </c>
      <c r="OEI17" s="916" t="s">
        <v>3816</v>
      </c>
      <c r="OEJ17" s="916" t="s">
        <v>3816</v>
      </c>
      <c r="OEK17" s="916" t="s">
        <v>3816</v>
      </c>
      <c r="OEL17" s="916" t="s">
        <v>3816</v>
      </c>
      <c r="OEM17" s="916" t="s">
        <v>3816</v>
      </c>
      <c r="OEN17" s="916" t="s">
        <v>3816</v>
      </c>
      <c r="OEO17" s="916" t="s">
        <v>3816</v>
      </c>
      <c r="OEP17" s="916" t="s">
        <v>3816</v>
      </c>
      <c r="OEQ17" s="916" t="s">
        <v>3816</v>
      </c>
      <c r="OER17" s="916" t="s">
        <v>3816</v>
      </c>
      <c r="OES17" s="916" t="s">
        <v>3816</v>
      </c>
      <c r="OET17" s="916" t="s">
        <v>3816</v>
      </c>
      <c r="OEU17" s="916" t="s">
        <v>3816</v>
      </c>
      <c r="OEV17" s="916" t="s">
        <v>3816</v>
      </c>
      <c r="OEW17" s="916" t="s">
        <v>3816</v>
      </c>
      <c r="OEX17" s="916" t="s">
        <v>3816</v>
      </c>
      <c r="OEY17" s="916" t="s">
        <v>3816</v>
      </c>
      <c r="OEZ17" s="916" t="s">
        <v>3816</v>
      </c>
      <c r="OFA17" s="916" t="s">
        <v>3816</v>
      </c>
      <c r="OFB17" s="916" t="s">
        <v>3816</v>
      </c>
      <c r="OFC17" s="916" t="s">
        <v>3816</v>
      </c>
      <c r="OFD17" s="916" t="s">
        <v>3816</v>
      </c>
      <c r="OFE17" s="916" t="s">
        <v>3816</v>
      </c>
      <c r="OFF17" s="916" t="s">
        <v>3816</v>
      </c>
      <c r="OFG17" s="916" t="s">
        <v>3816</v>
      </c>
      <c r="OFH17" s="916" t="s">
        <v>3816</v>
      </c>
      <c r="OFI17" s="916" t="s">
        <v>3816</v>
      </c>
      <c r="OFJ17" s="916" t="s">
        <v>3816</v>
      </c>
      <c r="OFK17" s="916" t="s">
        <v>3816</v>
      </c>
      <c r="OFL17" s="916" t="s">
        <v>3816</v>
      </c>
      <c r="OFM17" s="916" t="s">
        <v>3816</v>
      </c>
      <c r="OFN17" s="916" t="s">
        <v>3816</v>
      </c>
      <c r="OFO17" s="916" t="s">
        <v>3816</v>
      </c>
      <c r="OFP17" s="916" t="s">
        <v>3816</v>
      </c>
      <c r="OFQ17" s="916" t="s">
        <v>3816</v>
      </c>
      <c r="OFR17" s="916" t="s">
        <v>3816</v>
      </c>
      <c r="OFS17" s="916" t="s">
        <v>3816</v>
      </c>
      <c r="OFT17" s="916" t="s">
        <v>3816</v>
      </c>
      <c r="OFU17" s="916" t="s">
        <v>3816</v>
      </c>
      <c r="OFV17" s="916" t="s">
        <v>3816</v>
      </c>
      <c r="OFW17" s="916" t="s">
        <v>3816</v>
      </c>
      <c r="OFX17" s="916" t="s">
        <v>3816</v>
      </c>
      <c r="OFY17" s="916" t="s">
        <v>3816</v>
      </c>
      <c r="OFZ17" s="916" t="s">
        <v>3816</v>
      </c>
      <c r="OGA17" s="916" t="s">
        <v>3816</v>
      </c>
      <c r="OGB17" s="916" t="s">
        <v>3816</v>
      </c>
      <c r="OGC17" s="916" t="s">
        <v>3816</v>
      </c>
      <c r="OGD17" s="916" t="s">
        <v>3816</v>
      </c>
      <c r="OGE17" s="916" t="s">
        <v>3816</v>
      </c>
      <c r="OGF17" s="916" t="s">
        <v>3816</v>
      </c>
      <c r="OGG17" s="916" t="s">
        <v>3816</v>
      </c>
      <c r="OGH17" s="916" t="s">
        <v>3816</v>
      </c>
      <c r="OGI17" s="916" t="s">
        <v>3816</v>
      </c>
      <c r="OGJ17" s="916" t="s">
        <v>3816</v>
      </c>
      <c r="OGK17" s="916" t="s">
        <v>3816</v>
      </c>
      <c r="OGL17" s="916" t="s">
        <v>3816</v>
      </c>
      <c r="OGM17" s="916" t="s">
        <v>3816</v>
      </c>
      <c r="OGN17" s="916" t="s">
        <v>3816</v>
      </c>
      <c r="OGO17" s="916" t="s">
        <v>3816</v>
      </c>
      <c r="OGP17" s="916" t="s">
        <v>3816</v>
      </c>
      <c r="OGQ17" s="916" t="s">
        <v>3816</v>
      </c>
      <c r="OGR17" s="916" t="s">
        <v>3816</v>
      </c>
      <c r="OGS17" s="916" t="s">
        <v>3816</v>
      </c>
      <c r="OGT17" s="916" t="s">
        <v>3816</v>
      </c>
      <c r="OGU17" s="916" t="s">
        <v>3816</v>
      </c>
      <c r="OGV17" s="916" t="s">
        <v>3816</v>
      </c>
      <c r="OGW17" s="916" t="s">
        <v>3816</v>
      </c>
      <c r="OGX17" s="916" t="s">
        <v>3816</v>
      </c>
      <c r="OGY17" s="916" t="s">
        <v>3816</v>
      </c>
      <c r="OGZ17" s="916" t="s">
        <v>3816</v>
      </c>
      <c r="OHA17" s="916" t="s">
        <v>3816</v>
      </c>
      <c r="OHB17" s="916" t="s">
        <v>3816</v>
      </c>
      <c r="OHC17" s="916" t="s">
        <v>3816</v>
      </c>
      <c r="OHD17" s="916" t="s">
        <v>3816</v>
      </c>
      <c r="OHE17" s="916" t="s">
        <v>3816</v>
      </c>
      <c r="OHF17" s="916" t="s">
        <v>3816</v>
      </c>
      <c r="OHG17" s="916" t="s">
        <v>3816</v>
      </c>
      <c r="OHH17" s="916" t="s">
        <v>3816</v>
      </c>
      <c r="OHI17" s="916" t="s">
        <v>3816</v>
      </c>
      <c r="OHJ17" s="916" t="s">
        <v>3816</v>
      </c>
      <c r="OHK17" s="916" t="s">
        <v>3816</v>
      </c>
      <c r="OHL17" s="916" t="s">
        <v>3816</v>
      </c>
      <c r="OHM17" s="916" t="s">
        <v>3816</v>
      </c>
      <c r="OHN17" s="916" t="s">
        <v>3816</v>
      </c>
      <c r="OHO17" s="916" t="s">
        <v>3816</v>
      </c>
      <c r="OHP17" s="916" t="s">
        <v>3816</v>
      </c>
      <c r="OHQ17" s="916" t="s">
        <v>3816</v>
      </c>
      <c r="OHR17" s="916" t="s">
        <v>3816</v>
      </c>
      <c r="OHS17" s="916" t="s">
        <v>3816</v>
      </c>
      <c r="OHT17" s="916" t="s">
        <v>3816</v>
      </c>
      <c r="OHU17" s="916" t="s">
        <v>3816</v>
      </c>
      <c r="OHV17" s="916" t="s">
        <v>3816</v>
      </c>
      <c r="OHW17" s="916" t="s">
        <v>3816</v>
      </c>
      <c r="OHX17" s="916" t="s">
        <v>3816</v>
      </c>
      <c r="OHY17" s="916" t="s">
        <v>3816</v>
      </c>
      <c r="OHZ17" s="916" t="s">
        <v>3816</v>
      </c>
      <c r="OIA17" s="916" t="s">
        <v>3816</v>
      </c>
      <c r="OIB17" s="916" t="s">
        <v>3816</v>
      </c>
      <c r="OIC17" s="916" t="s">
        <v>3816</v>
      </c>
      <c r="OID17" s="916" t="s">
        <v>3816</v>
      </c>
      <c r="OIE17" s="916" t="s">
        <v>3816</v>
      </c>
      <c r="OIF17" s="916" t="s">
        <v>3816</v>
      </c>
      <c r="OIG17" s="916" t="s">
        <v>3816</v>
      </c>
      <c r="OIH17" s="916" t="s">
        <v>3816</v>
      </c>
      <c r="OII17" s="916" t="s">
        <v>3816</v>
      </c>
      <c r="OIJ17" s="916" t="s">
        <v>3816</v>
      </c>
      <c r="OIK17" s="916" t="s">
        <v>3816</v>
      </c>
      <c r="OIL17" s="916" t="s">
        <v>3816</v>
      </c>
      <c r="OIM17" s="916" t="s">
        <v>3816</v>
      </c>
      <c r="OIN17" s="916" t="s">
        <v>3816</v>
      </c>
      <c r="OIO17" s="916" t="s">
        <v>3816</v>
      </c>
      <c r="OIP17" s="916" t="s">
        <v>3816</v>
      </c>
      <c r="OIQ17" s="916" t="s">
        <v>3816</v>
      </c>
      <c r="OIR17" s="916" t="s">
        <v>3816</v>
      </c>
      <c r="OIS17" s="916" t="s">
        <v>3816</v>
      </c>
      <c r="OIT17" s="916" t="s">
        <v>3816</v>
      </c>
      <c r="OIU17" s="916" t="s">
        <v>3816</v>
      </c>
      <c r="OIV17" s="916" t="s">
        <v>3816</v>
      </c>
      <c r="OIW17" s="916" t="s">
        <v>3816</v>
      </c>
      <c r="OIX17" s="916" t="s">
        <v>3816</v>
      </c>
      <c r="OIY17" s="916" t="s">
        <v>3816</v>
      </c>
      <c r="OIZ17" s="916" t="s">
        <v>3816</v>
      </c>
      <c r="OJA17" s="916" t="s">
        <v>3816</v>
      </c>
      <c r="OJB17" s="916" t="s">
        <v>3816</v>
      </c>
      <c r="OJC17" s="916" t="s">
        <v>3816</v>
      </c>
      <c r="OJD17" s="916" t="s">
        <v>3816</v>
      </c>
      <c r="OJE17" s="916" t="s">
        <v>3816</v>
      </c>
      <c r="OJF17" s="916" t="s">
        <v>3816</v>
      </c>
      <c r="OJG17" s="916" t="s">
        <v>3816</v>
      </c>
      <c r="OJH17" s="916" t="s">
        <v>3816</v>
      </c>
      <c r="OJI17" s="916" t="s">
        <v>3816</v>
      </c>
      <c r="OJJ17" s="916" t="s">
        <v>3816</v>
      </c>
      <c r="OJK17" s="916" t="s">
        <v>3816</v>
      </c>
      <c r="OJL17" s="916" t="s">
        <v>3816</v>
      </c>
      <c r="OJM17" s="916" t="s">
        <v>3816</v>
      </c>
      <c r="OJN17" s="916" t="s">
        <v>3816</v>
      </c>
      <c r="OJO17" s="916" t="s">
        <v>3816</v>
      </c>
      <c r="OJP17" s="916" t="s">
        <v>3816</v>
      </c>
      <c r="OJQ17" s="916" t="s">
        <v>3816</v>
      </c>
      <c r="OJR17" s="916" t="s">
        <v>3816</v>
      </c>
      <c r="OJS17" s="916" t="s">
        <v>3816</v>
      </c>
      <c r="OJT17" s="916" t="s">
        <v>3816</v>
      </c>
      <c r="OJU17" s="916" t="s">
        <v>3816</v>
      </c>
      <c r="OJV17" s="916" t="s">
        <v>3816</v>
      </c>
      <c r="OJW17" s="916" t="s">
        <v>3816</v>
      </c>
      <c r="OJX17" s="916" t="s">
        <v>3816</v>
      </c>
      <c r="OJY17" s="916" t="s">
        <v>3816</v>
      </c>
      <c r="OJZ17" s="916" t="s">
        <v>3816</v>
      </c>
      <c r="OKA17" s="916" t="s">
        <v>3816</v>
      </c>
      <c r="OKB17" s="916" t="s">
        <v>3816</v>
      </c>
      <c r="OKC17" s="916" t="s">
        <v>3816</v>
      </c>
      <c r="OKD17" s="916" t="s">
        <v>3816</v>
      </c>
      <c r="OKE17" s="916" t="s">
        <v>3816</v>
      </c>
      <c r="OKF17" s="916" t="s">
        <v>3816</v>
      </c>
      <c r="OKG17" s="916" t="s">
        <v>3816</v>
      </c>
      <c r="OKH17" s="916" t="s">
        <v>3816</v>
      </c>
      <c r="OKI17" s="916" t="s">
        <v>3816</v>
      </c>
      <c r="OKJ17" s="916" t="s">
        <v>3816</v>
      </c>
      <c r="OKK17" s="916" t="s">
        <v>3816</v>
      </c>
      <c r="OKL17" s="916" t="s">
        <v>3816</v>
      </c>
      <c r="OKM17" s="916" t="s">
        <v>3816</v>
      </c>
      <c r="OKN17" s="916" t="s">
        <v>3816</v>
      </c>
      <c r="OKO17" s="916" t="s">
        <v>3816</v>
      </c>
      <c r="OKP17" s="916" t="s">
        <v>3816</v>
      </c>
      <c r="OKQ17" s="916" t="s">
        <v>3816</v>
      </c>
      <c r="OKR17" s="916" t="s">
        <v>3816</v>
      </c>
      <c r="OKS17" s="916" t="s">
        <v>3816</v>
      </c>
      <c r="OKT17" s="916" t="s">
        <v>3816</v>
      </c>
      <c r="OKU17" s="916" t="s">
        <v>3816</v>
      </c>
      <c r="OKV17" s="916" t="s">
        <v>3816</v>
      </c>
      <c r="OKW17" s="916" t="s">
        <v>3816</v>
      </c>
      <c r="OKX17" s="916" t="s">
        <v>3816</v>
      </c>
      <c r="OKY17" s="916" t="s">
        <v>3816</v>
      </c>
      <c r="OKZ17" s="916" t="s">
        <v>3816</v>
      </c>
      <c r="OLA17" s="916" t="s">
        <v>3816</v>
      </c>
      <c r="OLB17" s="916" t="s">
        <v>3816</v>
      </c>
      <c r="OLC17" s="916" t="s">
        <v>3816</v>
      </c>
      <c r="OLD17" s="916" t="s">
        <v>3816</v>
      </c>
      <c r="OLE17" s="916" t="s">
        <v>3816</v>
      </c>
      <c r="OLF17" s="916" t="s">
        <v>3816</v>
      </c>
      <c r="OLG17" s="916" t="s">
        <v>3816</v>
      </c>
      <c r="OLH17" s="916" t="s">
        <v>3816</v>
      </c>
      <c r="OLI17" s="916" t="s">
        <v>3816</v>
      </c>
      <c r="OLJ17" s="916" t="s">
        <v>3816</v>
      </c>
      <c r="OLK17" s="916" t="s">
        <v>3816</v>
      </c>
      <c r="OLL17" s="916" t="s">
        <v>3816</v>
      </c>
      <c r="OLM17" s="916" t="s">
        <v>3816</v>
      </c>
      <c r="OLN17" s="916" t="s">
        <v>3816</v>
      </c>
      <c r="OLO17" s="916" t="s">
        <v>3816</v>
      </c>
      <c r="OLP17" s="916" t="s">
        <v>3816</v>
      </c>
      <c r="OLQ17" s="916" t="s">
        <v>3816</v>
      </c>
      <c r="OLR17" s="916" t="s">
        <v>3816</v>
      </c>
      <c r="OLS17" s="916" t="s">
        <v>3816</v>
      </c>
      <c r="OLT17" s="916" t="s">
        <v>3816</v>
      </c>
      <c r="OLU17" s="916" t="s">
        <v>3816</v>
      </c>
      <c r="OLV17" s="916" t="s">
        <v>3816</v>
      </c>
      <c r="OLW17" s="916" t="s">
        <v>3816</v>
      </c>
      <c r="OLX17" s="916" t="s">
        <v>3816</v>
      </c>
      <c r="OLY17" s="916" t="s">
        <v>3816</v>
      </c>
      <c r="OLZ17" s="916" t="s">
        <v>3816</v>
      </c>
      <c r="OMA17" s="916" t="s">
        <v>3816</v>
      </c>
      <c r="OMB17" s="916" t="s">
        <v>3816</v>
      </c>
      <c r="OMC17" s="916" t="s">
        <v>3816</v>
      </c>
      <c r="OMD17" s="916" t="s">
        <v>3816</v>
      </c>
      <c r="OME17" s="916" t="s">
        <v>3816</v>
      </c>
      <c r="OMF17" s="916" t="s">
        <v>3816</v>
      </c>
      <c r="OMG17" s="916" t="s">
        <v>3816</v>
      </c>
      <c r="OMH17" s="916" t="s">
        <v>3816</v>
      </c>
      <c r="OMI17" s="916" t="s">
        <v>3816</v>
      </c>
      <c r="OMJ17" s="916" t="s">
        <v>3816</v>
      </c>
      <c r="OMK17" s="916" t="s">
        <v>3816</v>
      </c>
      <c r="OML17" s="916" t="s">
        <v>3816</v>
      </c>
      <c r="OMM17" s="916" t="s">
        <v>3816</v>
      </c>
      <c r="OMN17" s="916" t="s">
        <v>3816</v>
      </c>
      <c r="OMO17" s="916" t="s">
        <v>3816</v>
      </c>
      <c r="OMP17" s="916" t="s">
        <v>3816</v>
      </c>
      <c r="OMQ17" s="916" t="s">
        <v>3816</v>
      </c>
      <c r="OMR17" s="916" t="s">
        <v>3816</v>
      </c>
      <c r="OMS17" s="916" t="s">
        <v>3816</v>
      </c>
      <c r="OMT17" s="916" t="s">
        <v>3816</v>
      </c>
      <c r="OMU17" s="916" t="s">
        <v>3816</v>
      </c>
      <c r="OMV17" s="916" t="s">
        <v>3816</v>
      </c>
      <c r="OMW17" s="916" t="s">
        <v>3816</v>
      </c>
      <c r="OMX17" s="916" t="s">
        <v>3816</v>
      </c>
      <c r="OMY17" s="916" t="s">
        <v>3816</v>
      </c>
      <c r="OMZ17" s="916" t="s">
        <v>3816</v>
      </c>
      <c r="ONA17" s="916" t="s">
        <v>3816</v>
      </c>
      <c r="ONB17" s="916" t="s">
        <v>3816</v>
      </c>
      <c r="ONC17" s="916" t="s">
        <v>3816</v>
      </c>
      <c r="OND17" s="916" t="s">
        <v>3816</v>
      </c>
      <c r="ONE17" s="916" t="s">
        <v>3816</v>
      </c>
      <c r="ONF17" s="916" t="s">
        <v>3816</v>
      </c>
      <c r="ONG17" s="916" t="s">
        <v>3816</v>
      </c>
      <c r="ONH17" s="916" t="s">
        <v>3816</v>
      </c>
      <c r="ONI17" s="916" t="s">
        <v>3816</v>
      </c>
      <c r="ONJ17" s="916" t="s">
        <v>3816</v>
      </c>
      <c r="ONK17" s="916" t="s">
        <v>3816</v>
      </c>
      <c r="ONL17" s="916" t="s">
        <v>3816</v>
      </c>
      <c r="ONM17" s="916" t="s">
        <v>3816</v>
      </c>
      <c r="ONN17" s="916" t="s">
        <v>3816</v>
      </c>
      <c r="ONO17" s="916" t="s">
        <v>3816</v>
      </c>
      <c r="ONP17" s="916" t="s">
        <v>3816</v>
      </c>
      <c r="ONQ17" s="916" t="s">
        <v>3816</v>
      </c>
      <c r="ONR17" s="916" t="s">
        <v>3816</v>
      </c>
      <c r="ONS17" s="916" t="s">
        <v>3816</v>
      </c>
      <c r="ONT17" s="916" t="s">
        <v>3816</v>
      </c>
      <c r="ONU17" s="916" t="s">
        <v>3816</v>
      </c>
      <c r="ONV17" s="916" t="s">
        <v>3816</v>
      </c>
      <c r="ONW17" s="916" t="s">
        <v>3816</v>
      </c>
      <c r="ONX17" s="916" t="s">
        <v>3816</v>
      </c>
      <c r="ONY17" s="916" t="s">
        <v>3816</v>
      </c>
      <c r="ONZ17" s="916" t="s">
        <v>3816</v>
      </c>
      <c r="OOA17" s="916" t="s">
        <v>3816</v>
      </c>
      <c r="OOB17" s="916" t="s">
        <v>3816</v>
      </c>
      <c r="OOC17" s="916" t="s">
        <v>3816</v>
      </c>
      <c r="OOD17" s="916" t="s">
        <v>3816</v>
      </c>
      <c r="OOE17" s="916" t="s">
        <v>3816</v>
      </c>
      <c r="OOF17" s="916" t="s">
        <v>3816</v>
      </c>
      <c r="OOG17" s="916" t="s">
        <v>3816</v>
      </c>
      <c r="OOH17" s="916" t="s">
        <v>3816</v>
      </c>
      <c r="OOI17" s="916" t="s">
        <v>3816</v>
      </c>
      <c r="OOJ17" s="916" t="s">
        <v>3816</v>
      </c>
      <c r="OOK17" s="916" t="s">
        <v>3816</v>
      </c>
      <c r="OOL17" s="916" t="s">
        <v>3816</v>
      </c>
      <c r="OOM17" s="916" t="s">
        <v>3816</v>
      </c>
      <c r="OON17" s="916" t="s">
        <v>3816</v>
      </c>
      <c r="OOO17" s="916" t="s">
        <v>3816</v>
      </c>
      <c r="OOP17" s="916" t="s">
        <v>3816</v>
      </c>
      <c r="OOQ17" s="916" t="s">
        <v>3816</v>
      </c>
      <c r="OOR17" s="916" t="s">
        <v>3816</v>
      </c>
      <c r="OOS17" s="916" t="s">
        <v>3816</v>
      </c>
      <c r="OOT17" s="916" t="s">
        <v>3816</v>
      </c>
      <c r="OOU17" s="916" t="s">
        <v>3816</v>
      </c>
      <c r="OOV17" s="916" t="s">
        <v>3816</v>
      </c>
      <c r="OOW17" s="916" t="s">
        <v>3816</v>
      </c>
      <c r="OOX17" s="916" t="s">
        <v>3816</v>
      </c>
      <c r="OOY17" s="916" t="s">
        <v>3816</v>
      </c>
      <c r="OOZ17" s="916" t="s">
        <v>3816</v>
      </c>
      <c r="OPA17" s="916" t="s">
        <v>3816</v>
      </c>
      <c r="OPB17" s="916" t="s">
        <v>3816</v>
      </c>
      <c r="OPC17" s="916" t="s">
        <v>3816</v>
      </c>
      <c r="OPD17" s="916" t="s">
        <v>3816</v>
      </c>
      <c r="OPE17" s="916" t="s">
        <v>3816</v>
      </c>
      <c r="OPF17" s="916" t="s">
        <v>3816</v>
      </c>
      <c r="OPG17" s="916" t="s">
        <v>3816</v>
      </c>
      <c r="OPH17" s="916" t="s">
        <v>3816</v>
      </c>
      <c r="OPI17" s="916" t="s">
        <v>3816</v>
      </c>
      <c r="OPJ17" s="916" t="s">
        <v>3816</v>
      </c>
      <c r="OPK17" s="916" t="s">
        <v>3816</v>
      </c>
      <c r="OPL17" s="916" t="s">
        <v>3816</v>
      </c>
      <c r="OPM17" s="916" t="s">
        <v>3816</v>
      </c>
      <c r="OPN17" s="916" t="s">
        <v>3816</v>
      </c>
      <c r="OPO17" s="916" t="s">
        <v>3816</v>
      </c>
      <c r="OPP17" s="916" t="s">
        <v>3816</v>
      </c>
      <c r="OPQ17" s="916" t="s">
        <v>3816</v>
      </c>
      <c r="OPR17" s="916" t="s">
        <v>3816</v>
      </c>
      <c r="OPS17" s="916" t="s">
        <v>3816</v>
      </c>
      <c r="OPT17" s="916" t="s">
        <v>3816</v>
      </c>
      <c r="OPU17" s="916" t="s">
        <v>3816</v>
      </c>
      <c r="OPV17" s="916" t="s">
        <v>3816</v>
      </c>
      <c r="OPW17" s="916" t="s">
        <v>3816</v>
      </c>
      <c r="OPX17" s="916" t="s">
        <v>3816</v>
      </c>
      <c r="OPY17" s="916" t="s">
        <v>3816</v>
      </c>
      <c r="OPZ17" s="916" t="s">
        <v>3816</v>
      </c>
      <c r="OQA17" s="916" t="s">
        <v>3816</v>
      </c>
      <c r="OQB17" s="916" t="s">
        <v>3816</v>
      </c>
      <c r="OQC17" s="916" t="s">
        <v>3816</v>
      </c>
      <c r="OQD17" s="916" t="s">
        <v>3816</v>
      </c>
      <c r="OQE17" s="916" t="s">
        <v>3816</v>
      </c>
      <c r="OQF17" s="916" t="s">
        <v>3816</v>
      </c>
      <c r="OQG17" s="916" t="s">
        <v>3816</v>
      </c>
      <c r="OQH17" s="916" t="s">
        <v>3816</v>
      </c>
      <c r="OQI17" s="916" t="s">
        <v>3816</v>
      </c>
      <c r="OQJ17" s="916" t="s">
        <v>3816</v>
      </c>
      <c r="OQK17" s="916" t="s">
        <v>3816</v>
      </c>
      <c r="OQL17" s="916" t="s">
        <v>3816</v>
      </c>
      <c r="OQM17" s="916" t="s">
        <v>3816</v>
      </c>
      <c r="OQN17" s="916" t="s">
        <v>3816</v>
      </c>
      <c r="OQO17" s="916" t="s">
        <v>3816</v>
      </c>
      <c r="OQP17" s="916" t="s">
        <v>3816</v>
      </c>
      <c r="OQQ17" s="916" t="s">
        <v>3816</v>
      </c>
      <c r="OQR17" s="916" t="s">
        <v>3816</v>
      </c>
      <c r="OQS17" s="916" t="s">
        <v>3816</v>
      </c>
      <c r="OQT17" s="916" t="s">
        <v>3816</v>
      </c>
      <c r="OQU17" s="916" t="s">
        <v>3816</v>
      </c>
      <c r="OQV17" s="916" t="s">
        <v>3816</v>
      </c>
      <c r="OQW17" s="916" t="s">
        <v>3816</v>
      </c>
      <c r="OQX17" s="916" t="s">
        <v>3816</v>
      </c>
      <c r="OQY17" s="916" t="s">
        <v>3816</v>
      </c>
      <c r="OQZ17" s="916" t="s">
        <v>3816</v>
      </c>
      <c r="ORA17" s="916" t="s">
        <v>3816</v>
      </c>
      <c r="ORB17" s="916" t="s">
        <v>3816</v>
      </c>
      <c r="ORC17" s="916" t="s">
        <v>3816</v>
      </c>
      <c r="ORD17" s="916" t="s">
        <v>3816</v>
      </c>
      <c r="ORE17" s="916" t="s">
        <v>3816</v>
      </c>
      <c r="ORF17" s="916" t="s">
        <v>3816</v>
      </c>
      <c r="ORG17" s="916" t="s">
        <v>3816</v>
      </c>
      <c r="ORH17" s="916" t="s">
        <v>3816</v>
      </c>
      <c r="ORI17" s="916" t="s">
        <v>3816</v>
      </c>
      <c r="ORJ17" s="916" t="s">
        <v>3816</v>
      </c>
      <c r="ORK17" s="916" t="s">
        <v>3816</v>
      </c>
      <c r="ORL17" s="916" t="s">
        <v>3816</v>
      </c>
      <c r="ORM17" s="916" t="s">
        <v>3816</v>
      </c>
      <c r="ORN17" s="916" t="s">
        <v>3816</v>
      </c>
      <c r="ORO17" s="916" t="s">
        <v>3816</v>
      </c>
      <c r="ORP17" s="916" t="s">
        <v>3816</v>
      </c>
      <c r="ORQ17" s="916" t="s">
        <v>3816</v>
      </c>
      <c r="ORR17" s="916" t="s">
        <v>3816</v>
      </c>
      <c r="ORS17" s="916" t="s">
        <v>3816</v>
      </c>
      <c r="ORT17" s="916" t="s">
        <v>3816</v>
      </c>
      <c r="ORU17" s="916" t="s">
        <v>3816</v>
      </c>
      <c r="ORV17" s="916" t="s">
        <v>3816</v>
      </c>
      <c r="ORW17" s="916" t="s">
        <v>3816</v>
      </c>
      <c r="ORX17" s="916" t="s">
        <v>3816</v>
      </c>
      <c r="ORY17" s="916" t="s">
        <v>3816</v>
      </c>
      <c r="ORZ17" s="916" t="s">
        <v>3816</v>
      </c>
      <c r="OSA17" s="916" t="s">
        <v>3816</v>
      </c>
      <c r="OSB17" s="916" t="s">
        <v>3816</v>
      </c>
      <c r="OSC17" s="916" t="s">
        <v>3816</v>
      </c>
      <c r="OSD17" s="916" t="s">
        <v>3816</v>
      </c>
      <c r="OSE17" s="916" t="s">
        <v>3816</v>
      </c>
      <c r="OSF17" s="916" t="s">
        <v>3816</v>
      </c>
      <c r="OSG17" s="916" t="s">
        <v>3816</v>
      </c>
      <c r="OSH17" s="916" t="s">
        <v>3816</v>
      </c>
      <c r="OSI17" s="916" t="s">
        <v>3816</v>
      </c>
      <c r="OSJ17" s="916" t="s">
        <v>3816</v>
      </c>
      <c r="OSK17" s="916" t="s">
        <v>3816</v>
      </c>
      <c r="OSL17" s="916" t="s">
        <v>3816</v>
      </c>
      <c r="OSM17" s="916" t="s">
        <v>3816</v>
      </c>
      <c r="OSN17" s="916" t="s">
        <v>3816</v>
      </c>
      <c r="OSO17" s="916" t="s">
        <v>3816</v>
      </c>
      <c r="OSP17" s="916" t="s">
        <v>3816</v>
      </c>
      <c r="OSQ17" s="916" t="s">
        <v>3816</v>
      </c>
      <c r="OSR17" s="916" t="s">
        <v>3816</v>
      </c>
      <c r="OSS17" s="916" t="s">
        <v>3816</v>
      </c>
      <c r="OST17" s="916" t="s">
        <v>3816</v>
      </c>
      <c r="OSU17" s="916" t="s">
        <v>3816</v>
      </c>
      <c r="OSV17" s="916" t="s">
        <v>3816</v>
      </c>
      <c r="OSW17" s="916" t="s">
        <v>3816</v>
      </c>
      <c r="OSX17" s="916" t="s">
        <v>3816</v>
      </c>
      <c r="OSY17" s="916" t="s">
        <v>3816</v>
      </c>
      <c r="OSZ17" s="916" t="s">
        <v>3816</v>
      </c>
      <c r="OTA17" s="916" t="s">
        <v>3816</v>
      </c>
      <c r="OTB17" s="916" t="s">
        <v>3816</v>
      </c>
      <c r="OTC17" s="916" t="s">
        <v>3816</v>
      </c>
      <c r="OTD17" s="916" t="s">
        <v>3816</v>
      </c>
      <c r="OTE17" s="916" t="s">
        <v>3816</v>
      </c>
      <c r="OTF17" s="916" t="s">
        <v>3816</v>
      </c>
      <c r="OTG17" s="916" t="s">
        <v>3816</v>
      </c>
      <c r="OTH17" s="916" t="s">
        <v>3816</v>
      </c>
      <c r="OTI17" s="916" t="s">
        <v>3816</v>
      </c>
      <c r="OTJ17" s="916" t="s">
        <v>3816</v>
      </c>
      <c r="OTK17" s="916" t="s">
        <v>3816</v>
      </c>
      <c r="OTL17" s="916" t="s">
        <v>3816</v>
      </c>
      <c r="OTM17" s="916" t="s">
        <v>3816</v>
      </c>
      <c r="OTN17" s="916" t="s">
        <v>3816</v>
      </c>
      <c r="OTO17" s="916" t="s">
        <v>3816</v>
      </c>
      <c r="OTP17" s="916" t="s">
        <v>3816</v>
      </c>
      <c r="OTQ17" s="916" t="s">
        <v>3816</v>
      </c>
      <c r="OTR17" s="916" t="s">
        <v>3816</v>
      </c>
      <c r="OTS17" s="916" t="s">
        <v>3816</v>
      </c>
      <c r="OTT17" s="916" t="s">
        <v>3816</v>
      </c>
      <c r="OTU17" s="916" t="s">
        <v>3816</v>
      </c>
      <c r="OTV17" s="916" t="s">
        <v>3816</v>
      </c>
      <c r="OTW17" s="916" t="s">
        <v>3816</v>
      </c>
      <c r="OTX17" s="916" t="s">
        <v>3816</v>
      </c>
      <c r="OTY17" s="916" t="s">
        <v>3816</v>
      </c>
      <c r="OTZ17" s="916" t="s">
        <v>3816</v>
      </c>
      <c r="OUA17" s="916" t="s">
        <v>3816</v>
      </c>
      <c r="OUB17" s="916" t="s">
        <v>3816</v>
      </c>
      <c r="OUC17" s="916" t="s">
        <v>3816</v>
      </c>
      <c r="OUD17" s="916" t="s">
        <v>3816</v>
      </c>
      <c r="OUE17" s="916" t="s">
        <v>3816</v>
      </c>
      <c r="OUF17" s="916" t="s">
        <v>3816</v>
      </c>
      <c r="OUG17" s="916" t="s">
        <v>3816</v>
      </c>
      <c r="OUH17" s="916" t="s">
        <v>3816</v>
      </c>
      <c r="OUI17" s="916" t="s">
        <v>3816</v>
      </c>
      <c r="OUJ17" s="916" t="s">
        <v>3816</v>
      </c>
      <c r="OUK17" s="916" t="s">
        <v>3816</v>
      </c>
      <c r="OUL17" s="916" t="s">
        <v>3816</v>
      </c>
      <c r="OUM17" s="916" t="s">
        <v>3816</v>
      </c>
      <c r="OUN17" s="916" t="s">
        <v>3816</v>
      </c>
      <c r="OUO17" s="916" t="s">
        <v>3816</v>
      </c>
      <c r="OUP17" s="916" t="s">
        <v>3816</v>
      </c>
      <c r="OUQ17" s="916" t="s">
        <v>3816</v>
      </c>
      <c r="OUR17" s="916" t="s">
        <v>3816</v>
      </c>
      <c r="OUS17" s="916" t="s">
        <v>3816</v>
      </c>
      <c r="OUT17" s="916" t="s">
        <v>3816</v>
      </c>
      <c r="OUU17" s="916" t="s">
        <v>3816</v>
      </c>
      <c r="OUV17" s="916" t="s">
        <v>3816</v>
      </c>
      <c r="OUW17" s="916" t="s">
        <v>3816</v>
      </c>
      <c r="OUX17" s="916" t="s">
        <v>3816</v>
      </c>
      <c r="OUY17" s="916" t="s">
        <v>3816</v>
      </c>
      <c r="OUZ17" s="916" t="s">
        <v>3816</v>
      </c>
      <c r="OVA17" s="916" t="s">
        <v>3816</v>
      </c>
      <c r="OVB17" s="916" t="s">
        <v>3816</v>
      </c>
      <c r="OVC17" s="916" t="s">
        <v>3816</v>
      </c>
      <c r="OVD17" s="916" t="s">
        <v>3816</v>
      </c>
      <c r="OVE17" s="916" t="s">
        <v>3816</v>
      </c>
      <c r="OVF17" s="916" t="s">
        <v>3816</v>
      </c>
      <c r="OVG17" s="916" t="s">
        <v>3816</v>
      </c>
      <c r="OVH17" s="916" t="s">
        <v>3816</v>
      </c>
      <c r="OVI17" s="916" t="s">
        <v>3816</v>
      </c>
      <c r="OVJ17" s="916" t="s">
        <v>3816</v>
      </c>
      <c r="OVK17" s="916" t="s">
        <v>3816</v>
      </c>
      <c r="OVL17" s="916" t="s">
        <v>3816</v>
      </c>
      <c r="OVM17" s="916" t="s">
        <v>3816</v>
      </c>
      <c r="OVN17" s="916" t="s">
        <v>3816</v>
      </c>
      <c r="OVO17" s="916" t="s">
        <v>3816</v>
      </c>
      <c r="OVP17" s="916" t="s">
        <v>3816</v>
      </c>
      <c r="OVQ17" s="916" t="s">
        <v>3816</v>
      </c>
      <c r="OVR17" s="916" t="s">
        <v>3816</v>
      </c>
      <c r="OVS17" s="916" t="s">
        <v>3816</v>
      </c>
      <c r="OVT17" s="916" t="s">
        <v>3816</v>
      </c>
      <c r="OVU17" s="916" t="s">
        <v>3816</v>
      </c>
      <c r="OVV17" s="916" t="s">
        <v>3816</v>
      </c>
      <c r="OVW17" s="916" t="s">
        <v>3816</v>
      </c>
      <c r="OVX17" s="916" t="s">
        <v>3816</v>
      </c>
      <c r="OVY17" s="916" t="s">
        <v>3816</v>
      </c>
      <c r="OVZ17" s="916" t="s">
        <v>3816</v>
      </c>
      <c r="OWA17" s="916" t="s">
        <v>3816</v>
      </c>
      <c r="OWB17" s="916" t="s">
        <v>3816</v>
      </c>
      <c r="OWC17" s="916" t="s">
        <v>3816</v>
      </c>
      <c r="OWD17" s="916" t="s">
        <v>3816</v>
      </c>
      <c r="OWE17" s="916" t="s">
        <v>3816</v>
      </c>
      <c r="OWF17" s="916" t="s">
        <v>3816</v>
      </c>
      <c r="OWG17" s="916" t="s">
        <v>3816</v>
      </c>
      <c r="OWH17" s="916" t="s">
        <v>3816</v>
      </c>
      <c r="OWI17" s="916" t="s">
        <v>3816</v>
      </c>
      <c r="OWJ17" s="916" t="s">
        <v>3816</v>
      </c>
      <c r="OWK17" s="916" t="s">
        <v>3816</v>
      </c>
      <c r="OWL17" s="916" t="s">
        <v>3816</v>
      </c>
      <c r="OWM17" s="916" t="s">
        <v>3816</v>
      </c>
      <c r="OWN17" s="916" t="s">
        <v>3816</v>
      </c>
      <c r="OWO17" s="916" t="s">
        <v>3816</v>
      </c>
      <c r="OWP17" s="916" t="s">
        <v>3816</v>
      </c>
      <c r="OWQ17" s="916" t="s">
        <v>3816</v>
      </c>
      <c r="OWR17" s="916" t="s">
        <v>3816</v>
      </c>
      <c r="OWS17" s="916" t="s">
        <v>3816</v>
      </c>
      <c r="OWT17" s="916" t="s">
        <v>3816</v>
      </c>
      <c r="OWU17" s="916" t="s">
        <v>3816</v>
      </c>
      <c r="OWV17" s="916" t="s">
        <v>3816</v>
      </c>
      <c r="OWW17" s="916" t="s">
        <v>3816</v>
      </c>
      <c r="OWX17" s="916" t="s">
        <v>3816</v>
      </c>
      <c r="OWY17" s="916" t="s">
        <v>3816</v>
      </c>
      <c r="OWZ17" s="916" t="s">
        <v>3816</v>
      </c>
      <c r="OXA17" s="916" t="s">
        <v>3816</v>
      </c>
      <c r="OXB17" s="916" t="s">
        <v>3816</v>
      </c>
      <c r="OXC17" s="916" t="s">
        <v>3816</v>
      </c>
      <c r="OXD17" s="916" t="s">
        <v>3816</v>
      </c>
      <c r="OXE17" s="916" t="s">
        <v>3816</v>
      </c>
      <c r="OXF17" s="916" t="s">
        <v>3816</v>
      </c>
      <c r="OXG17" s="916" t="s">
        <v>3816</v>
      </c>
      <c r="OXH17" s="916" t="s">
        <v>3816</v>
      </c>
      <c r="OXI17" s="916" t="s">
        <v>3816</v>
      </c>
      <c r="OXJ17" s="916" t="s">
        <v>3816</v>
      </c>
      <c r="OXK17" s="916" t="s">
        <v>3816</v>
      </c>
      <c r="OXL17" s="916" t="s">
        <v>3816</v>
      </c>
      <c r="OXM17" s="916" t="s">
        <v>3816</v>
      </c>
      <c r="OXN17" s="916" t="s">
        <v>3816</v>
      </c>
      <c r="OXO17" s="916" t="s">
        <v>3816</v>
      </c>
      <c r="OXP17" s="916" t="s">
        <v>3816</v>
      </c>
      <c r="OXQ17" s="916" t="s">
        <v>3816</v>
      </c>
      <c r="OXR17" s="916" t="s">
        <v>3816</v>
      </c>
      <c r="OXS17" s="916" t="s">
        <v>3816</v>
      </c>
      <c r="OXT17" s="916" t="s">
        <v>3816</v>
      </c>
      <c r="OXU17" s="916" t="s">
        <v>3816</v>
      </c>
      <c r="OXV17" s="916" t="s">
        <v>3816</v>
      </c>
      <c r="OXW17" s="916" t="s">
        <v>3816</v>
      </c>
      <c r="OXX17" s="916" t="s">
        <v>3816</v>
      </c>
      <c r="OXY17" s="916" t="s">
        <v>3816</v>
      </c>
      <c r="OXZ17" s="916" t="s">
        <v>3816</v>
      </c>
      <c r="OYA17" s="916" t="s">
        <v>3816</v>
      </c>
      <c r="OYB17" s="916" t="s">
        <v>3816</v>
      </c>
      <c r="OYC17" s="916" t="s">
        <v>3816</v>
      </c>
      <c r="OYD17" s="916" t="s">
        <v>3816</v>
      </c>
      <c r="OYE17" s="916" t="s">
        <v>3816</v>
      </c>
      <c r="OYF17" s="916" t="s">
        <v>3816</v>
      </c>
      <c r="OYG17" s="916" t="s">
        <v>3816</v>
      </c>
      <c r="OYH17" s="916" t="s">
        <v>3816</v>
      </c>
      <c r="OYI17" s="916" t="s">
        <v>3816</v>
      </c>
      <c r="OYJ17" s="916" t="s">
        <v>3816</v>
      </c>
      <c r="OYK17" s="916" t="s">
        <v>3816</v>
      </c>
      <c r="OYL17" s="916" t="s">
        <v>3816</v>
      </c>
      <c r="OYM17" s="916" t="s">
        <v>3816</v>
      </c>
      <c r="OYN17" s="916" t="s">
        <v>3816</v>
      </c>
      <c r="OYO17" s="916" t="s">
        <v>3816</v>
      </c>
      <c r="OYP17" s="916" t="s">
        <v>3816</v>
      </c>
      <c r="OYQ17" s="916" t="s">
        <v>3816</v>
      </c>
      <c r="OYR17" s="916" t="s">
        <v>3816</v>
      </c>
      <c r="OYS17" s="916" t="s">
        <v>3816</v>
      </c>
      <c r="OYT17" s="916" t="s">
        <v>3816</v>
      </c>
      <c r="OYU17" s="916" t="s">
        <v>3816</v>
      </c>
      <c r="OYV17" s="916" t="s">
        <v>3816</v>
      </c>
      <c r="OYW17" s="916" t="s">
        <v>3816</v>
      </c>
      <c r="OYX17" s="916" t="s">
        <v>3816</v>
      </c>
      <c r="OYY17" s="916" t="s">
        <v>3816</v>
      </c>
      <c r="OYZ17" s="916" t="s">
        <v>3816</v>
      </c>
      <c r="OZA17" s="916" t="s">
        <v>3816</v>
      </c>
      <c r="OZB17" s="916" t="s">
        <v>3816</v>
      </c>
      <c r="OZC17" s="916" t="s">
        <v>3816</v>
      </c>
      <c r="OZD17" s="916" t="s">
        <v>3816</v>
      </c>
      <c r="OZE17" s="916" t="s">
        <v>3816</v>
      </c>
      <c r="OZF17" s="916" t="s">
        <v>3816</v>
      </c>
      <c r="OZG17" s="916" t="s">
        <v>3816</v>
      </c>
      <c r="OZH17" s="916" t="s">
        <v>3816</v>
      </c>
      <c r="OZI17" s="916" t="s">
        <v>3816</v>
      </c>
      <c r="OZJ17" s="916" t="s">
        <v>3816</v>
      </c>
      <c r="OZK17" s="916" t="s">
        <v>3816</v>
      </c>
      <c r="OZL17" s="916" t="s">
        <v>3816</v>
      </c>
      <c r="OZM17" s="916" t="s">
        <v>3816</v>
      </c>
      <c r="OZN17" s="916" t="s">
        <v>3816</v>
      </c>
      <c r="OZO17" s="916" t="s">
        <v>3816</v>
      </c>
      <c r="OZP17" s="916" t="s">
        <v>3816</v>
      </c>
      <c r="OZQ17" s="916" t="s">
        <v>3816</v>
      </c>
      <c r="OZR17" s="916" t="s">
        <v>3816</v>
      </c>
      <c r="OZS17" s="916" t="s">
        <v>3816</v>
      </c>
      <c r="OZT17" s="916" t="s">
        <v>3816</v>
      </c>
      <c r="OZU17" s="916" t="s">
        <v>3816</v>
      </c>
      <c r="OZV17" s="916" t="s">
        <v>3816</v>
      </c>
      <c r="OZW17" s="916" t="s">
        <v>3816</v>
      </c>
      <c r="OZX17" s="916" t="s">
        <v>3816</v>
      </c>
      <c r="OZY17" s="916" t="s">
        <v>3816</v>
      </c>
      <c r="OZZ17" s="916" t="s">
        <v>3816</v>
      </c>
      <c r="PAA17" s="916" t="s">
        <v>3816</v>
      </c>
      <c r="PAB17" s="916" t="s">
        <v>3816</v>
      </c>
      <c r="PAC17" s="916" t="s">
        <v>3816</v>
      </c>
      <c r="PAD17" s="916" t="s">
        <v>3816</v>
      </c>
      <c r="PAE17" s="916" t="s">
        <v>3816</v>
      </c>
      <c r="PAF17" s="916" t="s">
        <v>3816</v>
      </c>
      <c r="PAG17" s="916" t="s">
        <v>3816</v>
      </c>
      <c r="PAH17" s="916" t="s">
        <v>3816</v>
      </c>
      <c r="PAI17" s="916" t="s">
        <v>3816</v>
      </c>
      <c r="PAJ17" s="916" t="s">
        <v>3816</v>
      </c>
      <c r="PAK17" s="916" t="s">
        <v>3816</v>
      </c>
      <c r="PAL17" s="916" t="s">
        <v>3816</v>
      </c>
      <c r="PAM17" s="916" t="s">
        <v>3816</v>
      </c>
      <c r="PAN17" s="916" t="s">
        <v>3816</v>
      </c>
      <c r="PAO17" s="916" t="s">
        <v>3816</v>
      </c>
      <c r="PAP17" s="916" t="s">
        <v>3816</v>
      </c>
      <c r="PAQ17" s="916" t="s">
        <v>3816</v>
      </c>
      <c r="PAR17" s="916" t="s">
        <v>3816</v>
      </c>
      <c r="PAS17" s="916" t="s">
        <v>3816</v>
      </c>
      <c r="PAT17" s="916" t="s">
        <v>3816</v>
      </c>
      <c r="PAU17" s="916" t="s">
        <v>3816</v>
      </c>
      <c r="PAV17" s="916" t="s">
        <v>3816</v>
      </c>
      <c r="PAW17" s="916" t="s">
        <v>3816</v>
      </c>
      <c r="PAX17" s="916" t="s">
        <v>3816</v>
      </c>
      <c r="PAY17" s="916" t="s">
        <v>3816</v>
      </c>
      <c r="PAZ17" s="916" t="s">
        <v>3816</v>
      </c>
      <c r="PBA17" s="916" t="s">
        <v>3816</v>
      </c>
      <c r="PBB17" s="916" t="s">
        <v>3816</v>
      </c>
      <c r="PBC17" s="916" t="s">
        <v>3816</v>
      </c>
      <c r="PBD17" s="916" t="s">
        <v>3816</v>
      </c>
      <c r="PBE17" s="916" t="s">
        <v>3816</v>
      </c>
      <c r="PBF17" s="916" t="s">
        <v>3816</v>
      </c>
      <c r="PBG17" s="916" t="s">
        <v>3816</v>
      </c>
      <c r="PBH17" s="916" t="s">
        <v>3816</v>
      </c>
      <c r="PBI17" s="916" t="s">
        <v>3816</v>
      </c>
      <c r="PBJ17" s="916" t="s">
        <v>3816</v>
      </c>
      <c r="PBK17" s="916" t="s">
        <v>3816</v>
      </c>
      <c r="PBL17" s="916" t="s">
        <v>3816</v>
      </c>
      <c r="PBM17" s="916" t="s">
        <v>3816</v>
      </c>
      <c r="PBN17" s="916" t="s">
        <v>3816</v>
      </c>
      <c r="PBO17" s="916" t="s">
        <v>3816</v>
      </c>
      <c r="PBP17" s="916" t="s">
        <v>3816</v>
      </c>
      <c r="PBQ17" s="916" t="s">
        <v>3816</v>
      </c>
      <c r="PBR17" s="916" t="s">
        <v>3816</v>
      </c>
      <c r="PBS17" s="916" t="s">
        <v>3816</v>
      </c>
      <c r="PBT17" s="916" t="s">
        <v>3816</v>
      </c>
      <c r="PBU17" s="916" t="s">
        <v>3816</v>
      </c>
      <c r="PBV17" s="916" t="s">
        <v>3816</v>
      </c>
      <c r="PBW17" s="916" t="s">
        <v>3816</v>
      </c>
      <c r="PBX17" s="916" t="s">
        <v>3816</v>
      </c>
      <c r="PBY17" s="916" t="s">
        <v>3816</v>
      </c>
      <c r="PBZ17" s="916" t="s">
        <v>3816</v>
      </c>
      <c r="PCA17" s="916" t="s">
        <v>3816</v>
      </c>
      <c r="PCB17" s="916" t="s">
        <v>3816</v>
      </c>
      <c r="PCC17" s="916" t="s">
        <v>3816</v>
      </c>
      <c r="PCD17" s="916" t="s">
        <v>3816</v>
      </c>
      <c r="PCE17" s="916" t="s">
        <v>3816</v>
      </c>
      <c r="PCF17" s="916" t="s">
        <v>3816</v>
      </c>
      <c r="PCG17" s="916" t="s">
        <v>3816</v>
      </c>
      <c r="PCH17" s="916" t="s">
        <v>3816</v>
      </c>
      <c r="PCI17" s="916" t="s">
        <v>3816</v>
      </c>
      <c r="PCJ17" s="916" t="s">
        <v>3816</v>
      </c>
      <c r="PCK17" s="916" t="s">
        <v>3816</v>
      </c>
      <c r="PCL17" s="916" t="s">
        <v>3816</v>
      </c>
      <c r="PCM17" s="916" t="s">
        <v>3816</v>
      </c>
      <c r="PCN17" s="916" t="s">
        <v>3816</v>
      </c>
      <c r="PCO17" s="916" t="s">
        <v>3816</v>
      </c>
      <c r="PCP17" s="916" t="s">
        <v>3816</v>
      </c>
      <c r="PCQ17" s="916" t="s">
        <v>3816</v>
      </c>
      <c r="PCR17" s="916" t="s">
        <v>3816</v>
      </c>
      <c r="PCS17" s="916" t="s">
        <v>3816</v>
      </c>
      <c r="PCT17" s="916" t="s">
        <v>3816</v>
      </c>
      <c r="PCU17" s="916" t="s">
        <v>3816</v>
      </c>
      <c r="PCV17" s="916" t="s">
        <v>3816</v>
      </c>
      <c r="PCW17" s="916" t="s">
        <v>3816</v>
      </c>
      <c r="PCX17" s="916" t="s">
        <v>3816</v>
      </c>
      <c r="PCY17" s="916" t="s">
        <v>3816</v>
      </c>
      <c r="PCZ17" s="916" t="s">
        <v>3816</v>
      </c>
      <c r="PDA17" s="916" t="s">
        <v>3816</v>
      </c>
      <c r="PDB17" s="916" t="s">
        <v>3816</v>
      </c>
      <c r="PDC17" s="916" t="s">
        <v>3816</v>
      </c>
      <c r="PDD17" s="916" t="s">
        <v>3816</v>
      </c>
      <c r="PDE17" s="916" t="s">
        <v>3816</v>
      </c>
      <c r="PDF17" s="916" t="s">
        <v>3816</v>
      </c>
      <c r="PDG17" s="916" t="s">
        <v>3816</v>
      </c>
      <c r="PDH17" s="916" t="s">
        <v>3816</v>
      </c>
      <c r="PDI17" s="916" t="s">
        <v>3816</v>
      </c>
      <c r="PDJ17" s="916" t="s">
        <v>3816</v>
      </c>
      <c r="PDK17" s="916" t="s">
        <v>3816</v>
      </c>
      <c r="PDL17" s="916" t="s">
        <v>3816</v>
      </c>
      <c r="PDM17" s="916" t="s">
        <v>3816</v>
      </c>
      <c r="PDN17" s="916" t="s">
        <v>3816</v>
      </c>
      <c r="PDO17" s="916" t="s">
        <v>3816</v>
      </c>
      <c r="PDP17" s="916" t="s">
        <v>3816</v>
      </c>
      <c r="PDQ17" s="916" t="s">
        <v>3816</v>
      </c>
      <c r="PDR17" s="916" t="s">
        <v>3816</v>
      </c>
      <c r="PDS17" s="916" t="s">
        <v>3816</v>
      </c>
      <c r="PDT17" s="916" t="s">
        <v>3816</v>
      </c>
      <c r="PDU17" s="916" t="s">
        <v>3816</v>
      </c>
      <c r="PDV17" s="916" t="s">
        <v>3816</v>
      </c>
      <c r="PDW17" s="916" t="s">
        <v>3816</v>
      </c>
      <c r="PDX17" s="916" t="s">
        <v>3816</v>
      </c>
      <c r="PDY17" s="916" t="s">
        <v>3816</v>
      </c>
      <c r="PDZ17" s="916" t="s">
        <v>3816</v>
      </c>
      <c r="PEA17" s="916" t="s">
        <v>3816</v>
      </c>
      <c r="PEB17" s="916" t="s">
        <v>3816</v>
      </c>
      <c r="PEC17" s="916" t="s">
        <v>3816</v>
      </c>
      <c r="PED17" s="916" t="s">
        <v>3816</v>
      </c>
      <c r="PEE17" s="916" t="s">
        <v>3816</v>
      </c>
      <c r="PEF17" s="916" t="s">
        <v>3816</v>
      </c>
      <c r="PEG17" s="916" t="s">
        <v>3816</v>
      </c>
      <c r="PEH17" s="916" t="s">
        <v>3816</v>
      </c>
      <c r="PEI17" s="916" t="s">
        <v>3816</v>
      </c>
      <c r="PEJ17" s="916" t="s">
        <v>3816</v>
      </c>
      <c r="PEK17" s="916" t="s">
        <v>3816</v>
      </c>
      <c r="PEL17" s="916" t="s">
        <v>3816</v>
      </c>
      <c r="PEM17" s="916" t="s">
        <v>3816</v>
      </c>
      <c r="PEN17" s="916" t="s">
        <v>3816</v>
      </c>
      <c r="PEO17" s="916" t="s">
        <v>3816</v>
      </c>
      <c r="PEP17" s="916" t="s">
        <v>3816</v>
      </c>
      <c r="PEQ17" s="916" t="s">
        <v>3816</v>
      </c>
      <c r="PER17" s="916" t="s">
        <v>3816</v>
      </c>
      <c r="PES17" s="916" t="s">
        <v>3816</v>
      </c>
      <c r="PET17" s="916" t="s">
        <v>3816</v>
      </c>
      <c r="PEU17" s="916" t="s">
        <v>3816</v>
      </c>
      <c r="PEV17" s="916" t="s">
        <v>3816</v>
      </c>
      <c r="PEW17" s="916" t="s">
        <v>3816</v>
      </c>
      <c r="PEX17" s="916" t="s">
        <v>3816</v>
      </c>
      <c r="PEY17" s="916" t="s">
        <v>3816</v>
      </c>
      <c r="PEZ17" s="916" t="s">
        <v>3816</v>
      </c>
      <c r="PFA17" s="916" t="s">
        <v>3816</v>
      </c>
      <c r="PFB17" s="916" t="s">
        <v>3816</v>
      </c>
      <c r="PFC17" s="916" t="s">
        <v>3816</v>
      </c>
      <c r="PFD17" s="916" t="s">
        <v>3816</v>
      </c>
      <c r="PFE17" s="916" t="s">
        <v>3816</v>
      </c>
      <c r="PFF17" s="916" t="s">
        <v>3816</v>
      </c>
      <c r="PFG17" s="916" t="s">
        <v>3816</v>
      </c>
      <c r="PFH17" s="916" t="s">
        <v>3816</v>
      </c>
      <c r="PFI17" s="916" t="s">
        <v>3816</v>
      </c>
      <c r="PFJ17" s="916" t="s">
        <v>3816</v>
      </c>
      <c r="PFK17" s="916" t="s">
        <v>3816</v>
      </c>
      <c r="PFL17" s="916" t="s">
        <v>3816</v>
      </c>
      <c r="PFM17" s="916" t="s">
        <v>3816</v>
      </c>
      <c r="PFN17" s="916" t="s">
        <v>3816</v>
      </c>
      <c r="PFO17" s="916" t="s">
        <v>3816</v>
      </c>
      <c r="PFP17" s="916" t="s">
        <v>3816</v>
      </c>
      <c r="PFQ17" s="916" t="s">
        <v>3816</v>
      </c>
      <c r="PFR17" s="916" t="s">
        <v>3816</v>
      </c>
      <c r="PFS17" s="916" t="s">
        <v>3816</v>
      </c>
      <c r="PFT17" s="916" t="s">
        <v>3816</v>
      </c>
      <c r="PFU17" s="916" t="s">
        <v>3816</v>
      </c>
      <c r="PFV17" s="916" t="s">
        <v>3816</v>
      </c>
      <c r="PFW17" s="916" t="s">
        <v>3816</v>
      </c>
      <c r="PFX17" s="916" t="s">
        <v>3816</v>
      </c>
      <c r="PFY17" s="916" t="s">
        <v>3816</v>
      </c>
      <c r="PFZ17" s="916" t="s">
        <v>3816</v>
      </c>
      <c r="PGA17" s="916" t="s">
        <v>3816</v>
      </c>
      <c r="PGB17" s="916" t="s">
        <v>3816</v>
      </c>
      <c r="PGC17" s="916" t="s">
        <v>3816</v>
      </c>
      <c r="PGD17" s="916" t="s">
        <v>3816</v>
      </c>
      <c r="PGE17" s="916" t="s">
        <v>3816</v>
      </c>
      <c r="PGF17" s="916" t="s">
        <v>3816</v>
      </c>
      <c r="PGG17" s="916" t="s">
        <v>3816</v>
      </c>
      <c r="PGH17" s="916" t="s">
        <v>3816</v>
      </c>
      <c r="PGI17" s="916" t="s">
        <v>3816</v>
      </c>
      <c r="PGJ17" s="916" t="s">
        <v>3816</v>
      </c>
      <c r="PGK17" s="916" t="s">
        <v>3816</v>
      </c>
      <c r="PGL17" s="916" t="s">
        <v>3816</v>
      </c>
      <c r="PGM17" s="916" t="s">
        <v>3816</v>
      </c>
      <c r="PGN17" s="916" t="s">
        <v>3816</v>
      </c>
      <c r="PGO17" s="916" t="s">
        <v>3816</v>
      </c>
      <c r="PGP17" s="916" t="s">
        <v>3816</v>
      </c>
      <c r="PGQ17" s="916" t="s">
        <v>3816</v>
      </c>
      <c r="PGR17" s="916" t="s">
        <v>3816</v>
      </c>
      <c r="PGS17" s="916" t="s">
        <v>3816</v>
      </c>
      <c r="PGT17" s="916" t="s">
        <v>3816</v>
      </c>
      <c r="PGU17" s="916" t="s">
        <v>3816</v>
      </c>
      <c r="PGV17" s="916" t="s">
        <v>3816</v>
      </c>
      <c r="PGW17" s="916" t="s">
        <v>3816</v>
      </c>
      <c r="PGX17" s="916" t="s">
        <v>3816</v>
      </c>
      <c r="PGY17" s="916" t="s">
        <v>3816</v>
      </c>
      <c r="PGZ17" s="916" t="s">
        <v>3816</v>
      </c>
      <c r="PHA17" s="916" t="s">
        <v>3816</v>
      </c>
      <c r="PHB17" s="916" t="s">
        <v>3816</v>
      </c>
      <c r="PHC17" s="916" t="s">
        <v>3816</v>
      </c>
      <c r="PHD17" s="916" t="s">
        <v>3816</v>
      </c>
      <c r="PHE17" s="916" t="s">
        <v>3816</v>
      </c>
      <c r="PHF17" s="916" t="s">
        <v>3816</v>
      </c>
      <c r="PHG17" s="916" t="s">
        <v>3816</v>
      </c>
      <c r="PHH17" s="916" t="s">
        <v>3816</v>
      </c>
      <c r="PHI17" s="916" t="s">
        <v>3816</v>
      </c>
      <c r="PHJ17" s="916" t="s">
        <v>3816</v>
      </c>
      <c r="PHK17" s="916" t="s">
        <v>3816</v>
      </c>
      <c r="PHL17" s="916" t="s">
        <v>3816</v>
      </c>
      <c r="PHM17" s="916" t="s">
        <v>3816</v>
      </c>
      <c r="PHN17" s="916" t="s">
        <v>3816</v>
      </c>
      <c r="PHO17" s="916" t="s">
        <v>3816</v>
      </c>
      <c r="PHP17" s="916" t="s">
        <v>3816</v>
      </c>
      <c r="PHQ17" s="916" t="s">
        <v>3816</v>
      </c>
      <c r="PHR17" s="916" t="s">
        <v>3816</v>
      </c>
      <c r="PHS17" s="916" t="s">
        <v>3816</v>
      </c>
      <c r="PHT17" s="916" t="s">
        <v>3816</v>
      </c>
      <c r="PHU17" s="916" t="s">
        <v>3816</v>
      </c>
      <c r="PHV17" s="916" t="s">
        <v>3816</v>
      </c>
      <c r="PHW17" s="916" t="s">
        <v>3816</v>
      </c>
      <c r="PHX17" s="916" t="s">
        <v>3816</v>
      </c>
      <c r="PHY17" s="916" t="s">
        <v>3816</v>
      </c>
      <c r="PHZ17" s="916" t="s">
        <v>3816</v>
      </c>
      <c r="PIA17" s="916" t="s">
        <v>3816</v>
      </c>
      <c r="PIB17" s="916" t="s">
        <v>3816</v>
      </c>
      <c r="PIC17" s="916" t="s">
        <v>3816</v>
      </c>
      <c r="PID17" s="916" t="s">
        <v>3816</v>
      </c>
      <c r="PIE17" s="916" t="s">
        <v>3816</v>
      </c>
      <c r="PIF17" s="916" t="s">
        <v>3816</v>
      </c>
      <c r="PIG17" s="916" t="s">
        <v>3816</v>
      </c>
      <c r="PIH17" s="916" t="s">
        <v>3816</v>
      </c>
      <c r="PII17" s="916" t="s">
        <v>3816</v>
      </c>
      <c r="PIJ17" s="916" t="s">
        <v>3816</v>
      </c>
      <c r="PIK17" s="916" t="s">
        <v>3816</v>
      </c>
      <c r="PIL17" s="916" t="s">
        <v>3816</v>
      </c>
      <c r="PIM17" s="916" t="s">
        <v>3816</v>
      </c>
      <c r="PIN17" s="916" t="s">
        <v>3816</v>
      </c>
      <c r="PIO17" s="916" t="s">
        <v>3816</v>
      </c>
      <c r="PIP17" s="916" t="s">
        <v>3816</v>
      </c>
      <c r="PIQ17" s="916" t="s">
        <v>3816</v>
      </c>
      <c r="PIR17" s="916" t="s">
        <v>3816</v>
      </c>
      <c r="PIS17" s="916" t="s">
        <v>3816</v>
      </c>
      <c r="PIT17" s="916" t="s">
        <v>3816</v>
      </c>
      <c r="PIU17" s="916" t="s">
        <v>3816</v>
      </c>
      <c r="PIV17" s="916" t="s">
        <v>3816</v>
      </c>
      <c r="PIW17" s="916" t="s">
        <v>3816</v>
      </c>
      <c r="PIX17" s="916" t="s">
        <v>3816</v>
      </c>
      <c r="PIY17" s="916" t="s">
        <v>3816</v>
      </c>
      <c r="PIZ17" s="916" t="s">
        <v>3816</v>
      </c>
      <c r="PJA17" s="916" t="s">
        <v>3816</v>
      </c>
      <c r="PJB17" s="916" t="s">
        <v>3816</v>
      </c>
      <c r="PJC17" s="916" t="s">
        <v>3816</v>
      </c>
      <c r="PJD17" s="916" t="s">
        <v>3816</v>
      </c>
      <c r="PJE17" s="916" t="s">
        <v>3816</v>
      </c>
      <c r="PJF17" s="916" t="s">
        <v>3816</v>
      </c>
      <c r="PJG17" s="916" t="s">
        <v>3816</v>
      </c>
      <c r="PJH17" s="916" t="s">
        <v>3816</v>
      </c>
      <c r="PJI17" s="916" t="s">
        <v>3816</v>
      </c>
      <c r="PJJ17" s="916" t="s">
        <v>3816</v>
      </c>
      <c r="PJK17" s="916" t="s">
        <v>3816</v>
      </c>
      <c r="PJL17" s="916" t="s">
        <v>3816</v>
      </c>
      <c r="PJM17" s="916" t="s">
        <v>3816</v>
      </c>
      <c r="PJN17" s="916" t="s">
        <v>3816</v>
      </c>
      <c r="PJO17" s="916" t="s">
        <v>3816</v>
      </c>
      <c r="PJP17" s="916" t="s">
        <v>3816</v>
      </c>
      <c r="PJQ17" s="916" t="s">
        <v>3816</v>
      </c>
      <c r="PJR17" s="916" t="s">
        <v>3816</v>
      </c>
      <c r="PJS17" s="916" t="s">
        <v>3816</v>
      </c>
      <c r="PJT17" s="916" t="s">
        <v>3816</v>
      </c>
      <c r="PJU17" s="916" t="s">
        <v>3816</v>
      </c>
      <c r="PJV17" s="916" t="s">
        <v>3816</v>
      </c>
      <c r="PJW17" s="916" t="s">
        <v>3816</v>
      </c>
      <c r="PJX17" s="916" t="s">
        <v>3816</v>
      </c>
      <c r="PJY17" s="916" t="s">
        <v>3816</v>
      </c>
      <c r="PJZ17" s="916" t="s">
        <v>3816</v>
      </c>
      <c r="PKA17" s="916" t="s">
        <v>3816</v>
      </c>
      <c r="PKB17" s="916" t="s">
        <v>3816</v>
      </c>
      <c r="PKC17" s="916" t="s">
        <v>3816</v>
      </c>
      <c r="PKD17" s="916" t="s">
        <v>3816</v>
      </c>
      <c r="PKE17" s="916" t="s">
        <v>3816</v>
      </c>
      <c r="PKF17" s="916" t="s">
        <v>3816</v>
      </c>
      <c r="PKG17" s="916" t="s">
        <v>3816</v>
      </c>
      <c r="PKH17" s="916" t="s">
        <v>3816</v>
      </c>
      <c r="PKI17" s="916" t="s">
        <v>3816</v>
      </c>
      <c r="PKJ17" s="916" t="s">
        <v>3816</v>
      </c>
      <c r="PKK17" s="916" t="s">
        <v>3816</v>
      </c>
      <c r="PKL17" s="916" t="s">
        <v>3816</v>
      </c>
      <c r="PKM17" s="916" t="s">
        <v>3816</v>
      </c>
      <c r="PKN17" s="916" t="s">
        <v>3816</v>
      </c>
      <c r="PKO17" s="916" t="s">
        <v>3816</v>
      </c>
      <c r="PKP17" s="916" t="s">
        <v>3816</v>
      </c>
      <c r="PKQ17" s="916" t="s">
        <v>3816</v>
      </c>
      <c r="PKR17" s="916" t="s">
        <v>3816</v>
      </c>
      <c r="PKS17" s="916" t="s">
        <v>3816</v>
      </c>
      <c r="PKT17" s="916" t="s">
        <v>3816</v>
      </c>
      <c r="PKU17" s="916" t="s">
        <v>3816</v>
      </c>
      <c r="PKV17" s="916" t="s">
        <v>3816</v>
      </c>
      <c r="PKW17" s="916" t="s">
        <v>3816</v>
      </c>
      <c r="PKX17" s="916" t="s">
        <v>3816</v>
      </c>
      <c r="PKY17" s="916" t="s">
        <v>3816</v>
      </c>
      <c r="PKZ17" s="916" t="s">
        <v>3816</v>
      </c>
      <c r="PLA17" s="916" t="s">
        <v>3816</v>
      </c>
      <c r="PLB17" s="916" t="s">
        <v>3816</v>
      </c>
      <c r="PLC17" s="916" t="s">
        <v>3816</v>
      </c>
      <c r="PLD17" s="916" t="s">
        <v>3816</v>
      </c>
      <c r="PLE17" s="916" t="s">
        <v>3816</v>
      </c>
      <c r="PLF17" s="916" t="s">
        <v>3816</v>
      </c>
      <c r="PLG17" s="916" t="s">
        <v>3816</v>
      </c>
      <c r="PLH17" s="916" t="s">
        <v>3816</v>
      </c>
      <c r="PLI17" s="916" t="s">
        <v>3816</v>
      </c>
      <c r="PLJ17" s="916" t="s">
        <v>3816</v>
      </c>
      <c r="PLK17" s="916" t="s">
        <v>3816</v>
      </c>
      <c r="PLL17" s="916" t="s">
        <v>3816</v>
      </c>
      <c r="PLM17" s="916" t="s">
        <v>3816</v>
      </c>
      <c r="PLN17" s="916" t="s">
        <v>3816</v>
      </c>
      <c r="PLO17" s="916" t="s">
        <v>3816</v>
      </c>
      <c r="PLP17" s="916" t="s">
        <v>3816</v>
      </c>
      <c r="PLQ17" s="916" t="s">
        <v>3816</v>
      </c>
      <c r="PLR17" s="916" t="s">
        <v>3816</v>
      </c>
      <c r="PLS17" s="916" t="s">
        <v>3816</v>
      </c>
      <c r="PLT17" s="916" t="s">
        <v>3816</v>
      </c>
      <c r="PLU17" s="916" t="s">
        <v>3816</v>
      </c>
      <c r="PLV17" s="916" t="s">
        <v>3816</v>
      </c>
      <c r="PLW17" s="916" t="s">
        <v>3816</v>
      </c>
      <c r="PLX17" s="916" t="s">
        <v>3816</v>
      </c>
      <c r="PLY17" s="916" t="s">
        <v>3816</v>
      </c>
      <c r="PLZ17" s="916" t="s">
        <v>3816</v>
      </c>
      <c r="PMA17" s="916" t="s">
        <v>3816</v>
      </c>
      <c r="PMB17" s="916" t="s">
        <v>3816</v>
      </c>
      <c r="PMC17" s="916" t="s">
        <v>3816</v>
      </c>
      <c r="PMD17" s="916" t="s">
        <v>3816</v>
      </c>
      <c r="PME17" s="916" t="s">
        <v>3816</v>
      </c>
      <c r="PMF17" s="916" t="s">
        <v>3816</v>
      </c>
      <c r="PMG17" s="916" t="s">
        <v>3816</v>
      </c>
      <c r="PMH17" s="916" t="s">
        <v>3816</v>
      </c>
      <c r="PMI17" s="916" t="s">
        <v>3816</v>
      </c>
      <c r="PMJ17" s="916" t="s">
        <v>3816</v>
      </c>
      <c r="PMK17" s="916" t="s">
        <v>3816</v>
      </c>
      <c r="PML17" s="916" t="s">
        <v>3816</v>
      </c>
      <c r="PMM17" s="916" t="s">
        <v>3816</v>
      </c>
      <c r="PMN17" s="916" t="s">
        <v>3816</v>
      </c>
      <c r="PMO17" s="916" t="s">
        <v>3816</v>
      </c>
      <c r="PMP17" s="916" t="s">
        <v>3816</v>
      </c>
      <c r="PMQ17" s="916" t="s">
        <v>3816</v>
      </c>
      <c r="PMR17" s="916" t="s">
        <v>3816</v>
      </c>
      <c r="PMS17" s="916" t="s">
        <v>3816</v>
      </c>
      <c r="PMT17" s="916" t="s">
        <v>3816</v>
      </c>
      <c r="PMU17" s="916" t="s">
        <v>3816</v>
      </c>
      <c r="PMV17" s="916" t="s">
        <v>3816</v>
      </c>
      <c r="PMW17" s="916" t="s">
        <v>3816</v>
      </c>
      <c r="PMX17" s="916" t="s">
        <v>3816</v>
      </c>
      <c r="PMY17" s="916" t="s">
        <v>3816</v>
      </c>
      <c r="PMZ17" s="916" t="s">
        <v>3816</v>
      </c>
      <c r="PNA17" s="916" t="s">
        <v>3816</v>
      </c>
      <c r="PNB17" s="916" t="s">
        <v>3816</v>
      </c>
      <c r="PNC17" s="916" t="s">
        <v>3816</v>
      </c>
      <c r="PND17" s="916" t="s">
        <v>3816</v>
      </c>
      <c r="PNE17" s="916" t="s">
        <v>3816</v>
      </c>
      <c r="PNF17" s="916" t="s">
        <v>3816</v>
      </c>
      <c r="PNG17" s="916" t="s">
        <v>3816</v>
      </c>
      <c r="PNH17" s="916" t="s">
        <v>3816</v>
      </c>
      <c r="PNI17" s="916" t="s">
        <v>3816</v>
      </c>
      <c r="PNJ17" s="916" t="s">
        <v>3816</v>
      </c>
      <c r="PNK17" s="916" t="s">
        <v>3816</v>
      </c>
      <c r="PNL17" s="916" t="s">
        <v>3816</v>
      </c>
      <c r="PNM17" s="916" t="s">
        <v>3816</v>
      </c>
      <c r="PNN17" s="916" t="s">
        <v>3816</v>
      </c>
      <c r="PNO17" s="916" t="s">
        <v>3816</v>
      </c>
      <c r="PNP17" s="916" t="s">
        <v>3816</v>
      </c>
      <c r="PNQ17" s="916" t="s">
        <v>3816</v>
      </c>
      <c r="PNR17" s="916" t="s">
        <v>3816</v>
      </c>
      <c r="PNS17" s="916" t="s">
        <v>3816</v>
      </c>
      <c r="PNT17" s="916" t="s">
        <v>3816</v>
      </c>
      <c r="PNU17" s="916" t="s">
        <v>3816</v>
      </c>
      <c r="PNV17" s="916" t="s">
        <v>3816</v>
      </c>
      <c r="PNW17" s="916" t="s">
        <v>3816</v>
      </c>
      <c r="PNX17" s="916" t="s">
        <v>3816</v>
      </c>
      <c r="PNY17" s="916" t="s">
        <v>3816</v>
      </c>
      <c r="PNZ17" s="916" t="s">
        <v>3816</v>
      </c>
      <c r="POA17" s="916" t="s">
        <v>3816</v>
      </c>
      <c r="POB17" s="916" t="s">
        <v>3816</v>
      </c>
      <c r="POC17" s="916" t="s">
        <v>3816</v>
      </c>
      <c r="POD17" s="916" t="s">
        <v>3816</v>
      </c>
      <c r="POE17" s="916" t="s">
        <v>3816</v>
      </c>
      <c r="POF17" s="916" t="s">
        <v>3816</v>
      </c>
      <c r="POG17" s="916" t="s">
        <v>3816</v>
      </c>
      <c r="POH17" s="916" t="s">
        <v>3816</v>
      </c>
      <c r="POI17" s="916" t="s">
        <v>3816</v>
      </c>
      <c r="POJ17" s="916" t="s">
        <v>3816</v>
      </c>
      <c r="POK17" s="916" t="s">
        <v>3816</v>
      </c>
      <c r="POL17" s="916" t="s">
        <v>3816</v>
      </c>
      <c r="POM17" s="916" t="s">
        <v>3816</v>
      </c>
      <c r="PON17" s="916" t="s">
        <v>3816</v>
      </c>
      <c r="POO17" s="916" t="s">
        <v>3816</v>
      </c>
      <c r="POP17" s="916" t="s">
        <v>3816</v>
      </c>
      <c r="POQ17" s="916" t="s">
        <v>3816</v>
      </c>
      <c r="POR17" s="916" t="s">
        <v>3816</v>
      </c>
      <c r="POS17" s="916" t="s">
        <v>3816</v>
      </c>
      <c r="POT17" s="916" t="s">
        <v>3816</v>
      </c>
      <c r="POU17" s="916" t="s">
        <v>3816</v>
      </c>
      <c r="POV17" s="916" t="s">
        <v>3816</v>
      </c>
      <c r="POW17" s="916" t="s">
        <v>3816</v>
      </c>
      <c r="POX17" s="916" t="s">
        <v>3816</v>
      </c>
      <c r="POY17" s="916" t="s">
        <v>3816</v>
      </c>
      <c r="POZ17" s="916" t="s">
        <v>3816</v>
      </c>
      <c r="PPA17" s="916" t="s">
        <v>3816</v>
      </c>
      <c r="PPB17" s="916" t="s">
        <v>3816</v>
      </c>
      <c r="PPC17" s="916" t="s">
        <v>3816</v>
      </c>
      <c r="PPD17" s="916" t="s">
        <v>3816</v>
      </c>
      <c r="PPE17" s="916" t="s">
        <v>3816</v>
      </c>
      <c r="PPF17" s="916" t="s">
        <v>3816</v>
      </c>
      <c r="PPG17" s="916" t="s">
        <v>3816</v>
      </c>
      <c r="PPH17" s="916" t="s">
        <v>3816</v>
      </c>
      <c r="PPI17" s="916" t="s">
        <v>3816</v>
      </c>
      <c r="PPJ17" s="916" t="s">
        <v>3816</v>
      </c>
      <c r="PPK17" s="916" t="s">
        <v>3816</v>
      </c>
      <c r="PPL17" s="916" t="s">
        <v>3816</v>
      </c>
      <c r="PPM17" s="916" t="s">
        <v>3816</v>
      </c>
      <c r="PPN17" s="916" t="s">
        <v>3816</v>
      </c>
      <c r="PPO17" s="916" t="s">
        <v>3816</v>
      </c>
      <c r="PPP17" s="916" t="s">
        <v>3816</v>
      </c>
      <c r="PPQ17" s="916" t="s">
        <v>3816</v>
      </c>
      <c r="PPR17" s="916" t="s">
        <v>3816</v>
      </c>
      <c r="PPS17" s="916" t="s">
        <v>3816</v>
      </c>
      <c r="PPT17" s="916" t="s">
        <v>3816</v>
      </c>
      <c r="PPU17" s="916" t="s">
        <v>3816</v>
      </c>
      <c r="PPV17" s="916" t="s">
        <v>3816</v>
      </c>
      <c r="PPW17" s="916" t="s">
        <v>3816</v>
      </c>
      <c r="PPX17" s="916" t="s">
        <v>3816</v>
      </c>
      <c r="PPY17" s="916" t="s">
        <v>3816</v>
      </c>
      <c r="PPZ17" s="916" t="s">
        <v>3816</v>
      </c>
      <c r="PQA17" s="916" t="s">
        <v>3816</v>
      </c>
      <c r="PQB17" s="916" t="s">
        <v>3816</v>
      </c>
      <c r="PQC17" s="916" t="s">
        <v>3816</v>
      </c>
      <c r="PQD17" s="916" t="s">
        <v>3816</v>
      </c>
      <c r="PQE17" s="916" t="s">
        <v>3816</v>
      </c>
      <c r="PQF17" s="916" t="s">
        <v>3816</v>
      </c>
      <c r="PQG17" s="916" t="s">
        <v>3816</v>
      </c>
      <c r="PQH17" s="916" t="s">
        <v>3816</v>
      </c>
      <c r="PQI17" s="916" t="s">
        <v>3816</v>
      </c>
      <c r="PQJ17" s="916" t="s">
        <v>3816</v>
      </c>
      <c r="PQK17" s="916" t="s">
        <v>3816</v>
      </c>
      <c r="PQL17" s="916" t="s">
        <v>3816</v>
      </c>
      <c r="PQM17" s="916" t="s">
        <v>3816</v>
      </c>
      <c r="PQN17" s="916" t="s">
        <v>3816</v>
      </c>
      <c r="PQO17" s="916" t="s">
        <v>3816</v>
      </c>
      <c r="PQP17" s="916" t="s">
        <v>3816</v>
      </c>
      <c r="PQQ17" s="916" t="s">
        <v>3816</v>
      </c>
      <c r="PQR17" s="916" t="s">
        <v>3816</v>
      </c>
      <c r="PQS17" s="916" t="s">
        <v>3816</v>
      </c>
      <c r="PQT17" s="916" t="s">
        <v>3816</v>
      </c>
      <c r="PQU17" s="916" t="s">
        <v>3816</v>
      </c>
      <c r="PQV17" s="916" t="s">
        <v>3816</v>
      </c>
      <c r="PQW17" s="916" t="s">
        <v>3816</v>
      </c>
      <c r="PQX17" s="916" t="s">
        <v>3816</v>
      </c>
      <c r="PQY17" s="916" t="s">
        <v>3816</v>
      </c>
      <c r="PQZ17" s="916" t="s">
        <v>3816</v>
      </c>
      <c r="PRA17" s="916" t="s">
        <v>3816</v>
      </c>
      <c r="PRB17" s="916" t="s">
        <v>3816</v>
      </c>
      <c r="PRC17" s="916" t="s">
        <v>3816</v>
      </c>
      <c r="PRD17" s="916" t="s">
        <v>3816</v>
      </c>
      <c r="PRE17" s="916" t="s">
        <v>3816</v>
      </c>
      <c r="PRF17" s="916" t="s">
        <v>3816</v>
      </c>
      <c r="PRG17" s="916" t="s">
        <v>3816</v>
      </c>
      <c r="PRH17" s="916" t="s">
        <v>3816</v>
      </c>
      <c r="PRI17" s="916" t="s">
        <v>3816</v>
      </c>
      <c r="PRJ17" s="916" t="s">
        <v>3816</v>
      </c>
      <c r="PRK17" s="916" t="s">
        <v>3816</v>
      </c>
      <c r="PRL17" s="916" t="s">
        <v>3816</v>
      </c>
      <c r="PRM17" s="916" t="s">
        <v>3816</v>
      </c>
      <c r="PRN17" s="916" t="s">
        <v>3816</v>
      </c>
      <c r="PRO17" s="916" t="s">
        <v>3816</v>
      </c>
      <c r="PRP17" s="916" t="s">
        <v>3816</v>
      </c>
      <c r="PRQ17" s="916" t="s">
        <v>3816</v>
      </c>
      <c r="PRR17" s="916" t="s">
        <v>3816</v>
      </c>
      <c r="PRS17" s="916" t="s">
        <v>3816</v>
      </c>
      <c r="PRT17" s="916" t="s">
        <v>3816</v>
      </c>
      <c r="PRU17" s="916" t="s">
        <v>3816</v>
      </c>
      <c r="PRV17" s="916" t="s">
        <v>3816</v>
      </c>
      <c r="PRW17" s="916" t="s">
        <v>3816</v>
      </c>
      <c r="PRX17" s="916" t="s">
        <v>3816</v>
      </c>
      <c r="PRY17" s="916" t="s">
        <v>3816</v>
      </c>
      <c r="PRZ17" s="916" t="s">
        <v>3816</v>
      </c>
      <c r="PSA17" s="916" t="s">
        <v>3816</v>
      </c>
      <c r="PSB17" s="916" t="s">
        <v>3816</v>
      </c>
      <c r="PSC17" s="916" t="s">
        <v>3816</v>
      </c>
      <c r="PSD17" s="916" t="s">
        <v>3816</v>
      </c>
      <c r="PSE17" s="916" t="s">
        <v>3816</v>
      </c>
      <c r="PSF17" s="916" t="s">
        <v>3816</v>
      </c>
      <c r="PSG17" s="916" t="s">
        <v>3816</v>
      </c>
      <c r="PSH17" s="916" t="s">
        <v>3816</v>
      </c>
      <c r="PSI17" s="916" t="s">
        <v>3816</v>
      </c>
      <c r="PSJ17" s="916" t="s">
        <v>3816</v>
      </c>
      <c r="PSK17" s="916" t="s">
        <v>3816</v>
      </c>
      <c r="PSL17" s="916" t="s">
        <v>3816</v>
      </c>
      <c r="PSM17" s="916" t="s">
        <v>3816</v>
      </c>
      <c r="PSN17" s="916" t="s">
        <v>3816</v>
      </c>
      <c r="PSO17" s="916" t="s">
        <v>3816</v>
      </c>
      <c r="PSP17" s="916" t="s">
        <v>3816</v>
      </c>
      <c r="PSQ17" s="916" t="s">
        <v>3816</v>
      </c>
      <c r="PSR17" s="916" t="s">
        <v>3816</v>
      </c>
      <c r="PSS17" s="916" t="s">
        <v>3816</v>
      </c>
      <c r="PST17" s="916" t="s">
        <v>3816</v>
      </c>
      <c r="PSU17" s="916" t="s">
        <v>3816</v>
      </c>
      <c r="PSV17" s="916" t="s">
        <v>3816</v>
      </c>
      <c r="PSW17" s="916" t="s">
        <v>3816</v>
      </c>
      <c r="PSX17" s="916" t="s">
        <v>3816</v>
      </c>
      <c r="PSY17" s="916" t="s">
        <v>3816</v>
      </c>
      <c r="PSZ17" s="916" t="s">
        <v>3816</v>
      </c>
      <c r="PTA17" s="916" t="s">
        <v>3816</v>
      </c>
      <c r="PTB17" s="916" t="s">
        <v>3816</v>
      </c>
      <c r="PTC17" s="916" t="s">
        <v>3816</v>
      </c>
      <c r="PTD17" s="916" t="s">
        <v>3816</v>
      </c>
      <c r="PTE17" s="916" t="s">
        <v>3816</v>
      </c>
      <c r="PTF17" s="916" t="s">
        <v>3816</v>
      </c>
      <c r="PTG17" s="916" t="s">
        <v>3816</v>
      </c>
      <c r="PTH17" s="916" t="s">
        <v>3816</v>
      </c>
      <c r="PTI17" s="916" t="s">
        <v>3816</v>
      </c>
      <c r="PTJ17" s="916" t="s">
        <v>3816</v>
      </c>
      <c r="PTK17" s="916" t="s">
        <v>3816</v>
      </c>
      <c r="PTL17" s="916" t="s">
        <v>3816</v>
      </c>
      <c r="PTM17" s="916" t="s">
        <v>3816</v>
      </c>
      <c r="PTN17" s="916" t="s">
        <v>3816</v>
      </c>
      <c r="PTO17" s="916" t="s">
        <v>3816</v>
      </c>
      <c r="PTP17" s="916" t="s">
        <v>3816</v>
      </c>
      <c r="PTQ17" s="916" t="s">
        <v>3816</v>
      </c>
      <c r="PTR17" s="916" t="s">
        <v>3816</v>
      </c>
      <c r="PTS17" s="916" t="s">
        <v>3816</v>
      </c>
      <c r="PTT17" s="916" t="s">
        <v>3816</v>
      </c>
      <c r="PTU17" s="916" t="s">
        <v>3816</v>
      </c>
      <c r="PTV17" s="916" t="s">
        <v>3816</v>
      </c>
      <c r="PTW17" s="916" t="s">
        <v>3816</v>
      </c>
      <c r="PTX17" s="916" t="s">
        <v>3816</v>
      </c>
      <c r="PTY17" s="916" t="s">
        <v>3816</v>
      </c>
      <c r="PTZ17" s="916" t="s">
        <v>3816</v>
      </c>
      <c r="PUA17" s="916" t="s">
        <v>3816</v>
      </c>
      <c r="PUB17" s="916" t="s">
        <v>3816</v>
      </c>
      <c r="PUC17" s="916" t="s">
        <v>3816</v>
      </c>
      <c r="PUD17" s="916" t="s">
        <v>3816</v>
      </c>
      <c r="PUE17" s="916" t="s">
        <v>3816</v>
      </c>
      <c r="PUF17" s="916" t="s">
        <v>3816</v>
      </c>
      <c r="PUG17" s="916" t="s">
        <v>3816</v>
      </c>
      <c r="PUH17" s="916" t="s">
        <v>3816</v>
      </c>
      <c r="PUI17" s="916" t="s">
        <v>3816</v>
      </c>
      <c r="PUJ17" s="916" t="s">
        <v>3816</v>
      </c>
      <c r="PUK17" s="916" t="s">
        <v>3816</v>
      </c>
      <c r="PUL17" s="916" t="s">
        <v>3816</v>
      </c>
      <c r="PUM17" s="916" t="s">
        <v>3816</v>
      </c>
      <c r="PUN17" s="916" t="s">
        <v>3816</v>
      </c>
      <c r="PUO17" s="916" t="s">
        <v>3816</v>
      </c>
      <c r="PUP17" s="916" t="s">
        <v>3816</v>
      </c>
      <c r="PUQ17" s="916" t="s">
        <v>3816</v>
      </c>
      <c r="PUR17" s="916" t="s">
        <v>3816</v>
      </c>
      <c r="PUS17" s="916" t="s">
        <v>3816</v>
      </c>
      <c r="PUT17" s="916" t="s">
        <v>3816</v>
      </c>
      <c r="PUU17" s="916" t="s">
        <v>3816</v>
      </c>
      <c r="PUV17" s="916" t="s">
        <v>3816</v>
      </c>
      <c r="PUW17" s="916" t="s">
        <v>3816</v>
      </c>
      <c r="PUX17" s="916" t="s">
        <v>3816</v>
      </c>
      <c r="PUY17" s="916" t="s">
        <v>3816</v>
      </c>
      <c r="PUZ17" s="916" t="s">
        <v>3816</v>
      </c>
      <c r="PVA17" s="916" t="s">
        <v>3816</v>
      </c>
      <c r="PVB17" s="916" t="s">
        <v>3816</v>
      </c>
      <c r="PVC17" s="916" t="s">
        <v>3816</v>
      </c>
      <c r="PVD17" s="916" t="s">
        <v>3816</v>
      </c>
      <c r="PVE17" s="916" t="s">
        <v>3816</v>
      </c>
      <c r="PVF17" s="916" t="s">
        <v>3816</v>
      </c>
      <c r="PVG17" s="916" t="s">
        <v>3816</v>
      </c>
      <c r="PVH17" s="916" t="s">
        <v>3816</v>
      </c>
      <c r="PVI17" s="916" t="s">
        <v>3816</v>
      </c>
      <c r="PVJ17" s="916" t="s">
        <v>3816</v>
      </c>
      <c r="PVK17" s="916" t="s">
        <v>3816</v>
      </c>
      <c r="PVL17" s="916" t="s">
        <v>3816</v>
      </c>
      <c r="PVM17" s="916" t="s">
        <v>3816</v>
      </c>
      <c r="PVN17" s="916" t="s">
        <v>3816</v>
      </c>
      <c r="PVO17" s="916" t="s">
        <v>3816</v>
      </c>
      <c r="PVP17" s="916" t="s">
        <v>3816</v>
      </c>
      <c r="PVQ17" s="916" t="s">
        <v>3816</v>
      </c>
      <c r="PVR17" s="916" t="s">
        <v>3816</v>
      </c>
      <c r="PVS17" s="916" t="s">
        <v>3816</v>
      </c>
      <c r="PVT17" s="916" t="s">
        <v>3816</v>
      </c>
      <c r="PVU17" s="916" t="s">
        <v>3816</v>
      </c>
      <c r="PVV17" s="916" t="s">
        <v>3816</v>
      </c>
      <c r="PVW17" s="916" t="s">
        <v>3816</v>
      </c>
      <c r="PVX17" s="916" t="s">
        <v>3816</v>
      </c>
      <c r="PVY17" s="916" t="s">
        <v>3816</v>
      </c>
      <c r="PVZ17" s="916" t="s">
        <v>3816</v>
      </c>
      <c r="PWA17" s="916" t="s">
        <v>3816</v>
      </c>
      <c r="PWB17" s="916" t="s">
        <v>3816</v>
      </c>
      <c r="PWC17" s="916" t="s">
        <v>3816</v>
      </c>
      <c r="PWD17" s="916" t="s">
        <v>3816</v>
      </c>
      <c r="PWE17" s="916" t="s">
        <v>3816</v>
      </c>
      <c r="PWF17" s="916" t="s">
        <v>3816</v>
      </c>
      <c r="PWG17" s="916" t="s">
        <v>3816</v>
      </c>
      <c r="PWH17" s="916" t="s">
        <v>3816</v>
      </c>
      <c r="PWI17" s="916" t="s">
        <v>3816</v>
      </c>
      <c r="PWJ17" s="916" t="s">
        <v>3816</v>
      </c>
      <c r="PWK17" s="916" t="s">
        <v>3816</v>
      </c>
      <c r="PWL17" s="916" t="s">
        <v>3816</v>
      </c>
      <c r="PWM17" s="916" t="s">
        <v>3816</v>
      </c>
      <c r="PWN17" s="916" t="s">
        <v>3816</v>
      </c>
      <c r="PWO17" s="916" t="s">
        <v>3816</v>
      </c>
      <c r="PWP17" s="916" t="s">
        <v>3816</v>
      </c>
      <c r="PWQ17" s="916" t="s">
        <v>3816</v>
      </c>
      <c r="PWR17" s="916" t="s">
        <v>3816</v>
      </c>
      <c r="PWS17" s="916" t="s">
        <v>3816</v>
      </c>
      <c r="PWT17" s="916" t="s">
        <v>3816</v>
      </c>
      <c r="PWU17" s="916" t="s">
        <v>3816</v>
      </c>
      <c r="PWV17" s="916" t="s">
        <v>3816</v>
      </c>
      <c r="PWW17" s="916" t="s">
        <v>3816</v>
      </c>
      <c r="PWX17" s="916" t="s">
        <v>3816</v>
      </c>
      <c r="PWY17" s="916" t="s">
        <v>3816</v>
      </c>
      <c r="PWZ17" s="916" t="s">
        <v>3816</v>
      </c>
      <c r="PXA17" s="916" t="s">
        <v>3816</v>
      </c>
      <c r="PXB17" s="916" t="s">
        <v>3816</v>
      </c>
      <c r="PXC17" s="916" t="s">
        <v>3816</v>
      </c>
      <c r="PXD17" s="916" t="s">
        <v>3816</v>
      </c>
      <c r="PXE17" s="916" t="s">
        <v>3816</v>
      </c>
      <c r="PXF17" s="916" t="s">
        <v>3816</v>
      </c>
      <c r="PXG17" s="916" t="s">
        <v>3816</v>
      </c>
      <c r="PXH17" s="916" t="s">
        <v>3816</v>
      </c>
      <c r="PXI17" s="916" t="s">
        <v>3816</v>
      </c>
      <c r="PXJ17" s="916" t="s">
        <v>3816</v>
      </c>
      <c r="PXK17" s="916" t="s">
        <v>3816</v>
      </c>
      <c r="PXL17" s="916" t="s">
        <v>3816</v>
      </c>
      <c r="PXM17" s="916" t="s">
        <v>3816</v>
      </c>
      <c r="PXN17" s="916" t="s">
        <v>3816</v>
      </c>
      <c r="PXO17" s="916" t="s">
        <v>3816</v>
      </c>
      <c r="PXP17" s="916" t="s">
        <v>3816</v>
      </c>
      <c r="PXQ17" s="916" t="s">
        <v>3816</v>
      </c>
      <c r="PXR17" s="916" t="s">
        <v>3816</v>
      </c>
      <c r="PXS17" s="916" t="s">
        <v>3816</v>
      </c>
      <c r="PXT17" s="916" t="s">
        <v>3816</v>
      </c>
      <c r="PXU17" s="916" t="s">
        <v>3816</v>
      </c>
      <c r="PXV17" s="916" t="s">
        <v>3816</v>
      </c>
      <c r="PXW17" s="916" t="s">
        <v>3816</v>
      </c>
      <c r="PXX17" s="916" t="s">
        <v>3816</v>
      </c>
      <c r="PXY17" s="916" t="s">
        <v>3816</v>
      </c>
      <c r="PXZ17" s="916" t="s">
        <v>3816</v>
      </c>
      <c r="PYA17" s="916" t="s">
        <v>3816</v>
      </c>
      <c r="PYB17" s="916" t="s">
        <v>3816</v>
      </c>
      <c r="PYC17" s="916" t="s">
        <v>3816</v>
      </c>
      <c r="PYD17" s="916" t="s">
        <v>3816</v>
      </c>
      <c r="PYE17" s="916" t="s">
        <v>3816</v>
      </c>
      <c r="PYF17" s="916" t="s">
        <v>3816</v>
      </c>
      <c r="PYG17" s="916" t="s">
        <v>3816</v>
      </c>
      <c r="PYH17" s="916" t="s">
        <v>3816</v>
      </c>
      <c r="PYI17" s="916" t="s">
        <v>3816</v>
      </c>
      <c r="PYJ17" s="916" t="s">
        <v>3816</v>
      </c>
      <c r="PYK17" s="916" t="s">
        <v>3816</v>
      </c>
      <c r="PYL17" s="916" t="s">
        <v>3816</v>
      </c>
      <c r="PYM17" s="916" t="s">
        <v>3816</v>
      </c>
      <c r="PYN17" s="916" t="s">
        <v>3816</v>
      </c>
      <c r="PYO17" s="916" t="s">
        <v>3816</v>
      </c>
      <c r="PYP17" s="916" t="s">
        <v>3816</v>
      </c>
      <c r="PYQ17" s="916" t="s">
        <v>3816</v>
      </c>
      <c r="PYR17" s="916" t="s">
        <v>3816</v>
      </c>
      <c r="PYS17" s="916" t="s">
        <v>3816</v>
      </c>
      <c r="PYT17" s="916" t="s">
        <v>3816</v>
      </c>
      <c r="PYU17" s="916" t="s">
        <v>3816</v>
      </c>
      <c r="PYV17" s="916" t="s">
        <v>3816</v>
      </c>
      <c r="PYW17" s="916" t="s">
        <v>3816</v>
      </c>
      <c r="PYX17" s="916" t="s">
        <v>3816</v>
      </c>
      <c r="PYY17" s="916" t="s">
        <v>3816</v>
      </c>
      <c r="PYZ17" s="916" t="s">
        <v>3816</v>
      </c>
      <c r="PZA17" s="916" t="s">
        <v>3816</v>
      </c>
      <c r="PZB17" s="916" t="s">
        <v>3816</v>
      </c>
      <c r="PZC17" s="916" t="s">
        <v>3816</v>
      </c>
      <c r="PZD17" s="916" t="s">
        <v>3816</v>
      </c>
      <c r="PZE17" s="916" t="s">
        <v>3816</v>
      </c>
      <c r="PZF17" s="916" t="s">
        <v>3816</v>
      </c>
      <c r="PZG17" s="916" t="s">
        <v>3816</v>
      </c>
      <c r="PZH17" s="916" t="s">
        <v>3816</v>
      </c>
      <c r="PZI17" s="916" t="s">
        <v>3816</v>
      </c>
      <c r="PZJ17" s="916" t="s">
        <v>3816</v>
      </c>
      <c r="PZK17" s="916" t="s">
        <v>3816</v>
      </c>
      <c r="PZL17" s="916" t="s">
        <v>3816</v>
      </c>
      <c r="PZM17" s="916" t="s">
        <v>3816</v>
      </c>
      <c r="PZN17" s="916" t="s">
        <v>3816</v>
      </c>
      <c r="PZO17" s="916" t="s">
        <v>3816</v>
      </c>
      <c r="PZP17" s="916" t="s">
        <v>3816</v>
      </c>
      <c r="PZQ17" s="916" t="s">
        <v>3816</v>
      </c>
      <c r="PZR17" s="916" t="s">
        <v>3816</v>
      </c>
      <c r="PZS17" s="916" t="s">
        <v>3816</v>
      </c>
      <c r="PZT17" s="916" t="s">
        <v>3816</v>
      </c>
      <c r="PZU17" s="916" t="s">
        <v>3816</v>
      </c>
      <c r="PZV17" s="916" t="s">
        <v>3816</v>
      </c>
      <c r="PZW17" s="916" t="s">
        <v>3816</v>
      </c>
      <c r="PZX17" s="916" t="s">
        <v>3816</v>
      </c>
      <c r="PZY17" s="916" t="s">
        <v>3816</v>
      </c>
      <c r="PZZ17" s="916" t="s">
        <v>3816</v>
      </c>
      <c r="QAA17" s="916" t="s">
        <v>3816</v>
      </c>
      <c r="QAB17" s="916" t="s">
        <v>3816</v>
      </c>
      <c r="QAC17" s="916" t="s">
        <v>3816</v>
      </c>
      <c r="QAD17" s="916" t="s">
        <v>3816</v>
      </c>
      <c r="QAE17" s="916" t="s">
        <v>3816</v>
      </c>
      <c r="QAF17" s="916" t="s">
        <v>3816</v>
      </c>
      <c r="QAG17" s="916" t="s">
        <v>3816</v>
      </c>
      <c r="QAH17" s="916" t="s">
        <v>3816</v>
      </c>
      <c r="QAI17" s="916" t="s">
        <v>3816</v>
      </c>
      <c r="QAJ17" s="916" t="s">
        <v>3816</v>
      </c>
      <c r="QAK17" s="916" t="s">
        <v>3816</v>
      </c>
      <c r="QAL17" s="916" t="s">
        <v>3816</v>
      </c>
      <c r="QAM17" s="916" t="s">
        <v>3816</v>
      </c>
      <c r="QAN17" s="916" t="s">
        <v>3816</v>
      </c>
      <c r="QAO17" s="916" t="s">
        <v>3816</v>
      </c>
      <c r="QAP17" s="916" t="s">
        <v>3816</v>
      </c>
      <c r="QAQ17" s="916" t="s">
        <v>3816</v>
      </c>
      <c r="QAR17" s="916" t="s">
        <v>3816</v>
      </c>
      <c r="QAS17" s="916" t="s">
        <v>3816</v>
      </c>
      <c r="QAT17" s="916" t="s">
        <v>3816</v>
      </c>
      <c r="QAU17" s="916" t="s">
        <v>3816</v>
      </c>
      <c r="QAV17" s="916" t="s">
        <v>3816</v>
      </c>
      <c r="QAW17" s="916" t="s">
        <v>3816</v>
      </c>
      <c r="QAX17" s="916" t="s">
        <v>3816</v>
      </c>
      <c r="QAY17" s="916" t="s">
        <v>3816</v>
      </c>
      <c r="QAZ17" s="916" t="s">
        <v>3816</v>
      </c>
      <c r="QBA17" s="916" t="s">
        <v>3816</v>
      </c>
      <c r="QBB17" s="916" t="s">
        <v>3816</v>
      </c>
      <c r="QBC17" s="916" t="s">
        <v>3816</v>
      </c>
      <c r="QBD17" s="916" t="s">
        <v>3816</v>
      </c>
      <c r="QBE17" s="916" t="s">
        <v>3816</v>
      </c>
      <c r="QBF17" s="916" t="s">
        <v>3816</v>
      </c>
      <c r="QBG17" s="916" t="s">
        <v>3816</v>
      </c>
      <c r="QBH17" s="916" t="s">
        <v>3816</v>
      </c>
      <c r="QBI17" s="916" t="s">
        <v>3816</v>
      </c>
      <c r="QBJ17" s="916" t="s">
        <v>3816</v>
      </c>
      <c r="QBK17" s="916" t="s">
        <v>3816</v>
      </c>
      <c r="QBL17" s="916" t="s">
        <v>3816</v>
      </c>
      <c r="QBM17" s="916" t="s">
        <v>3816</v>
      </c>
      <c r="QBN17" s="916" t="s">
        <v>3816</v>
      </c>
      <c r="QBO17" s="916" t="s">
        <v>3816</v>
      </c>
      <c r="QBP17" s="916" t="s">
        <v>3816</v>
      </c>
      <c r="QBQ17" s="916" t="s">
        <v>3816</v>
      </c>
      <c r="QBR17" s="916" t="s">
        <v>3816</v>
      </c>
      <c r="QBS17" s="916" t="s">
        <v>3816</v>
      </c>
      <c r="QBT17" s="916" t="s">
        <v>3816</v>
      </c>
      <c r="QBU17" s="916" t="s">
        <v>3816</v>
      </c>
      <c r="QBV17" s="916" t="s">
        <v>3816</v>
      </c>
      <c r="QBW17" s="916" t="s">
        <v>3816</v>
      </c>
      <c r="QBX17" s="916" t="s">
        <v>3816</v>
      </c>
      <c r="QBY17" s="916" t="s">
        <v>3816</v>
      </c>
      <c r="QBZ17" s="916" t="s">
        <v>3816</v>
      </c>
      <c r="QCA17" s="916" t="s">
        <v>3816</v>
      </c>
      <c r="QCB17" s="916" t="s">
        <v>3816</v>
      </c>
      <c r="QCC17" s="916" t="s">
        <v>3816</v>
      </c>
      <c r="QCD17" s="916" t="s">
        <v>3816</v>
      </c>
      <c r="QCE17" s="916" t="s">
        <v>3816</v>
      </c>
      <c r="QCF17" s="916" t="s">
        <v>3816</v>
      </c>
      <c r="QCG17" s="916" t="s">
        <v>3816</v>
      </c>
      <c r="QCH17" s="916" t="s">
        <v>3816</v>
      </c>
      <c r="QCI17" s="916" t="s">
        <v>3816</v>
      </c>
      <c r="QCJ17" s="916" t="s">
        <v>3816</v>
      </c>
      <c r="QCK17" s="916" t="s">
        <v>3816</v>
      </c>
      <c r="QCL17" s="916" t="s">
        <v>3816</v>
      </c>
      <c r="QCM17" s="916" t="s">
        <v>3816</v>
      </c>
      <c r="QCN17" s="916" t="s">
        <v>3816</v>
      </c>
      <c r="QCO17" s="916" t="s">
        <v>3816</v>
      </c>
      <c r="QCP17" s="916" t="s">
        <v>3816</v>
      </c>
      <c r="QCQ17" s="916" t="s">
        <v>3816</v>
      </c>
      <c r="QCR17" s="916" t="s">
        <v>3816</v>
      </c>
      <c r="QCS17" s="916" t="s">
        <v>3816</v>
      </c>
      <c r="QCT17" s="916" t="s">
        <v>3816</v>
      </c>
      <c r="QCU17" s="916" t="s">
        <v>3816</v>
      </c>
      <c r="QCV17" s="916" t="s">
        <v>3816</v>
      </c>
      <c r="QCW17" s="916" t="s">
        <v>3816</v>
      </c>
      <c r="QCX17" s="916" t="s">
        <v>3816</v>
      </c>
      <c r="QCY17" s="916" t="s">
        <v>3816</v>
      </c>
      <c r="QCZ17" s="916" t="s">
        <v>3816</v>
      </c>
      <c r="QDA17" s="916" t="s">
        <v>3816</v>
      </c>
      <c r="QDB17" s="916" t="s">
        <v>3816</v>
      </c>
      <c r="QDC17" s="916" t="s">
        <v>3816</v>
      </c>
      <c r="QDD17" s="916" t="s">
        <v>3816</v>
      </c>
      <c r="QDE17" s="916" t="s">
        <v>3816</v>
      </c>
      <c r="QDF17" s="916" t="s">
        <v>3816</v>
      </c>
      <c r="QDG17" s="916" t="s">
        <v>3816</v>
      </c>
      <c r="QDH17" s="916" t="s">
        <v>3816</v>
      </c>
      <c r="QDI17" s="916" t="s">
        <v>3816</v>
      </c>
      <c r="QDJ17" s="916" t="s">
        <v>3816</v>
      </c>
      <c r="QDK17" s="916" t="s">
        <v>3816</v>
      </c>
      <c r="QDL17" s="916" t="s">
        <v>3816</v>
      </c>
      <c r="QDM17" s="916" t="s">
        <v>3816</v>
      </c>
      <c r="QDN17" s="916" t="s">
        <v>3816</v>
      </c>
      <c r="QDO17" s="916" t="s">
        <v>3816</v>
      </c>
      <c r="QDP17" s="916" t="s">
        <v>3816</v>
      </c>
      <c r="QDQ17" s="916" t="s">
        <v>3816</v>
      </c>
      <c r="QDR17" s="916" t="s">
        <v>3816</v>
      </c>
      <c r="QDS17" s="916" t="s">
        <v>3816</v>
      </c>
      <c r="QDT17" s="916" t="s">
        <v>3816</v>
      </c>
      <c r="QDU17" s="916" t="s">
        <v>3816</v>
      </c>
      <c r="QDV17" s="916" t="s">
        <v>3816</v>
      </c>
      <c r="QDW17" s="916" t="s">
        <v>3816</v>
      </c>
      <c r="QDX17" s="916" t="s">
        <v>3816</v>
      </c>
      <c r="QDY17" s="916" t="s">
        <v>3816</v>
      </c>
      <c r="QDZ17" s="916" t="s">
        <v>3816</v>
      </c>
      <c r="QEA17" s="916" t="s">
        <v>3816</v>
      </c>
      <c r="QEB17" s="916" t="s">
        <v>3816</v>
      </c>
      <c r="QEC17" s="916" t="s">
        <v>3816</v>
      </c>
      <c r="QED17" s="916" t="s">
        <v>3816</v>
      </c>
      <c r="QEE17" s="916" t="s">
        <v>3816</v>
      </c>
      <c r="QEF17" s="916" t="s">
        <v>3816</v>
      </c>
      <c r="QEG17" s="916" t="s">
        <v>3816</v>
      </c>
      <c r="QEH17" s="916" t="s">
        <v>3816</v>
      </c>
      <c r="QEI17" s="916" t="s">
        <v>3816</v>
      </c>
      <c r="QEJ17" s="916" t="s">
        <v>3816</v>
      </c>
      <c r="QEK17" s="916" t="s">
        <v>3816</v>
      </c>
      <c r="QEL17" s="916" t="s">
        <v>3816</v>
      </c>
      <c r="QEM17" s="916" t="s">
        <v>3816</v>
      </c>
      <c r="QEN17" s="916" t="s">
        <v>3816</v>
      </c>
      <c r="QEO17" s="916" t="s">
        <v>3816</v>
      </c>
      <c r="QEP17" s="916" t="s">
        <v>3816</v>
      </c>
      <c r="QEQ17" s="916" t="s">
        <v>3816</v>
      </c>
      <c r="QER17" s="916" t="s">
        <v>3816</v>
      </c>
      <c r="QES17" s="916" t="s">
        <v>3816</v>
      </c>
      <c r="QET17" s="916" t="s">
        <v>3816</v>
      </c>
      <c r="QEU17" s="916" t="s">
        <v>3816</v>
      </c>
      <c r="QEV17" s="916" t="s">
        <v>3816</v>
      </c>
      <c r="QEW17" s="916" t="s">
        <v>3816</v>
      </c>
      <c r="QEX17" s="916" t="s">
        <v>3816</v>
      </c>
      <c r="QEY17" s="916" t="s">
        <v>3816</v>
      </c>
      <c r="QEZ17" s="916" t="s">
        <v>3816</v>
      </c>
      <c r="QFA17" s="916" t="s">
        <v>3816</v>
      </c>
      <c r="QFB17" s="916" t="s">
        <v>3816</v>
      </c>
      <c r="QFC17" s="916" t="s">
        <v>3816</v>
      </c>
      <c r="QFD17" s="916" t="s">
        <v>3816</v>
      </c>
      <c r="QFE17" s="916" t="s">
        <v>3816</v>
      </c>
      <c r="QFF17" s="916" t="s">
        <v>3816</v>
      </c>
      <c r="QFG17" s="916" t="s">
        <v>3816</v>
      </c>
      <c r="QFH17" s="916" t="s">
        <v>3816</v>
      </c>
      <c r="QFI17" s="916" t="s">
        <v>3816</v>
      </c>
      <c r="QFJ17" s="916" t="s">
        <v>3816</v>
      </c>
      <c r="QFK17" s="916" t="s">
        <v>3816</v>
      </c>
      <c r="QFL17" s="916" t="s">
        <v>3816</v>
      </c>
      <c r="QFM17" s="916" t="s">
        <v>3816</v>
      </c>
      <c r="QFN17" s="916" t="s">
        <v>3816</v>
      </c>
      <c r="QFO17" s="916" t="s">
        <v>3816</v>
      </c>
      <c r="QFP17" s="916" t="s">
        <v>3816</v>
      </c>
      <c r="QFQ17" s="916" t="s">
        <v>3816</v>
      </c>
      <c r="QFR17" s="916" t="s">
        <v>3816</v>
      </c>
      <c r="QFS17" s="916" t="s">
        <v>3816</v>
      </c>
      <c r="QFT17" s="916" t="s">
        <v>3816</v>
      </c>
      <c r="QFU17" s="916" t="s">
        <v>3816</v>
      </c>
      <c r="QFV17" s="916" t="s">
        <v>3816</v>
      </c>
      <c r="QFW17" s="916" t="s">
        <v>3816</v>
      </c>
      <c r="QFX17" s="916" t="s">
        <v>3816</v>
      </c>
      <c r="QFY17" s="916" t="s">
        <v>3816</v>
      </c>
      <c r="QFZ17" s="916" t="s">
        <v>3816</v>
      </c>
      <c r="QGA17" s="916" t="s">
        <v>3816</v>
      </c>
      <c r="QGB17" s="916" t="s">
        <v>3816</v>
      </c>
      <c r="QGC17" s="916" t="s">
        <v>3816</v>
      </c>
      <c r="QGD17" s="916" t="s">
        <v>3816</v>
      </c>
      <c r="QGE17" s="916" t="s">
        <v>3816</v>
      </c>
      <c r="QGF17" s="916" t="s">
        <v>3816</v>
      </c>
      <c r="QGG17" s="916" t="s">
        <v>3816</v>
      </c>
      <c r="QGH17" s="916" t="s">
        <v>3816</v>
      </c>
      <c r="QGI17" s="916" t="s">
        <v>3816</v>
      </c>
      <c r="QGJ17" s="916" t="s">
        <v>3816</v>
      </c>
      <c r="QGK17" s="916" t="s">
        <v>3816</v>
      </c>
      <c r="QGL17" s="916" t="s">
        <v>3816</v>
      </c>
      <c r="QGM17" s="916" t="s">
        <v>3816</v>
      </c>
      <c r="QGN17" s="916" t="s">
        <v>3816</v>
      </c>
      <c r="QGO17" s="916" t="s">
        <v>3816</v>
      </c>
      <c r="QGP17" s="916" t="s">
        <v>3816</v>
      </c>
      <c r="QGQ17" s="916" t="s">
        <v>3816</v>
      </c>
      <c r="QGR17" s="916" t="s">
        <v>3816</v>
      </c>
      <c r="QGS17" s="916" t="s">
        <v>3816</v>
      </c>
      <c r="QGT17" s="916" t="s">
        <v>3816</v>
      </c>
      <c r="QGU17" s="916" t="s">
        <v>3816</v>
      </c>
      <c r="QGV17" s="916" t="s">
        <v>3816</v>
      </c>
      <c r="QGW17" s="916" t="s">
        <v>3816</v>
      </c>
      <c r="QGX17" s="916" t="s">
        <v>3816</v>
      </c>
      <c r="QGY17" s="916" t="s">
        <v>3816</v>
      </c>
      <c r="QGZ17" s="916" t="s">
        <v>3816</v>
      </c>
      <c r="QHA17" s="916" t="s">
        <v>3816</v>
      </c>
      <c r="QHB17" s="916" t="s">
        <v>3816</v>
      </c>
      <c r="QHC17" s="916" t="s">
        <v>3816</v>
      </c>
      <c r="QHD17" s="916" t="s">
        <v>3816</v>
      </c>
      <c r="QHE17" s="916" t="s">
        <v>3816</v>
      </c>
      <c r="QHF17" s="916" t="s">
        <v>3816</v>
      </c>
      <c r="QHG17" s="916" t="s">
        <v>3816</v>
      </c>
      <c r="QHH17" s="916" t="s">
        <v>3816</v>
      </c>
      <c r="QHI17" s="916" t="s">
        <v>3816</v>
      </c>
      <c r="QHJ17" s="916" t="s">
        <v>3816</v>
      </c>
      <c r="QHK17" s="916" t="s">
        <v>3816</v>
      </c>
      <c r="QHL17" s="916" t="s">
        <v>3816</v>
      </c>
      <c r="QHM17" s="916" t="s">
        <v>3816</v>
      </c>
      <c r="QHN17" s="916" t="s">
        <v>3816</v>
      </c>
      <c r="QHO17" s="916" t="s">
        <v>3816</v>
      </c>
      <c r="QHP17" s="916" t="s">
        <v>3816</v>
      </c>
      <c r="QHQ17" s="916" t="s">
        <v>3816</v>
      </c>
      <c r="QHR17" s="916" t="s">
        <v>3816</v>
      </c>
      <c r="QHS17" s="916" t="s">
        <v>3816</v>
      </c>
      <c r="QHT17" s="916" t="s">
        <v>3816</v>
      </c>
      <c r="QHU17" s="916" t="s">
        <v>3816</v>
      </c>
      <c r="QHV17" s="916" t="s">
        <v>3816</v>
      </c>
      <c r="QHW17" s="916" t="s">
        <v>3816</v>
      </c>
      <c r="QHX17" s="916" t="s">
        <v>3816</v>
      </c>
      <c r="QHY17" s="916" t="s">
        <v>3816</v>
      </c>
      <c r="QHZ17" s="916" t="s">
        <v>3816</v>
      </c>
      <c r="QIA17" s="916" t="s">
        <v>3816</v>
      </c>
      <c r="QIB17" s="916" t="s">
        <v>3816</v>
      </c>
      <c r="QIC17" s="916" t="s">
        <v>3816</v>
      </c>
      <c r="QID17" s="916" t="s">
        <v>3816</v>
      </c>
      <c r="QIE17" s="916" t="s">
        <v>3816</v>
      </c>
      <c r="QIF17" s="916" t="s">
        <v>3816</v>
      </c>
      <c r="QIG17" s="916" t="s">
        <v>3816</v>
      </c>
      <c r="QIH17" s="916" t="s">
        <v>3816</v>
      </c>
      <c r="QII17" s="916" t="s">
        <v>3816</v>
      </c>
      <c r="QIJ17" s="916" t="s">
        <v>3816</v>
      </c>
      <c r="QIK17" s="916" t="s">
        <v>3816</v>
      </c>
      <c r="QIL17" s="916" t="s">
        <v>3816</v>
      </c>
      <c r="QIM17" s="916" t="s">
        <v>3816</v>
      </c>
      <c r="QIN17" s="916" t="s">
        <v>3816</v>
      </c>
      <c r="QIO17" s="916" t="s">
        <v>3816</v>
      </c>
      <c r="QIP17" s="916" t="s">
        <v>3816</v>
      </c>
      <c r="QIQ17" s="916" t="s">
        <v>3816</v>
      </c>
      <c r="QIR17" s="916" t="s">
        <v>3816</v>
      </c>
      <c r="QIS17" s="916" t="s">
        <v>3816</v>
      </c>
      <c r="QIT17" s="916" t="s">
        <v>3816</v>
      </c>
      <c r="QIU17" s="916" t="s">
        <v>3816</v>
      </c>
      <c r="QIV17" s="916" t="s">
        <v>3816</v>
      </c>
      <c r="QIW17" s="916" t="s">
        <v>3816</v>
      </c>
      <c r="QIX17" s="916" t="s">
        <v>3816</v>
      </c>
      <c r="QIY17" s="916" t="s">
        <v>3816</v>
      </c>
      <c r="QIZ17" s="916" t="s">
        <v>3816</v>
      </c>
      <c r="QJA17" s="916" t="s">
        <v>3816</v>
      </c>
      <c r="QJB17" s="916" t="s">
        <v>3816</v>
      </c>
      <c r="QJC17" s="916" t="s">
        <v>3816</v>
      </c>
      <c r="QJD17" s="916" t="s">
        <v>3816</v>
      </c>
      <c r="QJE17" s="916" t="s">
        <v>3816</v>
      </c>
      <c r="QJF17" s="916" t="s">
        <v>3816</v>
      </c>
      <c r="QJG17" s="916" t="s">
        <v>3816</v>
      </c>
      <c r="QJH17" s="916" t="s">
        <v>3816</v>
      </c>
      <c r="QJI17" s="916" t="s">
        <v>3816</v>
      </c>
      <c r="QJJ17" s="916" t="s">
        <v>3816</v>
      </c>
      <c r="QJK17" s="916" t="s">
        <v>3816</v>
      </c>
      <c r="QJL17" s="916" t="s">
        <v>3816</v>
      </c>
      <c r="QJM17" s="916" t="s">
        <v>3816</v>
      </c>
      <c r="QJN17" s="916" t="s">
        <v>3816</v>
      </c>
      <c r="QJO17" s="916" t="s">
        <v>3816</v>
      </c>
      <c r="QJP17" s="916" t="s">
        <v>3816</v>
      </c>
      <c r="QJQ17" s="916" t="s">
        <v>3816</v>
      </c>
      <c r="QJR17" s="916" t="s">
        <v>3816</v>
      </c>
      <c r="QJS17" s="916" t="s">
        <v>3816</v>
      </c>
      <c r="QJT17" s="916" t="s">
        <v>3816</v>
      </c>
      <c r="QJU17" s="916" t="s">
        <v>3816</v>
      </c>
      <c r="QJV17" s="916" t="s">
        <v>3816</v>
      </c>
      <c r="QJW17" s="916" t="s">
        <v>3816</v>
      </c>
      <c r="QJX17" s="916" t="s">
        <v>3816</v>
      </c>
      <c r="QJY17" s="916" t="s">
        <v>3816</v>
      </c>
      <c r="QJZ17" s="916" t="s">
        <v>3816</v>
      </c>
      <c r="QKA17" s="916" t="s">
        <v>3816</v>
      </c>
      <c r="QKB17" s="916" t="s">
        <v>3816</v>
      </c>
      <c r="QKC17" s="916" t="s">
        <v>3816</v>
      </c>
      <c r="QKD17" s="916" t="s">
        <v>3816</v>
      </c>
      <c r="QKE17" s="916" t="s">
        <v>3816</v>
      </c>
      <c r="QKF17" s="916" t="s">
        <v>3816</v>
      </c>
      <c r="QKG17" s="916" t="s">
        <v>3816</v>
      </c>
      <c r="QKH17" s="916" t="s">
        <v>3816</v>
      </c>
      <c r="QKI17" s="916" t="s">
        <v>3816</v>
      </c>
      <c r="QKJ17" s="916" t="s">
        <v>3816</v>
      </c>
      <c r="QKK17" s="916" t="s">
        <v>3816</v>
      </c>
      <c r="QKL17" s="916" t="s">
        <v>3816</v>
      </c>
      <c r="QKM17" s="916" t="s">
        <v>3816</v>
      </c>
      <c r="QKN17" s="916" t="s">
        <v>3816</v>
      </c>
      <c r="QKO17" s="916" t="s">
        <v>3816</v>
      </c>
      <c r="QKP17" s="916" t="s">
        <v>3816</v>
      </c>
      <c r="QKQ17" s="916" t="s">
        <v>3816</v>
      </c>
      <c r="QKR17" s="916" t="s">
        <v>3816</v>
      </c>
      <c r="QKS17" s="916" t="s">
        <v>3816</v>
      </c>
      <c r="QKT17" s="916" t="s">
        <v>3816</v>
      </c>
      <c r="QKU17" s="916" t="s">
        <v>3816</v>
      </c>
      <c r="QKV17" s="916" t="s">
        <v>3816</v>
      </c>
      <c r="QKW17" s="916" t="s">
        <v>3816</v>
      </c>
      <c r="QKX17" s="916" t="s">
        <v>3816</v>
      </c>
      <c r="QKY17" s="916" t="s">
        <v>3816</v>
      </c>
      <c r="QKZ17" s="916" t="s">
        <v>3816</v>
      </c>
      <c r="QLA17" s="916" t="s">
        <v>3816</v>
      </c>
      <c r="QLB17" s="916" t="s">
        <v>3816</v>
      </c>
      <c r="QLC17" s="916" t="s">
        <v>3816</v>
      </c>
      <c r="QLD17" s="916" t="s">
        <v>3816</v>
      </c>
      <c r="QLE17" s="916" t="s">
        <v>3816</v>
      </c>
      <c r="QLF17" s="916" t="s">
        <v>3816</v>
      </c>
      <c r="QLG17" s="916" t="s">
        <v>3816</v>
      </c>
      <c r="QLH17" s="916" t="s">
        <v>3816</v>
      </c>
      <c r="QLI17" s="916" t="s">
        <v>3816</v>
      </c>
      <c r="QLJ17" s="916" t="s">
        <v>3816</v>
      </c>
      <c r="QLK17" s="916" t="s">
        <v>3816</v>
      </c>
      <c r="QLL17" s="916" t="s">
        <v>3816</v>
      </c>
      <c r="QLM17" s="916" t="s">
        <v>3816</v>
      </c>
      <c r="QLN17" s="916" t="s">
        <v>3816</v>
      </c>
      <c r="QLO17" s="916" t="s">
        <v>3816</v>
      </c>
      <c r="QLP17" s="916" t="s">
        <v>3816</v>
      </c>
      <c r="QLQ17" s="916" t="s">
        <v>3816</v>
      </c>
      <c r="QLR17" s="916" t="s">
        <v>3816</v>
      </c>
      <c r="QLS17" s="916" t="s">
        <v>3816</v>
      </c>
      <c r="QLT17" s="916" t="s">
        <v>3816</v>
      </c>
      <c r="QLU17" s="916" t="s">
        <v>3816</v>
      </c>
      <c r="QLV17" s="916" t="s">
        <v>3816</v>
      </c>
      <c r="QLW17" s="916" t="s">
        <v>3816</v>
      </c>
      <c r="QLX17" s="916" t="s">
        <v>3816</v>
      </c>
      <c r="QLY17" s="916" t="s">
        <v>3816</v>
      </c>
      <c r="QLZ17" s="916" t="s">
        <v>3816</v>
      </c>
      <c r="QMA17" s="916" t="s">
        <v>3816</v>
      </c>
      <c r="QMB17" s="916" t="s">
        <v>3816</v>
      </c>
      <c r="QMC17" s="916" t="s">
        <v>3816</v>
      </c>
      <c r="QMD17" s="916" t="s">
        <v>3816</v>
      </c>
      <c r="QME17" s="916" t="s">
        <v>3816</v>
      </c>
      <c r="QMF17" s="916" t="s">
        <v>3816</v>
      </c>
      <c r="QMG17" s="916" t="s">
        <v>3816</v>
      </c>
      <c r="QMH17" s="916" t="s">
        <v>3816</v>
      </c>
      <c r="QMI17" s="916" t="s">
        <v>3816</v>
      </c>
      <c r="QMJ17" s="916" t="s">
        <v>3816</v>
      </c>
      <c r="QMK17" s="916" t="s">
        <v>3816</v>
      </c>
      <c r="QML17" s="916" t="s">
        <v>3816</v>
      </c>
      <c r="QMM17" s="916" t="s">
        <v>3816</v>
      </c>
      <c r="QMN17" s="916" t="s">
        <v>3816</v>
      </c>
      <c r="QMO17" s="916" t="s">
        <v>3816</v>
      </c>
      <c r="QMP17" s="916" t="s">
        <v>3816</v>
      </c>
      <c r="QMQ17" s="916" t="s">
        <v>3816</v>
      </c>
      <c r="QMR17" s="916" t="s">
        <v>3816</v>
      </c>
      <c r="QMS17" s="916" t="s">
        <v>3816</v>
      </c>
      <c r="QMT17" s="916" t="s">
        <v>3816</v>
      </c>
      <c r="QMU17" s="916" t="s">
        <v>3816</v>
      </c>
      <c r="QMV17" s="916" t="s">
        <v>3816</v>
      </c>
      <c r="QMW17" s="916" t="s">
        <v>3816</v>
      </c>
      <c r="QMX17" s="916" t="s">
        <v>3816</v>
      </c>
      <c r="QMY17" s="916" t="s">
        <v>3816</v>
      </c>
      <c r="QMZ17" s="916" t="s">
        <v>3816</v>
      </c>
      <c r="QNA17" s="916" t="s">
        <v>3816</v>
      </c>
      <c r="QNB17" s="916" t="s">
        <v>3816</v>
      </c>
      <c r="QNC17" s="916" t="s">
        <v>3816</v>
      </c>
      <c r="QND17" s="916" t="s">
        <v>3816</v>
      </c>
      <c r="QNE17" s="916" t="s">
        <v>3816</v>
      </c>
      <c r="QNF17" s="916" t="s">
        <v>3816</v>
      </c>
      <c r="QNG17" s="916" t="s">
        <v>3816</v>
      </c>
      <c r="QNH17" s="916" t="s">
        <v>3816</v>
      </c>
      <c r="QNI17" s="916" t="s">
        <v>3816</v>
      </c>
      <c r="QNJ17" s="916" t="s">
        <v>3816</v>
      </c>
      <c r="QNK17" s="916" t="s">
        <v>3816</v>
      </c>
      <c r="QNL17" s="916" t="s">
        <v>3816</v>
      </c>
      <c r="QNM17" s="916" t="s">
        <v>3816</v>
      </c>
      <c r="QNN17" s="916" t="s">
        <v>3816</v>
      </c>
      <c r="QNO17" s="916" t="s">
        <v>3816</v>
      </c>
      <c r="QNP17" s="916" t="s">
        <v>3816</v>
      </c>
      <c r="QNQ17" s="916" t="s">
        <v>3816</v>
      </c>
      <c r="QNR17" s="916" t="s">
        <v>3816</v>
      </c>
      <c r="QNS17" s="916" t="s">
        <v>3816</v>
      </c>
      <c r="QNT17" s="916" t="s">
        <v>3816</v>
      </c>
      <c r="QNU17" s="916" t="s">
        <v>3816</v>
      </c>
      <c r="QNV17" s="916" t="s">
        <v>3816</v>
      </c>
      <c r="QNW17" s="916" t="s">
        <v>3816</v>
      </c>
      <c r="QNX17" s="916" t="s">
        <v>3816</v>
      </c>
      <c r="QNY17" s="916" t="s">
        <v>3816</v>
      </c>
      <c r="QNZ17" s="916" t="s">
        <v>3816</v>
      </c>
      <c r="QOA17" s="916" t="s">
        <v>3816</v>
      </c>
      <c r="QOB17" s="916" t="s">
        <v>3816</v>
      </c>
      <c r="QOC17" s="916" t="s">
        <v>3816</v>
      </c>
      <c r="QOD17" s="916" t="s">
        <v>3816</v>
      </c>
      <c r="QOE17" s="916" t="s">
        <v>3816</v>
      </c>
      <c r="QOF17" s="916" t="s">
        <v>3816</v>
      </c>
      <c r="QOG17" s="916" t="s">
        <v>3816</v>
      </c>
      <c r="QOH17" s="916" t="s">
        <v>3816</v>
      </c>
      <c r="QOI17" s="916" t="s">
        <v>3816</v>
      </c>
      <c r="QOJ17" s="916" t="s">
        <v>3816</v>
      </c>
      <c r="QOK17" s="916" t="s">
        <v>3816</v>
      </c>
      <c r="QOL17" s="916" t="s">
        <v>3816</v>
      </c>
      <c r="QOM17" s="916" t="s">
        <v>3816</v>
      </c>
      <c r="QON17" s="916" t="s">
        <v>3816</v>
      </c>
      <c r="QOO17" s="916" t="s">
        <v>3816</v>
      </c>
      <c r="QOP17" s="916" t="s">
        <v>3816</v>
      </c>
      <c r="QOQ17" s="916" t="s">
        <v>3816</v>
      </c>
      <c r="QOR17" s="916" t="s">
        <v>3816</v>
      </c>
      <c r="QOS17" s="916" t="s">
        <v>3816</v>
      </c>
      <c r="QOT17" s="916" t="s">
        <v>3816</v>
      </c>
      <c r="QOU17" s="916" t="s">
        <v>3816</v>
      </c>
      <c r="QOV17" s="916" t="s">
        <v>3816</v>
      </c>
      <c r="QOW17" s="916" t="s">
        <v>3816</v>
      </c>
      <c r="QOX17" s="916" t="s">
        <v>3816</v>
      </c>
      <c r="QOY17" s="916" t="s">
        <v>3816</v>
      </c>
      <c r="QOZ17" s="916" t="s">
        <v>3816</v>
      </c>
      <c r="QPA17" s="916" t="s">
        <v>3816</v>
      </c>
      <c r="QPB17" s="916" t="s">
        <v>3816</v>
      </c>
      <c r="QPC17" s="916" t="s">
        <v>3816</v>
      </c>
      <c r="QPD17" s="916" t="s">
        <v>3816</v>
      </c>
      <c r="QPE17" s="916" t="s">
        <v>3816</v>
      </c>
      <c r="QPF17" s="916" t="s">
        <v>3816</v>
      </c>
      <c r="QPG17" s="916" t="s">
        <v>3816</v>
      </c>
      <c r="QPH17" s="916" t="s">
        <v>3816</v>
      </c>
      <c r="QPI17" s="916" t="s">
        <v>3816</v>
      </c>
      <c r="QPJ17" s="916" t="s">
        <v>3816</v>
      </c>
      <c r="QPK17" s="916" t="s">
        <v>3816</v>
      </c>
      <c r="QPL17" s="916" t="s">
        <v>3816</v>
      </c>
      <c r="QPM17" s="916" t="s">
        <v>3816</v>
      </c>
      <c r="QPN17" s="916" t="s">
        <v>3816</v>
      </c>
      <c r="QPO17" s="916" t="s">
        <v>3816</v>
      </c>
      <c r="QPP17" s="916" t="s">
        <v>3816</v>
      </c>
      <c r="QPQ17" s="916" t="s">
        <v>3816</v>
      </c>
      <c r="QPR17" s="916" t="s">
        <v>3816</v>
      </c>
      <c r="QPS17" s="916" t="s">
        <v>3816</v>
      </c>
      <c r="QPT17" s="916" t="s">
        <v>3816</v>
      </c>
      <c r="QPU17" s="916" t="s">
        <v>3816</v>
      </c>
      <c r="QPV17" s="916" t="s">
        <v>3816</v>
      </c>
      <c r="QPW17" s="916" t="s">
        <v>3816</v>
      </c>
      <c r="QPX17" s="916" t="s">
        <v>3816</v>
      </c>
      <c r="QPY17" s="916" t="s">
        <v>3816</v>
      </c>
      <c r="QPZ17" s="916" t="s">
        <v>3816</v>
      </c>
      <c r="QQA17" s="916" t="s">
        <v>3816</v>
      </c>
      <c r="QQB17" s="916" t="s">
        <v>3816</v>
      </c>
      <c r="QQC17" s="916" t="s">
        <v>3816</v>
      </c>
      <c r="QQD17" s="916" t="s">
        <v>3816</v>
      </c>
      <c r="QQE17" s="916" t="s">
        <v>3816</v>
      </c>
      <c r="QQF17" s="916" t="s">
        <v>3816</v>
      </c>
      <c r="QQG17" s="916" t="s">
        <v>3816</v>
      </c>
      <c r="QQH17" s="916" t="s">
        <v>3816</v>
      </c>
      <c r="QQI17" s="916" t="s">
        <v>3816</v>
      </c>
      <c r="QQJ17" s="916" t="s">
        <v>3816</v>
      </c>
      <c r="QQK17" s="916" t="s">
        <v>3816</v>
      </c>
      <c r="QQL17" s="916" t="s">
        <v>3816</v>
      </c>
      <c r="QQM17" s="916" t="s">
        <v>3816</v>
      </c>
      <c r="QQN17" s="916" t="s">
        <v>3816</v>
      </c>
      <c r="QQO17" s="916" t="s">
        <v>3816</v>
      </c>
      <c r="QQP17" s="916" t="s">
        <v>3816</v>
      </c>
      <c r="QQQ17" s="916" t="s">
        <v>3816</v>
      </c>
      <c r="QQR17" s="916" t="s">
        <v>3816</v>
      </c>
      <c r="QQS17" s="916" t="s">
        <v>3816</v>
      </c>
      <c r="QQT17" s="916" t="s">
        <v>3816</v>
      </c>
      <c r="QQU17" s="916" t="s">
        <v>3816</v>
      </c>
      <c r="QQV17" s="916" t="s">
        <v>3816</v>
      </c>
      <c r="QQW17" s="916" t="s">
        <v>3816</v>
      </c>
      <c r="QQX17" s="916" t="s">
        <v>3816</v>
      </c>
      <c r="QQY17" s="916" t="s">
        <v>3816</v>
      </c>
      <c r="QQZ17" s="916" t="s">
        <v>3816</v>
      </c>
      <c r="QRA17" s="916" t="s">
        <v>3816</v>
      </c>
      <c r="QRB17" s="916" t="s">
        <v>3816</v>
      </c>
      <c r="QRC17" s="916" t="s">
        <v>3816</v>
      </c>
      <c r="QRD17" s="916" t="s">
        <v>3816</v>
      </c>
      <c r="QRE17" s="916" t="s">
        <v>3816</v>
      </c>
      <c r="QRF17" s="916" t="s">
        <v>3816</v>
      </c>
      <c r="QRG17" s="916" t="s">
        <v>3816</v>
      </c>
      <c r="QRH17" s="916" t="s">
        <v>3816</v>
      </c>
      <c r="QRI17" s="916" t="s">
        <v>3816</v>
      </c>
      <c r="QRJ17" s="916" t="s">
        <v>3816</v>
      </c>
      <c r="QRK17" s="916" t="s">
        <v>3816</v>
      </c>
      <c r="QRL17" s="916" t="s">
        <v>3816</v>
      </c>
      <c r="QRM17" s="916" t="s">
        <v>3816</v>
      </c>
      <c r="QRN17" s="916" t="s">
        <v>3816</v>
      </c>
      <c r="QRO17" s="916" t="s">
        <v>3816</v>
      </c>
      <c r="QRP17" s="916" t="s">
        <v>3816</v>
      </c>
      <c r="QRQ17" s="916" t="s">
        <v>3816</v>
      </c>
      <c r="QRR17" s="916" t="s">
        <v>3816</v>
      </c>
      <c r="QRS17" s="916" t="s">
        <v>3816</v>
      </c>
      <c r="QRT17" s="916" t="s">
        <v>3816</v>
      </c>
      <c r="QRU17" s="916" t="s">
        <v>3816</v>
      </c>
      <c r="QRV17" s="916" t="s">
        <v>3816</v>
      </c>
      <c r="QRW17" s="916" t="s">
        <v>3816</v>
      </c>
      <c r="QRX17" s="916" t="s">
        <v>3816</v>
      </c>
      <c r="QRY17" s="916" t="s">
        <v>3816</v>
      </c>
      <c r="QRZ17" s="916" t="s">
        <v>3816</v>
      </c>
      <c r="QSA17" s="916" t="s">
        <v>3816</v>
      </c>
      <c r="QSB17" s="916" t="s">
        <v>3816</v>
      </c>
      <c r="QSC17" s="916" t="s">
        <v>3816</v>
      </c>
      <c r="QSD17" s="916" t="s">
        <v>3816</v>
      </c>
      <c r="QSE17" s="916" t="s">
        <v>3816</v>
      </c>
      <c r="QSF17" s="916" t="s">
        <v>3816</v>
      </c>
      <c r="QSG17" s="916" t="s">
        <v>3816</v>
      </c>
      <c r="QSH17" s="916" t="s">
        <v>3816</v>
      </c>
      <c r="QSI17" s="916" t="s">
        <v>3816</v>
      </c>
      <c r="QSJ17" s="916" t="s">
        <v>3816</v>
      </c>
      <c r="QSK17" s="916" t="s">
        <v>3816</v>
      </c>
      <c r="QSL17" s="916" t="s">
        <v>3816</v>
      </c>
      <c r="QSM17" s="916" t="s">
        <v>3816</v>
      </c>
      <c r="QSN17" s="916" t="s">
        <v>3816</v>
      </c>
      <c r="QSO17" s="916" t="s">
        <v>3816</v>
      </c>
      <c r="QSP17" s="916" t="s">
        <v>3816</v>
      </c>
      <c r="QSQ17" s="916" t="s">
        <v>3816</v>
      </c>
      <c r="QSR17" s="916" t="s">
        <v>3816</v>
      </c>
      <c r="QSS17" s="916" t="s">
        <v>3816</v>
      </c>
      <c r="QST17" s="916" t="s">
        <v>3816</v>
      </c>
      <c r="QSU17" s="916" t="s">
        <v>3816</v>
      </c>
      <c r="QSV17" s="916" t="s">
        <v>3816</v>
      </c>
      <c r="QSW17" s="916" t="s">
        <v>3816</v>
      </c>
      <c r="QSX17" s="916" t="s">
        <v>3816</v>
      </c>
      <c r="QSY17" s="916" t="s">
        <v>3816</v>
      </c>
      <c r="QSZ17" s="916" t="s">
        <v>3816</v>
      </c>
      <c r="QTA17" s="916" t="s">
        <v>3816</v>
      </c>
      <c r="QTB17" s="916" t="s">
        <v>3816</v>
      </c>
      <c r="QTC17" s="916" t="s">
        <v>3816</v>
      </c>
      <c r="QTD17" s="916" t="s">
        <v>3816</v>
      </c>
      <c r="QTE17" s="916" t="s">
        <v>3816</v>
      </c>
      <c r="QTF17" s="916" t="s">
        <v>3816</v>
      </c>
      <c r="QTG17" s="916" t="s">
        <v>3816</v>
      </c>
      <c r="QTH17" s="916" t="s">
        <v>3816</v>
      </c>
      <c r="QTI17" s="916" t="s">
        <v>3816</v>
      </c>
      <c r="QTJ17" s="916" t="s">
        <v>3816</v>
      </c>
      <c r="QTK17" s="916" t="s">
        <v>3816</v>
      </c>
      <c r="QTL17" s="916" t="s">
        <v>3816</v>
      </c>
      <c r="QTM17" s="916" t="s">
        <v>3816</v>
      </c>
      <c r="QTN17" s="916" t="s">
        <v>3816</v>
      </c>
      <c r="QTO17" s="916" t="s">
        <v>3816</v>
      </c>
      <c r="QTP17" s="916" t="s">
        <v>3816</v>
      </c>
      <c r="QTQ17" s="916" t="s">
        <v>3816</v>
      </c>
      <c r="QTR17" s="916" t="s">
        <v>3816</v>
      </c>
      <c r="QTS17" s="916" t="s">
        <v>3816</v>
      </c>
      <c r="QTT17" s="916" t="s">
        <v>3816</v>
      </c>
      <c r="QTU17" s="916" t="s">
        <v>3816</v>
      </c>
      <c r="QTV17" s="916" t="s">
        <v>3816</v>
      </c>
      <c r="QTW17" s="916" t="s">
        <v>3816</v>
      </c>
      <c r="QTX17" s="916" t="s">
        <v>3816</v>
      </c>
      <c r="QTY17" s="916" t="s">
        <v>3816</v>
      </c>
      <c r="QTZ17" s="916" t="s">
        <v>3816</v>
      </c>
      <c r="QUA17" s="916" t="s">
        <v>3816</v>
      </c>
      <c r="QUB17" s="916" t="s">
        <v>3816</v>
      </c>
      <c r="QUC17" s="916" t="s">
        <v>3816</v>
      </c>
      <c r="QUD17" s="916" t="s">
        <v>3816</v>
      </c>
      <c r="QUE17" s="916" t="s">
        <v>3816</v>
      </c>
      <c r="QUF17" s="916" t="s">
        <v>3816</v>
      </c>
      <c r="QUG17" s="916" t="s">
        <v>3816</v>
      </c>
      <c r="QUH17" s="916" t="s">
        <v>3816</v>
      </c>
      <c r="QUI17" s="916" t="s">
        <v>3816</v>
      </c>
      <c r="QUJ17" s="916" t="s">
        <v>3816</v>
      </c>
      <c r="QUK17" s="916" t="s">
        <v>3816</v>
      </c>
      <c r="QUL17" s="916" t="s">
        <v>3816</v>
      </c>
      <c r="QUM17" s="916" t="s">
        <v>3816</v>
      </c>
      <c r="QUN17" s="916" t="s">
        <v>3816</v>
      </c>
      <c r="QUO17" s="916" t="s">
        <v>3816</v>
      </c>
      <c r="QUP17" s="916" t="s">
        <v>3816</v>
      </c>
      <c r="QUQ17" s="916" t="s">
        <v>3816</v>
      </c>
      <c r="QUR17" s="916" t="s">
        <v>3816</v>
      </c>
      <c r="QUS17" s="916" t="s">
        <v>3816</v>
      </c>
      <c r="QUT17" s="916" t="s">
        <v>3816</v>
      </c>
      <c r="QUU17" s="916" t="s">
        <v>3816</v>
      </c>
      <c r="QUV17" s="916" t="s">
        <v>3816</v>
      </c>
      <c r="QUW17" s="916" t="s">
        <v>3816</v>
      </c>
      <c r="QUX17" s="916" t="s">
        <v>3816</v>
      </c>
      <c r="QUY17" s="916" t="s">
        <v>3816</v>
      </c>
      <c r="QUZ17" s="916" t="s">
        <v>3816</v>
      </c>
      <c r="QVA17" s="916" t="s">
        <v>3816</v>
      </c>
      <c r="QVB17" s="916" t="s">
        <v>3816</v>
      </c>
      <c r="QVC17" s="916" t="s">
        <v>3816</v>
      </c>
      <c r="QVD17" s="916" t="s">
        <v>3816</v>
      </c>
      <c r="QVE17" s="916" t="s">
        <v>3816</v>
      </c>
      <c r="QVF17" s="916" t="s">
        <v>3816</v>
      </c>
      <c r="QVG17" s="916" t="s">
        <v>3816</v>
      </c>
      <c r="QVH17" s="916" t="s">
        <v>3816</v>
      </c>
      <c r="QVI17" s="916" t="s">
        <v>3816</v>
      </c>
      <c r="QVJ17" s="916" t="s">
        <v>3816</v>
      </c>
      <c r="QVK17" s="916" t="s">
        <v>3816</v>
      </c>
      <c r="QVL17" s="916" t="s">
        <v>3816</v>
      </c>
      <c r="QVM17" s="916" t="s">
        <v>3816</v>
      </c>
      <c r="QVN17" s="916" t="s">
        <v>3816</v>
      </c>
      <c r="QVO17" s="916" t="s">
        <v>3816</v>
      </c>
      <c r="QVP17" s="916" t="s">
        <v>3816</v>
      </c>
      <c r="QVQ17" s="916" t="s">
        <v>3816</v>
      </c>
      <c r="QVR17" s="916" t="s">
        <v>3816</v>
      </c>
      <c r="QVS17" s="916" t="s">
        <v>3816</v>
      </c>
      <c r="QVT17" s="916" t="s">
        <v>3816</v>
      </c>
      <c r="QVU17" s="916" t="s">
        <v>3816</v>
      </c>
      <c r="QVV17" s="916" t="s">
        <v>3816</v>
      </c>
      <c r="QVW17" s="916" t="s">
        <v>3816</v>
      </c>
      <c r="QVX17" s="916" t="s">
        <v>3816</v>
      </c>
      <c r="QVY17" s="916" t="s">
        <v>3816</v>
      </c>
      <c r="QVZ17" s="916" t="s">
        <v>3816</v>
      </c>
      <c r="QWA17" s="916" t="s">
        <v>3816</v>
      </c>
      <c r="QWB17" s="916" t="s">
        <v>3816</v>
      </c>
      <c r="QWC17" s="916" t="s">
        <v>3816</v>
      </c>
      <c r="QWD17" s="916" t="s">
        <v>3816</v>
      </c>
      <c r="QWE17" s="916" t="s">
        <v>3816</v>
      </c>
      <c r="QWF17" s="916" t="s">
        <v>3816</v>
      </c>
      <c r="QWG17" s="916" t="s">
        <v>3816</v>
      </c>
      <c r="QWH17" s="916" t="s">
        <v>3816</v>
      </c>
      <c r="QWI17" s="916" t="s">
        <v>3816</v>
      </c>
      <c r="QWJ17" s="916" t="s">
        <v>3816</v>
      </c>
      <c r="QWK17" s="916" t="s">
        <v>3816</v>
      </c>
      <c r="QWL17" s="916" t="s">
        <v>3816</v>
      </c>
      <c r="QWM17" s="916" t="s">
        <v>3816</v>
      </c>
      <c r="QWN17" s="916" t="s">
        <v>3816</v>
      </c>
      <c r="QWO17" s="916" t="s">
        <v>3816</v>
      </c>
      <c r="QWP17" s="916" t="s">
        <v>3816</v>
      </c>
      <c r="QWQ17" s="916" t="s">
        <v>3816</v>
      </c>
      <c r="QWR17" s="916" t="s">
        <v>3816</v>
      </c>
      <c r="QWS17" s="916" t="s">
        <v>3816</v>
      </c>
      <c r="QWT17" s="916" t="s">
        <v>3816</v>
      </c>
      <c r="QWU17" s="916" t="s">
        <v>3816</v>
      </c>
      <c r="QWV17" s="916" t="s">
        <v>3816</v>
      </c>
      <c r="QWW17" s="916" t="s">
        <v>3816</v>
      </c>
      <c r="QWX17" s="916" t="s">
        <v>3816</v>
      </c>
      <c r="QWY17" s="916" t="s">
        <v>3816</v>
      </c>
      <c r="QWZ17" s="916" t="s">
        <v>3816</v>
      </c>
      <c r="QXA17" s="916" t="s">
        <v>3816</v>
      </c>
      <c r="QXB17" s="916" t="s">
        <v>3816</v>
      </c>
      <c r="QXC17" s="916" t="s">
        <v>3816</v>
      </c>
      <c r="QXD17" s="916" t="s">
        <v>3816</v>
      </c>
      <c r="QXE17" s="916" t="s">
        <v>3816</v>
      </c>
      <c r="QXF17" s="916" t="s">
        <v>3816</v>
      </c>
      <c r="QXG17" s="916" t="s">
        <v>3816</v>
      </c>
      <c r="QXH17" s="916" t="s">
        <v>3816</v>
      </c>
      <c r="QXI17" s="916" t="s">
        <v>3816</v>
      </c>
      <c r="QXJ17" s="916" t="s">
        <v>3816</v>
      </c>
      <c r="QXK17" s="916" t="s">
        <v>3816</v>
      </c>
      <c r="QXL17" s="916" t="s">
        <v>3816</v>
      </c>
      <c r="QXM17" s="916" t="s">
        <v>3816</v>
      </c>
      <c r="QXN17" s="916" t="s">
        <v>3816</v>
      </c>
      <c r="QXO17" s="916" t="s">
        <v>3816</v>
      </c>
      <c r="QXP17" s="916" t="s">
        <v>3816</v>
      </c>
      <c r="QXQ17" s="916" t="s">
        <v>3816</v>
      </c>
      <c r="QXR17" s="916" t="s">
        <v>3816</v>
      </c>
      <c r="QXS17" s="916" t="s">
        <v>3816</v>
      </c>
      <c r="QXT17" s="916" t="s">
        <v>3816</v>
      </c>
      <c r="QXU17" s="916" t="s">
        <v>3816</v>
      </c>
      <c r="QXV17" s="916" t="s">
        <v>3816</v>
      </c>
      <c r="QXW17" s="916" t="s">
        <v>3816</v>
      </c>
      <c r="QXX17" s="916" t="s">
        <v>3816</v>
      </c>
      <c r="QXY17" s="916" t="s">
        <v>3816</v>
      </c>
      <c r="QXZ17" s="916" t="s">
        <v>3816</v>
      </c>
      <c r="QYA17" s="916" t="s">
        <v>3816</v>
      </c>
      <c r="QYB17" s="916" t="s">
        <v>3816</v>
      </c>
      <c r="QYC17" s="916" t="s">
        <v>3816</v>
      </c>
      <c r="QYD17" s="916" t="s">
        <v>3816</v>
      </c>
      <c r="QYE17" s="916" t="s">
        <v>3816</v>
      </c>
      <c r="QYF17" s="916" t="s">
        <v>3816</v>
      </c>
      <c r="QYG17" s="916" t="s">
        <v>3816</v>
      </c>
      <c r="QYH17" s="916" t="s">
        <v>3816</v>
      </c>
      <c r="QYI17" s="916" t="s">
        <v>3816</v>
      </c>
      <c r="QYJ17" s="916" t="s">
        <v>3816</v>
      </c>
      <c r="QYK17" s="916" t="s">
        <v>3816</v>
      </c>
      <c r="QYL17" s="916" t="s">
        <v>3816</v>
      </c>
      <c r="QYM17" s="916" t="s">
        <v>3816</v>
      </c>
      <c r="QYN17" s="916" t="s">
        <v>3816</v>
      </c>
      <c r="QYO17" s="916" t="s">
        <v>3816</v>
      </c>
      <c r="QYP17" s="916" t="s">
        <v>3816</v>
      </c>
      <c r="QYQ17" s="916" t="s">
        <v>3816</v>
      </c>
      <c r="QYR17" s="916" t="s">
        <v>3816</v>
      </c>
      <c r="QYS17" s="916" t="s">
        <v>3816</v>
      </c>
      <c r="QYT17" s="916" t="s">
        <v>3816</v>
      </c>
      <c r="QYU17" s="916" t="s">
        <v>3816</v>
      </c>
      <c r="QYV17" s="916" t="s">
        <v>3816</v>
      </c>
      <c r="QYW17" s="916" t="s">
        <v>3816</v>
      </c>
      <c r="QYX17" s="916" t="s">
        <v>3816</v>
      </c>
      <c r="QYY17" s="916" t="s">
        <v>3816</v>
      </c>
      <c r="QYZ17" s="916" t="s">
        <v>3816</v>
      </c>
      <c r="QZA17" s="916" t="s">
        <v>3816</v>
      </c>
      <c r="QZB17" s="916" t="s">
        <v>3816</v>
      </c>
      <c r="QZC17" s="916" t="s">
        <v>3816</v>
      </c>
      <c r="QZD17" s="916" t="s">
        <v>3816</v>
      </c>
      <c r="QZE17" s="916" t="s">
        <v>3816</v>
      </c>
      <c r="QZF17" s="916" t="s">
        <v>3816</v>
      </c>
      <c r="QZG17" s="916" t="s">
        <v>3816</v>
      </c>
      <c r="QZH17" s="916" t="s">
        <v>3816</v>
      </c>
      <c r="QZI17" s="916" t="s">
        <v>3816</v>
      </c>
      <c r="QZJ17" s="916" t="s">
        <v>3816</v>
      </c>
      <c r="QZK17" s="916" t="s">
        <v>3816</v>
      </c>
      <c r="QZL17" s="916" t="s">
        <v>3816</v>
      </c>
      <c r="QZM17" s="916" t="s">
        <v>3816</v>
      </c>
      <c r="QZN17" s="916" t="s">
        <v>3816</v>
      </c>
      <c r="QZO17" s="916" t="s">
        <v>3816</v>
      </c>
      <c r="QZP17" s="916" t="s">
        <v>3816</v>
      </c>
      <c r="QZQ17" s="916" t="s">
        <v>3816</v>
      </c>
      <c r="QZR17" s="916" t="s">
        <v>3816</v>
      </c>
      <c r="QZS17" s="916" t="s">
        <v>3816</v>
      </c>
      <c r="QZT17" s="916" t="s">
        <v>3816</v>
      </c>
      <c r="QZU17" s="916" t="s">
        <v>3816</v>
      </c>
      <c r="QZV17" s="916" t="s">
        <v>3816</v>
      </c>
      <c r="QZW17" s="916" t="s">
        <v>3816</v>
      </c>
      <c r="QZX17" s="916" t="s">
        <v>3816</v>
      </c>
      <c r="QZY17" s="916" t="s">
        <v>3816</v>
      </c>
      <c r="QZZ17" s="916" t="s">
        <v>3816</v>
      </c>
      <c r="RAA17" s="916" t="s">
        <v>3816</v>
      </c>
      <c r="RAB17" s="916" t="s">
        <v>3816</v>
      </c>
      <c r="RAC17" s="916" t="s">
        <v>3816</v>
      </c>
      <c r="RAD17" s="916" t="s">
        <v>3816</v>
      </c>
      <c r="RAE17" s="916" t="s">
        <v>3816</v>
      </c>
      <c r="RAF17" s="916" t="s">
        <v>3816</v>
      </c>
      <c r="RAG17" s="916" t="s">
        <v>3816</v>
      </c>
      <c r="RAH17" s="916" t="s">
        <v>3816</v>
      </c>
      <c r="RAI17" s="916" t="s">
        <v>3816</v>
      </c>
      <c r="RAJ17" s="916" t="s">
        <v>3816</v>
      </c>
      <c r="RAK17" s="916" t="s">
        <v>3816</v>
      </c>
      <c r="RAL17" s="916" t="s">
        <v>3816</v>
      </c>
      <c r="RAM17" s="916" t="s">
        <v>3816</v>
      </c>
      <c r="RAN17" s="916" t="s">
        <v>3816</v>
      </c>
      <c r="RAO17" s="916" t="s">
        <v>3816</v>
      </c>
      <c r="RAP17" s="916" t="s">
        <v>3816</v>
      </c>
      <c r="RAQ17" s="916" t="s">
        <v>3816</v>
      </c>
      <c r="RAR17" s="916" t="s">
        <v>3816</v>
      </c>
      <c r="RAS17" s="916" t="s">
        <v>3816</v>
      </c>
      <c r="RAT17" s="916" t="s">
        <v>3816</v>
      </c>
      <c r="RAU17" s="916" t="s">
        <v>3816</v>
      </c>
      <c r="RAV17" s="916" t="s">
        <v>3816</v>
      </c>
      <c r="RAW17" s="916" t="s">
        <v>3816</v>
      </c>
      <c r="RAX17" s="916" t="s">
        <v>3816</v>
      </c>
      <c r="RAY17" s="916" t="s">
        <v>3816</v>
      </c>
      <c r="RAZ17" s="916" t="s">
        <v>3816</v>
      </c>
      <c r="RBA17" s="916" t="s">
        <v>3816</v>
      </c>
      <c r="RBB17" s="916" t="s">
        <v>3816</v>
      </c>
      <c r="RBC17" s="916" t="s">
        <v>3816</v>
      </c>
      <c r="RBD17" s="916" t="s">
        <v>3816</v>
      </c>
      <c r="RBE17" s="916" t="s">
        <v>3816</v>
      </c>
      <c r="RBF17" s="916" t="s">
        <v>3816</v>
      </c>
      <c r="RBG17" s="916" t="s">
        <v>3816</v>
      </c>
      <c r="RBH17" s="916" t="s">
        <v>3816</v>
      </c>
      <c r="RBI17" s="916" t="s">
        <v>3816</v>
      </c>
      <c r="RBJ17" s="916" t="s">
        <v>3816</v>
      </c>
      <c r="RBK17" s="916" t="s">
        <v>3816</v>
      </c>
      <c r="RBL17" s="916" t="s">
        <v>3816</v>
      </c>
      <c r="RBM17" s="916" t="s">
        <v>3816</v>
      </c>
      <c r="RBN17" s="916" t="s">
        <v>3816</v>
      </c>
      <c r="RBO17" s="916" t="s">
        <v>3816</v>
      </c>
      <c r="RBP17" s="916" t="s">
        <v>3816</v>
      </c>
      <c r="RBQ17" s="916" t="s">
        <v>3816</v>
      </c>
      <c r="RBR17" s="916" t="s">
        <v>3816</v>
      </c>
      <c r="RBS17" s="916" t="s">
        <v>3816</v>
      </c>
      <c r="RBT17" s="916" t="s">
        <v>3816</v>
      </c>
      <c r="RBU17" s="916" t="s">
        <v>3816</v>
      </c>
      <c r="RBV17" s="916" t="s">
        <v>3816</v>
      </c>
      <c r="RBW17" s="916" t="s">
        <v>3816</v>
      </c>
      <c r="RBX17" s="916" t="s">
        <v>3816</v>
      </c>
      <c r="RBY17" s="916" t="s">
        <v>3816</v>
      </c>
      <c r="RBZ17" s="916" t="s">
        <v>3816</v>
      </c>
      <c r="RCA17" s="916" t="s">
        <v>3816</v>
      </c>
      <c r="RCB17" s="916" t="s">
        <v>3816</v>
      </c>
      <c r="RCC17" s="916" t="s">
        <v>3816</v>
      </c>
      <c r="RCD17" s="916" t="s">
        <v>3816</v>
      </c>
      <c r="RCE17" s="916" t="s">
        <v>3816</v>
      </c>
      <c r="RCF17" s="916" t="s">
        <v>3816</v>
      </c>
      <c r="RCG17" s="916" t="s">
        <v>3816</v>
      </c>
      <c r="RCH17" s="916" t="s">
        <v>3816</v>
      </c>
      <c r="RCI17" s="916" t="s">
        <v>3816</v>
      </c>
      <c r="RCJ17" s="916" t="s">
        <v>3816</v>
      </c>
      <c r="RCK17" s="916" t="s">
        <v>3816</v>
      </c>
      <c r="RCL17" s="916" t="s">
        <v>3816</v>
      </c>
      <c r="RCM17" s="916" t="s">
        <v>3816</v>
      </c>
      <c r="RCN17" s="916" t="s">
        <v>3816</v>
      </c>
      <c r="RCO17" s="916" t="s">
        <v>3816</v>
      </c>
      <c r="RCP17" s="916" t="s">
        <v>3816</v>
      </c>
      <c r="RCQ17" s="916" t="s">
        <v>3816</v>
      </c>
      <c r="RCR17" s="916" t="s">
        <v>3816</v>
      </c>
      <c r="RCS17" s="916" t="s">
        <v>3816</v>
      </c>
      <c r="RCT17" s="916" t="s">
        <v>3816</v>
      </c>
      <c r="RCU17" s="916" t="s">
        <v>3816</v>
      </c>
      <c r="RCV17" s="916" t="s">
        <v>3816</v>
      </c>
      <c r="RCW17" s="916" t="s">
        <v>3816</v>
      </c>
      <c r="RCX17" s="916" t="s">
        <v>3816</v>
      </c>
      <c r="RCY17" s="916" t="s">
        <v>3816</v>
      </c>
      <c r="RCZ17" s="916" t="s">
        <v>3816</v>
      </c>
      <c r="RDA17" s="916" t="s">
        <v>3816</v>
      </c>
      <c r="RDB17" s="916" t="s">
        <v>3816</v>
      </c>
      <c r="RDC17" s="916" t="s">
        <v>3816</v>
      </c>
      <c r="RDD17" s="916" t="s">
        <v>3816</v>
      </c>
      <c r="RDE17" s="916" t="s">
        <v>3816</v>
      </c>
      <c r="RDF17" s="916" t="s">
        <v>3816</v>
      </c>
      <c r="RDG17" s="916" t="s">
        <v>3816</v>
      </c>
      <c r="RDH17" s="916" t="s">
        <v>3816</v>
      </c>
      <c r="RDI17" s="916" t="s">
        <v>3816</v>
      </c>
      <c r="RDJ17" s="916" t="s">
        <v>3816</v>
      </c>
      <c r="RDK17" s="916" t="s">
        <v>3816</v>
      </c>
      <c r="RDL17" s="916" t="s">
        <v>3816</v>
      </c>
      <c r="RDM17" s="916" t="s">
        <v>3816</v>
      </c>
      <c r="RDN17" s="916" t="s">
        <v>3816</v>
      </c>
      <c r="RDO17" s="916" t="s">
        <v>3816</v>
      </c>
      <c r="RDP17" s="916" t="s">
        <v>3816</v>
      </c>
      <c r="RDQ17" s="916" t="s">
        <v>3816</v>
      </c>
      <c r="RDR17" s="916" t="s">
        <v>3816</v>
      </c>
      <c r="RDS17" s="916" t="s">
        <v>3816</v>
      </c>
      <c r="RDT17" s="916" t="s">
        <v>3816</v>
      </c>
      <c r="RDU17" s="916" t="s">
        <v>3816</v>
      </c>
      <c r="RDV17" s="916" t="s">
        <v>3816</v>
      </c>
      <c r="RDW17" s="916" t="s">
        <v>3816</v>
      </c>
      <c r="RDX17" s="916" t="s">
        <v>3816</v>
      </c>
      <c r="RDY17" s="916" t="s">
        <v>3816</v>
      </c>
      <c r="RDZ17" s="916" t="s">
        <v>3816</v>
      </c>
      <c r="REA17" s="916" t="s">
        <v>3816</v>
      </c>
      <c r="REB17" s="916" t="s">
        <v>3816</v>
      </c>
      <c r="REC17" s="916" t="s">
        <v>3816</v>
      </c>
      <c r="RED17" s="916" t="s">
        <v>3816</v>
      </c>
      <c r="REE17" s="916" t="s">
        <v>3816</v>
      </c>
      <c r="REF17" s="916" t="s">
        <v>3816</v>
      </c>
      <c r="REG17" s="916" t="s">
        <v>3816</v>
      </c>
      <c r="REH17" s="916" t="s">
        <v>3816</v>
      </c>
      <c r="REI17" s="916" t="s">
        <v>3816</v>
      </c>
      <c r="REJ17" s="916" t="s">
        <v>3816</v>
      </c>
      <c r="REK17" s="916" t="s">
        <v>3816</v>
      </c>
      <c r="REL17" s="916" t="s">
        <v>3816</v>
      </c>
      <c r="REM17" s="916" t="s">
        <v>3816</v>
      </c>
      <c r="REN17" s="916" t="s">
        <v>3816</v>
      </c>
      <c r="REO17" s="916" t="s">
        <v>3816</v>
      </c>
      <c r="REP17" s="916" t="s">
        <v>3816</v>
      </c>
      <c r="REQ17" s="916" t="s">
        <v>3816</v>
      </c>
      <c r="RER17" s="916" t="s">
        <v>3816</v>
      </c>
      <c r="RES17" s="916" t="s">
        <v>3816</v>
      </c>
      <c r="RET17" s="916" t="s">
        <v>3816</v>
      </c>
      <c r="REU17" s="916" t="s">
        <v>3816</v>
      </c>
      <c r="REV17" s="916" t="s">
        <v>3816</v>
      </c>
      <c r="REW17" s="916" t="s">
        <v>3816</v>
      </c>
      <c r="REX17" s="916" t="s">
        <v>3816</v>
      </c>
      <c r="REY17" s="916" t="s">
        <v>3816</v>
      </c>
      <c r="REZ17" s="916" t="s">
        <v>3816</v>
      </c>
      <c r="RFA17" s="916" t="s">
        <v>3816</v>
      </c>
      <c r="RFB17" s="916" t="s">
        <v>3816</v>
      </c>
      <c r="RFC17" s="916" t="s">
        <v>3816</v>
      </c>
      <c r="RFD17" s="916" t="s">
        <v>3816</v>
      </c>
      <c r="RFE17" s="916" t="s">
        <v>3816</v>
      </c>
      <c r="RFF17" s="916" t="s">
        <v>3816</v>
      </c>
      <c r="RFG17" s="916" t="s">
        <v>3816</v>
      </c>
      <c r="RFH17" s="916" t="s">
        <v>3816</v>
      </c>
      <c r="RFI17" s="916" t="s">
        <v>3816</v>
      </c>
      <c r="RFJ17" s="916" t="s">
        <v>3816</v>
      </c>
      <c r="RFK17" s="916" t="s">
        <v>3816</v>
      </c>
      <c r="RFL17" s="916" t="s">
        <v>3816</v>
      </c>
      <c r="RFM17" s="916" t="s">
        <v>3816</v>
      </c>
      <c r="RFN17" s="916" t="s">
        <v>3816</v>
      </c>
      <c r="RFO17" s="916" t="s">
        <v>3816</v>
      </c>
      <c r="RFP17" s="916" t="s">
        <v>3816</v>
      </c>
      <c r="RFQ17" s="916" t="s">
        <v>3816</v>
      </c>
      <c r="RFR17" s="916" t="s">
        <v>3816</v>
      </c>
      <c r="RFS17" s="916" t="s">
        <v>3816</v>
      </c>
      <c r="RFT17" s="916" t="s">
        <v>3816</v>
      </c>
      <c r="RFU17" s="916" t="s">
        <v>3816</v>
      </c>
      <c r="RFV17" s="916" t="s">
        <v>3816</v>
      </c>
      <c r="RFW17" s="916" t="s">
        <v>3816</v>
      </c>
      <c r="RFX17" s="916" t="s">
        <v>3816</v>
      </c>
      <c r="RFY17" s="916" t="s">
        <v>3816</v>
      </c>
      <c r="RFZ17" s="916" t="s">
        <v>3816</v>
      </c>
      <c r="RGA17" s="916" t="s">
        <v>3816</v>
      </c>
      <c r="RGB17" s="916" t="s">
        <v>3816</v>
      </c>
      <c r="RGC17" s="916" t="s">
        <v>3816</v>
      </c>
      <c r="RGD17" s="916" t="s">
        <v>3816</v>
      </c>
      <c r="RGE17" s="916" t="s">
        <v>3816</v>
      </c>
      <c r="RGF17" s="916" t="s">
        <v>3816</v>
      </c>
      <c r="RGG17" s="916" t="s">
        <v>3816</v>
      </c>
      <c r="RGH17" s="916" t="s">
        <v>3816</v>
      </c>
      <c r="RGI17" s="916" t="s">
        <v>3816</v>
      </c>
      <c r="RGJ17" s="916" t="s">
        <v>3816</v>
      </c>
      <c r="RGK17" s="916" t="s">
        <v>3816</v>
      </c>
      <c r="RGL17" s="916" t="s">
        <v>3816</v>
      </c>
      <c r="RGM17" s="916" t="s">
        <v>3816</v>
      </c>
      <c r="RGN17" s="916" t="s">
        <v>3816</v>
      </c>
      <c r="RGO17" s="916" t="s">
        <v>3816</v>
      </c>
      <c r="RGP17" s="916" t="s">
        <v>3816</v>
      </c>
      <c r="RGQ17" s="916" t="s">
        <v>3816</v>
      </c>
      <c r="RGR17" s="916" t="s">
        <v>3816</v>
      </c>
      <c r="RGS17" s="916" t="s">
        <v>3816</v>
      </c>
      <c r="RGT17" s="916" t="s">
        <v>3816</v>
      </c>
      <c r="RGU17" s="916" t="s">
        <v>3816</v>
      </c>
      <c r="RGV17" s="916" t="s">
        <v>3816</v>
      </c>
      <c r="RGW17" s="916" t="s">
        <v>3816</v>
      </c>
      <c r="RGX17" s="916" t="s">
        <v>3816</v>
      </c>
      <c r="RGY17" s="916" t="s">
        <v>3816</v>
      </c>
      <c r="RGZ17" s="916" t="s">
        <v>3816</v>
      </c>
      <c r="RHA17" s="916" t="s">
        <v>3816</v>
      </c>
      <c r="RHB17" s="916" t="s">
        <v>3816</v>
      </c>
      <c r="RHC17" s="916" t="s">
        <v>3816</v>
      </c>
      <c r="RHD17" s="916" t="s">
        <v>3816</v>
      </c>
      <c r="RHE17" s="916" t="s">
        <v>3816</v>
      </c>
      <c r="RHF17" s="916" t="s">
        <v>3816</v>
      </c>
      <c r="RHG17" s="916" t="s">
        <v>3816</v>
      </c>
      <c r="RHH17" s="916" t="s">
        <v>3816</v>
      </c>
      <c r="RHI17" s="916" t="s">
        <v>3816</v>
      </c>
      <c r="RHJ17" s="916" t="s">
        <v>3816</v>
      </c>
      <c r="RHK17" s="916" t="s">
        <v>3816</v>
      </c>
      <c r="RHL17" s="916" t="s">
        <v>3816</v>
      </c>
      <c r="RHM17" s="916" t="s">
        <v>3816</v>
      </c>
      <c r="RHN17" s="916" t="s">
        <v>3816</v>
      </c>
      <c r="RHO17" s="916" t="s">
        <v>3816</v>
      </c>
      <c r="RHP17" s="916" t="s">
        <v>3816</v>
      </c>
      <c r="RHQ17" s="916" t="s">
        <v>3816</v>
      </c>
      <c r="RHR17" s="916" t="s">
        <v>3816</v>
      </c>
      <c r="RHS17" s="916" t="s">
        <v>3816</v>
      </c>
      <c r="RHT17" s="916" t="s">
        <v>3816</v>
      </c>
      <c r="RHU17" s="916" t="s">
        <v>3816</v>
      </c>
      <c r="RHV17" s="916" t="s">
        <v>3816</v>
      </c>
      <c r="RHW17" s="916" t="s">
        <v>3816</v>
      </c>
      <c r="RHX17" s="916" t="s">
        <v>3816</v>
      </c>
      <c r="RHY17" s="916" t="s">
        <v>3816</v>
      </c>
      <c r="RHZ17" s="916" t="s">
        <v>3816</v>
      </c>
      <c r="RIA17" s="916" t="s">
        <v>3816</v>
      </c>
      <c r="RIB17" s="916" t="s">
        <v>3816</v>
      </c>
      <c r="RIC17" s="916" t="s">
        <v>3816</v>
      </c>
      <c r="RID17" s="916" t="s">
        <v>3816</v>
      </c>
      <c r="RIE17" s="916" t="s">
        <v>3816</v>
      </c>
      <c r="RIF17" s="916" t="s">
        <v>3816</v>
      </c>
      <c r="RIG17" s="916" t="s">
        <v>3816</v>
      </c>
      <c r="RIH17" s="916" t="s">
        <v>3816</v>
      </c>
      <c r="RII17" s="916" t="s">
        <v>3816</v>
      </c>
      <c r="RIJ17" s="916" t="s">
        <v>3816</v>
      </c>
      <c r="RIK17" s="916" t="s">
        <v>3816</v>
      </c>
      <c r="RIL17" s="916" t="s">
        <v>3816</v>
      </c>
      <c r="RIM17" s="916" t="s">
        <v>3816</v>
      </c>
      <c r="RIN17" s="916" t="s">
        <v>3816</v>
      </c>
      <c r="RIO17" s="916" t="s">
        <v>3816</v>
      </c>
      <c r="RIP17" s="916" t="s">
        <v>3816</v>
      </c>
      <c r="RIQ17" s="916" t="s">
        <v>3816</v>
      </c>
      <c r="RIR17" s="916" t="s">
        <v>3816</v>
      </c>
      <c r="RIS17" s="916" t="s">
        <v>3816</v>
      </c>
      <c r="RIT17" s="916" t="s">
        <v>3816</v>
      </c>
      <c r="RIU17" s="916" t="s">
        <v>3816</v>
      </c>
      <c r="RIV17" s="916" t="s">
        <v>3816</v>
      </c>
      <c r="RIW17" s="916" t="s">
        <v>3816</v>
      </c>
      <c r="RIX17" s="916" t="s">
        <v>3816</v>
      </c>
      <c r="RIY17" s="916" t="s">
        <v>3816</v>
      </c>
      <c r="RIZ17" s="916" t="s">
        <v>3816</v>
      </c>
      <c r="RJA17" s="916" t="s">
        <v>3816</v>
      </c>
      <c r="RJB17" s="916" t="s">
        <v>3816</v>
      </c>
      <c r="RJC17" s="916" t="s">
        <v>3816</v>
      </c>
      <c r="RJD17" s="916" t="s">
        <v>3816</v>
      </c>
      <c r="RJE17" s="916" t="s">
        <v>3816</v>
      </c>
      <c r="RJF17" s="916" t="s">
        <v>3816</v>
      </c>
      <c r="RJG17" s="916" t="s">
        <v>3816</v>
      </c>
      <c r="RJH17" s="916" t="s">
        <v>3816</v>
      </c>
      <c r="RJI17" s="916" t="s">
        <v>3816</v>
      </c>
      <c r="RJJ17" s="916" t="s">
        <v>3816</v>
      </c>
      <c r="RJK17" s="916" t="s">
        <v>3816</v>
      </c>
      <c r="RJL17" s="916" t="s">
        <v>3816</v>
      </c>
      <c r="RJM17" s="916" t="s">
        <v>3816</v>
      </c>
      <c r="RJN17" s="916" t="s">
        <v>3816</v>
      </c>
      <c r="RJO17" s="916" t="s">
        <v>3816</v>
      </c>
      <c r="RJP17" s="916" t="s">
        <v>3816</v>
      </c>
      <c r="RJQ17" s="916" t="s">
        <v>3816</v>
      </c>
      <c r="RJR17" s="916" t="s">
        <v>3816</v>
      </c>
      <c r="RJS17" s="916" t="s">
        <v>3816</v>
      </c>
      <c r="RJT17" s="916" t="s">
        <v>3816</v>
      </c>
      <c r="RJU17" s="916" t="s">
        <v>3816</v>
      </c>
      <c r="RJV17" s="916" t="s">
        <v>3816</v>
      </c>
      <c r="RJW17" s="916" t="s">
        <v>3816</v>
      </c>
      <c r="RJX17" s="916" t="s">
        <v>3816</v>
      </c>
      <c r="RJY17" s="916" t="s">
        <v>3816</v>
      </c>
      <c r="RJZ17" s="916" t="s">
        <v>3816</v>
      </c>
      <c r="RKA17" s="916" t="s">
        <v>3816</v>
      </c>
      <c r="RKB17" s="916" t="s">
        <v>3816</v>
      </c>
      <c r="RKC17" s="916" t="s">
        <v>3816</v>
      </c>
      <c r="RKD17" s="916" t="s">
        <v>3816</v>
      </c>
      <c r="RKE17" s="916" t="s">
        <v>3816</v>
      </c>
      <c r="RKF17" s="916" t="s">
        <v>3816</v>
      </c>
      <c r="RKG17" s="916" t="s">
        <v>3816</v>
      </c>
      <c r="RKH17" s="916" t="s">
        <v>3816</v>
      </c>
      <c r="RKI17" s="916" t="s">
        <v>3816</v>
      </c>
      <c r="RKJ17" s="916" t="s">
        <v>3816</v>
      </c>
      <c r="RKK17" s="916" t="s">
        <v>3816</v>
      </c>
      <c r="RKL17" s="916" t="s">
        <v>3816</v>
      </c>
      <c r="RKM17" s="916" t="s">
        <v>3816</v>
      </c>
      <c r="RKN17" s="916" t="s">
        <v>3816</v>
      </c>
      <c r="RKO17" s="916" t="s">
        <v>3816</v>
      </c>
      <c r="RKP17" s="916" t="s">
        <v>3816</v>
      </c>
      <c r="RKQ17" s="916" t="s">
        <v>3816</v>
      </c>
      <c r="RKR17" s="916" t="s">
        <v>3816</v>
      </c>
      <c r="RKS17" s="916" t="s">
        <v>3816</v>
      </c>
      <c r="RKT17" s="916" t="s">
        <v>3816</v>
      </c>
      <c r="RKU17" s="916" t="s">
        <v>3816</v>
      </c>
      <c r="RKV17" s="916" t="s">
        <v>3816</v>
      </c>
      <c r="RKW17" s="916" t="s">
        <v>3816</v>
      </c>
      <c r="RKX17" s="916" t="s">
        <v>3816</v>
      </c>
      <c r="RKY17" s="916" t="s">
        <v>3816</v>
      </c>
      <c r="RKZ17" s="916" t="s">
        <v>3816</v>
      </c>
      <c r="RLA17" s="916" t="s">
        <v>3816</v>
      </c>
      <c r="RLB17" s="916" t="s">
        <v>3816</v>
      </c>
      <c r="RLC17" s="916" t="s">
        <v>3816</v>
      </c>
      <c r="RLD17" s="916" t="s">
        <v>3816</v>
      </c>
      <c r="RLE17" s="916" t="s">
        <v>3816</v>
      </c>
      <c r="RLF17" s="916" t="s">
        <v>3816</v>
      </c>
      <c r="RLG17" s="916" t="s">
        <v>3816</v>
      </c>
      <c r="RLH17" s="916" t="s">
        <v>3816</v>
      </c>
      <c r="RLI17" s="916" t="s">
        <v>3816</v>
      </c>
      <c r="RLJ17" s="916" t="s">
        <v>3816</v>
      </c>
      <c r="RLK17" s="916" t="s">
        <v>3816</v>
      </c>
      <c r="RLL17" s="916" t="s">
        <v>3816</v>
      </c>
      <c r="RLM17" s="916" t="s">
        <v>3816</v>
      </c>
      <c r="RLN17" s="916" t="s">
        <v>3816</v>
      </c>
      <c r="RLO17" s="916" t="s">
        <v>3816</v>
      </c>
      <c r="RLP17" s="916" t="s">
        <v>3816</v>
      </c>
      <c r="RLQ17" s="916" t="s">
        <v>3816</v>
      </c>
      <c r="RLR17" s="916" t="s">
        <v>3816</v>
      </c>
      <c r="RLS17" s="916" t="s">
        <v>3816</v>
      </c>
      <c r="RLT17" s="916" t="s">
        <v>3816</v>
      </c>
      <c r="RLU17" s="916" t="s">
        <v>3816</v>
      </c>
      <c r="RLV17" s="916" t="s">
        <v>3816</v>
      </c>
      <c r="RLW17" s="916" t="s">
        <v>3816</v>
      </c>
      <c r="RLX17" s="916" t="s">
        <v>3816</v>
      </c>
      <c r="RLY17" s="916" t="s">
        <v>3816</v>
      </c>
      <c r="RLZ17" s="916" t="s">
        <v>3816</v>
      </c>
      <c r="RMA17" s="916" t="s">
        <v>3816</v>
      </c>
      <c r="RMB17" s="916" t="s">
        <v>3816</v>
      </c>
      <c r="RMC17" s="916" t="s">
        <v>3816</v>
      </c>
      <c r="RMD17" s="916" t="s">
        <v>3816</v>
      </c>
      <c r="RME17" s="916" t="s">
        <v>3816</v>
      </c>
      <c r="RMF17" s="916" t="s">
        <v>3816</v>
      </c>
      <c r="RMG17" s="916" t="s">
        <v>3816</v>
      </c>
      <c r="RMH17" s="916" t="s">
        <v>3816</v>
      </c>
      <c r="RMI17" s="916" t="s">
        <v>3816</v>
      </c>
      <c r="RMJ17" s="916" t="s">
        <v>3816</v>
      </c>
      <c r="RMK17" s="916" t="s">
        <v>3816</v>
      </c>
      <c r="RML17" s="916" t="s">
        <v>3816</v>
      </c>
      <c r="RMM17" s="916" t="s">
        <v>3816</v>
      </c>
      <c r="RMN17" s="916" t="s">
        <v>3816</v>
      </c>
      <c r="RMO17" s="916" t="s">
        <v>3816</v>
      </c>
      <c r="RMP17" s="916" t="s">
        <v>3816</v>
      </c>
      <c r="RMQ17" s="916" t="s">
        <v>3816</v>
      </c>
      <c r="RMR17" s="916" t="s">
        <v>3816</v>
      </c>
      <c r="RMS17" s="916" t="s">
        <v>3816</v>
      </c>
      <c r="RMT17" s="916" t="s">
        <v>3816</v>
      </c>
      <c r="RMU17" s="916" t="s">
        <v>3816</v>
      </c>
      <c r="RMV17" s="916" t="s">
        <v>3816</v>
      </c>
      <c r="RMW17" s="916" t="s">
        <v>3816</v>
      </c>
      <c r="RMX17" s="916" t="s">
        <v>3816</v>
      </c>
      <c r="RMY17" s="916" t="s">
        <v>3816</v>
      </c>
      <c r="RMZ17" s="916" t="s">
        <v>3816</v>
      </c>
      <c r="RNA17" s="916" t="s">
        <v>3816</v>
      </c>
      <c r="RNB17" s="916" t="s">
        <v>3816</v>
      </c>
      <c r="RNC17" s="916" t="s">
        <v>3816</v>
      </c>
      <c r="RND17" s="916" t="s">
        <v>3816</v>
      </c>
      <c r="RNE17" s="916" t="s">
        <v>3816</v>
      </c>
      <c r="RNF17" s="916" t="s">
        <v>3816</v>
      </c>
      <c r="RNG17" s="916" t="s">
        <v>3816</v>
      </c>
      <c r="RNH17" s="916" t="s">
        <v>3816</v>
      </c>
      <c r="RNI17" s="916" t="s">
        <v>3816</v>
      </c>
      <c r="RNJ17" s="916" t="s">
        <v>3816</v>
      </c>
      <c r="RNK17" s="916" t="s">
        <v>3816</v>
      </c>
      <c r="RNL17" s="916" t="s">
        <v>3816</v>
      </c>
      <c r="RNM17" s="916" t="s">
        <v>3816</v>
      </c>
      <c r="RNN17" s="916" t="s">
        <v>3816</v>
      </c>
      <c r="RNO17" s="916" t="s">
        <v>3816</v>
      </c>
      <c r="RNP17" s="916" t="s">
        <v>3816</v>
      </c>
      <c r="RNQ17" s="916" t="s">
        <v>3816</v>
      </c>
      <c r="RNR17" s="916" t="s">
        <v>3816</v>
      </c>
      <c r="RNS17" s="916" t="s">
        <v>3816</v>
      </c>
      <c r="RNT17" s="916" t="s">
        <v>3816</v>
      </c>
      <c r="RNU17" s="916" t="s">
        <v>3816</v>
      </c>
      <c r="RNV17" s="916" t="s">
        <v>3816</v>
      </c>
      <c r="RNW17" s="916" t="s">
        <v>3816</v>
      </c>
      <c r="RNX17" s="916" t="s">
        <v>3816</v>
      </c>
      <c r="RNY17" s="916" t="s">
        <v>3816</v>
      </c>
      <c r="RNZ17" s="916" t="s">
        <v>3816</v>
      </c>
      <c r="ROA17" s="916" t="s">
        <v>3816</v>
      </c>
      <c r="ROB17" s="916" t="s">
        <v>3816</v>
      </c>
      <c r="ROC17" s="916" t="s">
        <v>3816</v>
      </c>
      <c r="ROD17" s="916" t="s">
        <v>3816</v>
      </c>
      <c r="ROE17" s="916" t="s">
        <v>3816</v>
      </c>
      <c r="ROF17" s="916" t="s">
        <v>3816</v>
      </c>
      <c r="ROG17" s="916" t="s">
        <v>3816</v>
      </c>
      <c r="ROH17" s="916" t="s">
        <v>3816</v>
      </c>
      <c r="ROI17" s="916" t="s">
        <v>3816</v>
      </c>
      <c r="ROJ17" s="916" t="s">
        <v>3816</v>
      </c>
      <c r="ROK17" s="916" t="s">
        <v>3816</v>
      </c>
      <c r="ROL17" s="916" t="s">
        <v>3816</v>
      </c>
      <c r="ROM17" s="916" t="s">
        <v>3816</v>
      </c>
      <c r="RON17" s="916" t="s">
        <v>3816</v>
      </c>
      <c r="ROO17" s="916" t="s">
        <v>3816</v>
      </c>
      <c r="ROP17" s="916" t="s">
        <v>3816</v>
      </c>
      <c r="ROQ17" s="916" t="s">
        <v>3816</v>
      </c>
      <c r="ROR17" s="916" t="s">
        <v>3816</v>
      </c>
      <c r="ROS17" s="916" t="s">
        <v>3816</v>
      </c>
      <c r="ROT17" s="916" t="s">
        <v>3816</v>
      </c>
      <c r="ROU17" s="916" t="s">
        <v>3816</v>
      </c>
      <c r="ROV17" s="916" t="s">
        <v>3816</v>
      </c>
      <c r="ROW17" s="916" t="s">
        <v>3816</v>
      </c>
      <c r="ROX17" s="916" t="s">
        <v>3816</v>
      </c>
      <c r="ROY17" s="916" t="s">
        <v>3816</v>
      </c>
      <c r="ROZ17" s="916" t="s">
        <v>3816</v>
      </c>
      <c r="RPA17" s="916" t="s">
        <v>3816</v>
      </c>
      <c r="RPB17" s="916" t="s">
        <v>3816</v>
      </c>
      <c r="RPC17" s="916" t="s">
        <v>3816</v>
      </c>
      <c r="RPD17" s="916" t="s">
        <v>3816</v>
      </c>
      <c r="RPE17" s="916" t="s">
        <v>3816</v>
      </c>
      <c r="RPF17" s="916" t="s">
        <v>3816</v>
      </c>
      <c r="RPG17" s="916" t="s">
        <v>3816</v>
      </c>
      <c r="RPH17" s="916" t="s">
        <v>3816</v>
      </c>
      <c r="RPI17" s="916" t="s">
        <v>3816</v>
      </c>
      <c r="RPJ17" s="916" t="s">
        <v>3816</v>
      </c>
      <c r="RPK17" s="916" t="s">
        <v>3816</v>
      </c>
      <c r="RPL17" s="916" t="s">
        <v>3816</v>
      </c>
      <c r="RPM17" s="916" t="s">
        <v>3816</v>
      </c>
      <c r="RPN17" s="916" t="s">
        <v>3816</v>
      </c>
      <c r="RPO17" s="916" t="s">
        <v>3816</v>
      </c>
      <c r="RPP17" s="916" t="s">
        <v>3816</v>
      </c>
      <c r="RPQ17" s="916" t="s">
        <v>3816</v>
      </c>
      <c r="RPR17" s="916" t="s">
        <v>3816</v>
      </c>
      <c r="RPS17" s="916" t="s">
        <v>3816</v>
      </c>
      <c r="RPT17" s="916" t="s">
        <v>3816</v>
      </c>
      <c r="RPU17" s="916" t="s">
        <v>3816</v>
      </c>
      <c r="RPV17" s="916" t="s">
        <v>3816</v>
      </c>
      <c r="RPW17" s="916" t="s">
        <v>3816</v>
      </c>
      <c r="RPX17" s="916" t="s">
        <v>3816</v>
      </c>
      <c r="RPY17" s="916" t="s">
        <v>3816</v>
      </c>
      <c r="RPZ17" s="916" t="s">
        <v>3816</v>
      </c>
      <c r="RQA17" s="916" t="s">
        <v>3816</v>
      </c>
      <c r="RQB17" s="916" t="s">
        <v>3816</v>
      </c>
      <c r="RQC17" s="916" t="s">
        <v>3816</v>
      </c>
      <c r="RQD17" s="916" t="s">
        <v>3816</v>
      </c>
      <c r="RQE17" s="916" t="s">
        <v>3816</v>
      </c>
      <c r="RQF17" s="916" t="s">
        <v>3816</v>
      </c>
      <c r="RQG17" s="916" t="s">
        <v>3816</v>
      </c>
      <c r="RQH17" s="916" t="s">
        <v>3816</v>
      </c>
      <c r="RQI17" s="916" t="s">
        <v>3816</v>
      </c>
      <c r="RQJ17" s="916" t="s">
        <v>3816</v>
      </c>
      <c r="RQK17" s="916" t="s">
        <v>3816</v>
      </c>
      <c r="RQL17" s="916" t="s">
        <v>3816</v>
      </c>
      <c r="RQM17" s="916" t="s">
        <v>3816</v>
      </c>
      <c r="RQN17" s="916" t="s">
        <v>3816</v>
      </c>
      <c r="RQO17" s="916" t="s">
        <v>3816</v>
      </c>
      <c r="RQP17" s="916" t="s">
        <v>3816</v>
      </c>
      <c r="RQQ17" s="916" t="s">
        <v>3816</v>
      </c>
      <c r="RQR17" s="916" t="s">
        <v>3816</v>
      </c>
      <c r="RQS17" s="916" t="s">
        <v>3816</v>
      </c>
      <c r="RQT17" s="916" t="s">
        <v>3816</v>
      </c>
      <c r="RQU17" s="916" t="s">
        <v>3816</v>
      </c>
      <c r="RQV17" s="916" t="s">
        <v>3816</v>
      </c>
      <c r="RQW17" s="916" t="s">
        <v>3816</v>
      </c>
      <c r="RQX17" s="916" t="s">
        <v>3816</v>
      </c>
      <c r="RQY17" s="916" t="s">
        <v>3816</v>
      </c>
      <c r="RQZ17" s="916" t="s">
        <v>3816</v>
      </c>
      <c r="RRA17" s="916" t="s">
        <v>3816</v>
      </c>
      <c r="RRB17" s="916" t="s">
        <v>3816</v>
      </c>
      <c r="RRC17" s="916" t="s">
        <v>3816</v>
      </c>
      <c r="RRD17" s="916" t="s">
        <v>3816</v>
      </c>
      <c r="RRE17" s="916" t="s">
        <v>3816</v>
      </c>
      <c r="RRF17" s="916" t="s">
        <v>3816</v>
      </c>
      <c r="RRG17" s="916" t="s">
        <v>3816</v>
      </c>
      <c r="RRH17" s="916" t="s">
        <v>3816</v>
      </c>
      <c r="RRI17" s="916" t="s">
        <v>3816</v>
      </c>
      <c r="RRJ17" s="916" t="s">
        <v>3816</v>
      </c>
      <c r="RRK17" s="916" t="s">
        <v>3816</v>
      </c>
      <c r="RRL17" s="916" t="s">
        <v>3816</v>
      </c>
      <c r="RRM17" s="916" t="s">
        <v>3816</v>
      </c>
      <c r="RRN17" s="916" t="s">
        <v>3816</v>
      </c>
      <c r="RRO17" s="916" t="s">
        <v>3816</v>
      </c>
      <c r="RRP17" s="916" t="s">
        <v>3816</v>
      </c>
      <c r="RRQ17" s="916" t="s">
        <v>3816</v>
      </c>
      <c r="RRR17" s="916" t="s">
        <v>3816</v>
      </c>
      <c r="RRS17" s="916" t="s">
        <v>3816</v>
      </c>
      <c r="RRT17" s="916" t="s">
        <v>3816</v>
      </c>
      <c r="RRU17" s="916" t="s">
        <v>3816</v>
      </c>
      <c r="RRV17" s="916" t="s">
        <v>3816</v>
      </c>
      <c r="RRW17" s="916" t="s">
        <v>3816</v>
      </c>
      <c r="RRX17" s="916" t="s">
        <v>3816</v>
      </c>
      <c r="RRY17" s="916" t="s">
        <v>3816</v>
      </c>
      <c r="RRZ17" s="916" t="s">
        <v>3816</v>
      </c>
      <c r="RSA17" s="916" t="s">
        <v>3816</v>
      </c>
      <c r="RSB17" s="916" t="s">
        <v>3816</v>
      </c>
      <c r="RSC17" s="916" t="s">
        <v>3816</v>
      </c>
      <c r="RSD17" s="916" t="s">
        <v>3816</v>
      </c>
      <c r="RSE17" s="916" t="s">
        <v>3816</v>
      </c>
      <c r="RSF17" s="916" t="s">
        <v>3816</v>
      </c>
      <c r="RSG17" s="916" t="s">
        <v>3816</v>
      </c>
      <c r="RSH17" s="916" t="s">
        <v>3816</v>
      </c>
      <c r="RSI17" s="916" t="s">
        <v>3816</v>
      </c>
      <c r="RSJ17" s="916" t="s">
        <v>3816</v>
      </c>
      <c r="RSK17" s="916" t="s">
        <v>3816</v>
      </c>
      <c r="RSL17" s="916" t="s">
        <v>3816</v>
      </c>
      <c r="RSM17" s="916" t="s">
        <v>3816</v>
      </c>
      <c r="RSN17" s="916" t="s">
        <v>3816</v>
      </c>
      <c r="RSO17" s="916" t="s">
        <v>3816</v>
      </c>
      <c r="RSP17" s="916" t="s">
        <v>3816</v>
      </c>
      <c r="RSQ17" s="916" t="s">
        <v>3816</v>
      </c>
      <c r="RSR17" s="916" t="s">
        <v>3816</v>
      </c>
      <c r="RSS17" s="916" t="s">
        <v>3816</v>
      </c>
      <c r="RST17" s="916" t="s">
        <v>3816</v>
      </c>
      <c r="RSU17" s="916" t="s">
        <v>3816</v>
      </c>
      <c r="RSV17" s="916" t="s">
        <v>3816</v>
      </c>
      <c r="RSW17" s="916" t="s">
        <v>3816</v>
      </c>
      <c r="RSX17" s="916" t="s">
        <v>3816</v>
      </c>
      <c r="RSY17" s="916" t="s">
        <v>3816</v>
      </c>
      <c r="RSZ17" s="916" t="s">
        <v>3816</v>
      </c>
      <c r="RTA17" s="916" t="s">
        <v>3816</v>
      </c>
      <c r="RTB17" s="916" t="s">
        <v>3816</v>
      </c>
      <c r="RTC17" s="916" t="s">
        <v>3816</v>
      </c>
      <c r="RTD17" s="916" t="s">
        <v>3816</v>
      </c>
      <c r="RTE17" s="916" t="s">
        <v>3816</v>
      </c>
      <c r="RTF17" s="916" t="s">
        <v>3816</v>
      </c>
      <c r="RTG17" s="916" t="s">
        <v>3816</v>
      </c>
      <c r="RTH17" s="916" t="s">
        <v>3816</v>
      </c>
      <c r="RTI17" s="916" t="s">
        <v>3816</v>
      </c>
      <c r="RTJ17" s="916" t="s">
        <v>3816</v>
      </c>
      <c r="RTK17" s="916" t="s">
        <v>3816</v>
      </c>
      <c r="RTL17" s="916" t="s">
        <v>3816</v>
      </c>
      <c r="RTM17" s="916" t="s">
        <v>3816</v>
      </c>
      <c r="RTN17" s="916" t="s">
        <v>3816</v>
      </c>
      <c r="RTO17" s="916" t="s">
        <v>3816</v>
      </c>
      <c r="RTP17" s="916" t="s">
        <v>3816</v>
      </c>
      <c r="RTQ17" s="916" t="s">
        <v>3816</v>
      </c>
      <c r="RTR17" s="916" t="s">
        <v>3816</v>
      </c>
      <c r="RTS17" s="916" t="s">
        <v>3816</v>
      </c>
      <c r="RTT17" s="916" t="s">
        <v>3816</v>
      </c>
      <c r="RTU17" s="916" t="s">
        <v>3816</v>
      </c>
      <c r="RTV17" s="916" t="s">
        <v>3816</v>
      </c>
      <c r="RTW17" s="916" t="s">
        <v>3816</v>
      </c>
      <c r="RTX17" s="916" t="s">
        <v>3816</v>
      </c>
      <c r="RTY17" s="916" t="s">
        <v>3816</v>
      </c>
      <c r="RTZ17" s="916" t="s">
        <v>3816</v>
      </c>
      <c r="RUA17" s="916" t="s">
        <v>3816</v>
      </c>
      <c r="RUB17" s="916" t="s">
        <v>3816</v>
      </c>
      <c r="RUC17" s="916" t="s">
        <v>3816</v>
      </c>
      <c r="RUD17" s="916" t="s">
        <v>3816</v>
      </c>
      <c r="RUE17" s="916" t="s">
        <v>3816</v>
      </c>
      <c r="RUF17" s="916" t="s">
        <v>3816</v>
      </c>
      <c r="RUG17" s="916" t="s">
        <v>3816</v>
      </c>
      <c r="RUH17" s="916" t="s">
        <v>3816</v>
      </c>
      <c r="RUI17" s="916" t="s">
        <v>3816</v>
      </c>
      <c r="RUJ17" s="916" t="s">
        <v>3816</v>
      </c>
      <c r="RUK17" s="916" t="s">
        <v>3816</v>
      </c>
      <c r="RUL17" s="916" t="s">
        <v>3816</v>
      </c>
      <c r="RUM17" s="916" t="s">
        <v>3816</v>
      </c>
      <c r="RUN17" s="916" t="s">
        <v>3816</v>
      </c>
      <c r="RUO17" s="916" t="s">
        <v>3816</v>
      </c>
      <c r="RUP17" s="916" t="s">
        <v>3816</v>
      </c>
      <c r="RUQ17" s="916" t="s">
        <v>3816</v>
      </c>
      <c r="RUR17" s="916" t="s">
        <v>3816</v>
      </c>
      <c r="RUS17" s="916" t="s">
        <v>3816</v>
      </c>
      <c r="RUT17" s="916" t="s">
        <v>3816</v>
      </c>
      <c r="RUU17" s="916" t="s">
        <v>3816</v>
      </c>
      <c r="RUV17" s="916" t="s">
        <v>3816</v>
      </c>
      <c r="RUW17" s="916" t="s">
        <v>3816</v>
      </c>
      <c r="RUX17" s="916" t="s">
        <v>3816</v>
      </c>
      <c r="RUY17" s="916" t="s">
        <v>3816</v>
      </c>
      <c r="RUZ17" s="916" t="s">
        <v>3816</v>
      </c>
      <c r="RVA17" s="916" t="s">
        <v>3816</v>
      </c>
      <c r="RVB17" s="916" t="s">
        <v>3816</v>
      </c>
      <c r="RVC17" s="916" t="s">
        <v>3816</v>
      </c>
      <c r="RVD17" s="916" t="s">
        <v>3816</v>
      </c>
      <c r="RVE17" s="916" t="s">
        <v>3816</v>
      </c>
      <c r="RVF17" s="916" t="s">
        <v>3816</v>
      </c>
      <c r="RVG17" s="916" t="s">
        <v>3816</v>
      </c>
      <c r="RVH17" s="916" t="s">
        <v>3816</v>
      </c>
      <c r="RVI17" s="916" t="s">
        <v>3816</v>
      </c>
      <c r="RVJ17" s="916" t="s">
        <v>3816</v>
      </c>
      <c r="RVK17" s="916" t="s">
        <v>3816</v>
      </c>
      <c r="RVL17" s="916" t="s">
        <v>3816</v>
      </c>
      <c r="RVM17" s="916" t="s">
        <v>3816</v>
      </c>
      <c r="RVN17" s="916" t="s">
        <v>3816</v>
      </c>
      <c r="RVO17" s="916" t="s">
        <v>3816</v>
      </c>
      <c r="RVP17" s="916" t="s">
        <v>3816</v>
      </c>
      <c r="RVQ17" s="916" t="s">
        <v>3816</v>
      </c>
      <c r="RVR17" s="916" t="s">
        <v>3816</v>
      </c>
      <c r="RVS17" s="916" t="s">
        <v>3816</v>
      </c>
      <c r="RVT17" s="916" t="s">
        <v>3816</v>
      </c>
      <c r="RVU17" s="916" t="s">
        <v>3816</v>
      </c>
      <c r="RVV17" s="916" t="s">
        <v>3816</v>
      </c>
      <c r="RVW17" s="916" t="s">
        <v>3816</v>
      </c>
      <c r="RVX17" s="916" t="s">
        <v>3816</v>
      </c>
      <c r="RVY17" s="916" t="s">
        <v>3816</v>
      </c>
      <c r="RVZ17" s="916" t="s">
        <v>3816</v>
      </c>
      <c r="RWA17" s="916" t="s">
        <v>3816</v>
      </c>
      <c r="RWB17" s="916" t="s">
        <v>3816</v>
      </c>
      <c r="RWC17" s="916" t="s">
        <v>3816</v>
      </c>
      <c r="RWD17" s="916" t="s">
        <v>3816</v>
      </c>
      <c r="RWE17" s="916" t="s">
        <v>3816</v>
      </c>
      <c r="RWF17" s="916" t="s">
        <v>3816</v>
      </c>
      <c r="RWG17" s="916" t="s">
        <v>3816</v>
      </c>
      <c r="RWH17" s="916" t="s">
        <v>3816</v>
      </c>
      <c r="RWI17" s="916" t="s">
        <v>3816</v>
      </c>
      <c r="RWJ17" s="916" t="s">
        <v>3816</v>
      </c>
      <c r="RWK17" s="916" t="s">
        <v>3816</v>
      </c>
      <c r="RWL17" s="916" t="s">
        <v>3816</v>
      </c>
      <c r="RWM17" s="916" t="s">
        <v>3816</v>
      </c>
      <c r="RWN17" s="916" t="s">
        <v>3816</v>
      </c>
      <c r="RWO17" s="916" t="s">
        <v>3816</v>
      </c>
      <c r="RWP17" s="916" t="s">
        <v>3816</v>
      </c>
      <c r="RWQ17" s="916" t="s">
        <v>3816</v>
      </c>
      <c r="RWR17" s="916" t="s">
        <v>3816</v>
      </c>
      <c r="RWS17" s="916" t="s">
        <v>3816</v>
      </c>
      <c r="RWT17" s="916" t="s">
        <v>3816</v>
      </c>
      <c r="RWU17" s="916" t="s">
        <v>3816</v>
      </c>
      <c r="RWV17" s="916" t="s">
        <v>3816</v>
      </c>
      <c r="RWW17" s="916" t="s">
        <v>3816</v>
      </c>
      <c r="RWX17" s="916" t="s">
        <v>3816</v>
      </c>
      <c r="RWY17" s="916" t="s">
        <v>3816</v>
      </c>
      <c r="RWZ17" s="916" t="s">
        <v>3816</v>
      </c>
      <c r="RXA17" s="916" t="s">
        <v>3816</v>
      </c>
      <c r="RXB17" s="916" t="s">
        <v>3816</v>
      </c>
      <c r="RXC17" s="916" t="s">
        <v>3816</v>
      </c>
      <c r="RXD17" s="916" t="s">
        <v>3816</v>
      </c>
      <c r="RXE17" s="916" t="s">
        <v>3816</v>
      </c>
      <c r="RXF17" s="916" t="s">
        <v>3816</v>
      </c>
      <c r="RXG17" s="916" t="s">
        <v>3816</v>
      </c>
      <c r="RXH17" s="916" t="s">
        <v>3816</v>
      </c>
      <c r="RXI17" s="916" t="s">
        <v>3816</v>
      </c>
      <c r="RXJ17" s="916" t="s">
        <v>3816</v>
      </c>
      <c r="RXK17" s="916" t="s">
        <v>3816</v>
      </c>
      <c r="RXL17" s="916" t="s">
        <v>3816</v>
      </c>
      <c r="RXM17" s="916" t="s">
        <v>3816</v>
      </c>
      <c r="RXN17" s="916" t="s">
        <v>3816</v>
      </c>
      <c r="RXO17" s="916" t="s">
        <v>3816</v>
      </c>
      <c r="RXP17" s="916" t="s">
        <v>3816</v>
      </c>
      <c r="RXQ17" s="916" t="s">
        <v>3816</v>
      </c>
      <c r="RXR17" s="916" t="s">
        <v>3816</v>
      </c>
      <c r="RXS17" s="916" t="s">
        <v>3816</v>
      </c>
      <c r="RXT17" s="916" t="s">
        <v>3816</v>
      </c>
      <c r="RXU17" s="916" t="s">
        <v>3816</v>
      </c>
      <c r="RXV17" s="916" t="s">
        <v>3816</v>
      </c>
      <c r="RXW17" s="916" t="s">
        <v>3816</v>
      </c>
      <c r="RXX17" s="916" t="s">
        <v>3816</v>
      </c>
      <c r="RXY17" s="916" t="s">
        <v>3816</v>
      </c>
      <c r="RXZ17" s="916" t="s">
        <v>3816</v>
      </c>
      <c r="RYA17" s="916" t="s">
        <v>3816</v>
      </c>
      <c r="RYB17" s="916" t="s">
        <v>3816</v>
      </c>
      <c r="RYC17" s="916" t="s">
        <v>3816</v>
      </c>
      <c r="RYD17" s="916" t="s">
        <v>3816</v>
      </c>
      <c r="RYE17" s="916" t="s">
        <v>3816</v>
      </c>
      <c r="RYF17" s="916" t="s">
        <v>3816</v>
      </c>
      <c r="RYG17" s="916" t="s">
        <v>3816</v>
      </c>
      <c r="RYH17" s="916" t="s">
        <v>3816</v>
      </c>
      <c r="RYI17" s="916" t="s">
        <v>3816</v>
      </c>
      <c r="RYJ17" s="916" t="s">
        <v>3816</v>
      </c>
      <c r="RYK17" s="916" t="s">
        <v>3816</v>
      </c>
      <c r="RYL17" s="916" t="s">
        <v>3816</v>
      </c>
      <c r="RYM17" s="916" t="s">
        <v>3816</v>
      </c>
      <c r="RYN17" s="916" t="s">
        <v>3816</v>
      </c>
      <c r="RYO17" s="916" t="s">
        <v>3816</v>
      </c>
      <c r="RYP17" s="916" t="s">
        <v>3816</v>
      </c>
      <c r="RYQ17" s="916" t="s">
        <v>3816</v>
      </c>
      <c r="RYR17" s="916" t="s">
        <v>3816</v>
      </c>
      <c r="RYS17" s="916" t="s">
        <v>3816</v>
      </c>
      <c r="RYT17" s="916" t="s">
        <v>3816</v>
      </c>
      <c r="RYU17" s="916" t="s">
        <v>3816</v>
      </c>
      <c r="RYV17" s="916" t="s">
        <v>3816</v>
      </c>
      <c r="RYW17" s="916" t="s">
        <v>3816</v>
      </c>
      <c r="RYX17" s="916" t="s">
        <v>3816</v>
      </c>
      <c r="RYY17" s="916" t="s">
        <v>3816</v>
      </c>
      <c r="RYZ17" s="916" t="s">
        <v>3816</v>
      </c>
      <c r="RZA17" s="916" t="s">
        <v>3816</v>
      </c>
      <c r="RZB17" s="916" t="s">
        <v>3816</v>
      </c>
      <c r="RZC17" s="916" t="s">
        <v>3816</v>
      </c>
      <c r="RZD17" s="916" t="s">
        <v>3816</v>
      </c>
      <c r="RZE17" s="916" t="s">
        <v>3816</v>
      </c>
      <c r="RZF17" s="916" t="s">
        <v>3816</v>
      </c>
      <c r="RZG17" s="916" t="s">
        <v>3816</v>
      </c>
      <c r="RZH17" s="916" t="s">
        <v>3816</v>
      </c>
      <c r="RZI17" s="916" t="s">
        <v>3816</v>
      </c>
      <c r="RZJ17" s="916" t="s">
        <v>3816</v>
      </c>
      <c r="RZK17" s="916" t="s">
        <v>3816</v>
      </c>
      <c r="RZL17" s="916" t="s">
        <v>3816</v>
      </c>
      <c r="RZM17" s="916" t="s">
        <v>3816</v>
      </c>
      <c r="RZN17" s="916" t="s">
        <v>3816</v>
      </c>
      <c r="RZO17" s="916" t="s">
        <v>3816</v>
      </c>
      <c r="RZP17" s="916" t="s">
        <v>3816</v>
      </c>
      <c r="RZQ17" s="916" t="s">
        <v>3816</v>
      </c>
      <c r="RZR17" s="916" t="s">
        <v>3816</v>
      </c>
      <c r="RZS17" s="916" t="s">
        <v>3816</v>
      </c>
      <c r="RZT17" s="916" t="s">
        <v>3816</v>
      </c>
      <c r="RZU17" s="916" t="s">
        <v>3816</v>
      </c>
      <c r="RZV17" s="916" t="s">
        <v>3816</v>
      </c>
      <c r="RZW17" s="916" t="s">
        <v>3816</v>
      </c>
      <c r="RZX17" s="916" t="s">
        <v>3816</v>
      </c>
      <c r="RZY17" s="916" t="s">
        <v>3816</v>
      </c>
      <c r="RZZ17" s="916" t="s">
        <v>3816</v>
      </c>
      <c r="SAA17" s="916" t="s">
        <v>3816</v>
      </c>
      <c r="SAB17" s="916" t="s">
        <v>3816</v>
      </c>
      <c r="SAC17" s="916" t="s">
        <v>3816</v>
      </c>
      <c r="SAD17" s="916" t="s">
        <v>3816</v>
      </c>
      <c r="SAE17" s="916" t="s">
        <v>3816</v>
      </c>
      <c r="SAF17" s="916" t="s">
        <v>3816</v>
      </c>
      <c r="SAG17" s="916" t="s">
        <v>3816</v>
      </c>
      <c r="SAH17" s="916" t="s">
        <v>3816</v>
      </c>
      <c r="SAI17" s="916" t="s">
        <v>3816</v>
      </c>
      <c r="SAJ17" s="916" t="s">
        <v>3816</v>
      </c>
      <c r="SAK17" s="916" t="s">
        <v>3816</v>
      </c>
      <c r="SAL17" s="916" t="s">
        <v>3816</v>
      </c>
      <c r="SAM17" s="916" t="s">
        <v>3816</v>
      </c>
      <c r="SAN17" s="916" t="s">
        <v>3816</v>
      </c>
      <c r="SAO17" s="916" t="s">
        <v>3816</v>
      </c>
      <c r="SAP17" s="916" t="s">
        <v>3816</v>
      </c>
      <c r="SAQ17" s="916" t="s">
        <v>3816</v>
      </c>
      <c r="SAR17" s="916" t="s">
        <v>3816</v>
      </c>
      <c r="SAS17" s="916" t="s">
        <v>3816</v>
      </c>
      <c r="SAT17" s="916" t="s">
        <v>3816</v>
      </c>
      <c r="SAU17" s="916" t="s">
        <v>3816</v>
      </c>
      <c r="SAV17" s="916" t="s">
        <v>3816</v>
      </c>
      <c r="SAW17" s="916" t="s">
        <v>3816</v>
      </c>
      <c r="SAX17" s="916" t="s">
        <v>3816</v>
      </c>
      <c r="SAY17" s="916" t="s">
        <v>3816</v>
      </c>
      <c r="SAZ17" s="916" t="s">
        <v>3816</v>
      </c>
      <c r="SBA17" s="916" t="s">
        <v>3816</v>
      </c>
      <c r="SBB17" s="916" t="s">
        <v>3816</v>
      </c>
      <c r="SBC17" s="916" t="s">
        <v>3816</v>
      </c>
      <c r="SBD17" s="916" t="s">
        <v>3816</v>
      </c>
      <c r="SBE17" s="916" t="s">
        <v>3816</v>
      </c>
      <c r="SBF17" s="916" t="s">
        <v>3816</v>
      </c>
      <c r="SBG17" s="916" t="s">
        <v>3816</v>
      </c>
      <c r="SBH17" s="916" t="s">
        <v>3816</v>
      </c>
      <c r="SBI17" s="916" t="s">
        <v>3816</v>
      </c>
      <c r="SBJ17" s="916" t="s">
        <v>3816</v>
      </c>
      <c r="SBK17" s="916" t="s">
        <v>3816</v>
      </c>
      <c r="SBL17" s="916" t="s">
        <v>3816</v>
      </c>
      <c r="SBM17" s="916" t="s">
        <v>3816</v>
      </c>
      <c r="SBN17" s="916" t="s">
        <v>3816</v>
      </c>
      <c r="SBO17" s="916" t="s">
        <v>3816</v>
      </c>
      <c r="SBP17" s="916" t="s">
        <v>3816</v>
      </c>
      <c r="SBQ17" s="916" t="s">
        <v>3816</v>
      </c>
      <c r="SBR17" s="916" t="s">
        <v>3816</v>
      </c>
      <c r="SBS17" s="916" t="s">
        <v>3816</v>
      </c>
      <c r="SBT17" s="916" t="s">
        <v>3816</v>
      </c>
      <c r="SBU17" s="916" t="s">
        <v>3816</v>
      </c>
      <c r="SBV17" s="916" t="s">
        <v>3816</v>
      </c>
      <c r="SBW17" s="916" t="s">
        <v>3816</v>
      </c>
      <c r="SBX17" s="916" t="s">
        <v>3816</v>
      </c>
      <c r="SBY17" s="916" t="s">
        <v>3816</v>
      </c>
      <c r="SBZ17" s="916" t="s">
        <v>3816</v>
      </c>
      <c r="SCA17" s="916" t="s">
        <v>3816</v>
      </c>
      <c r="SCB17" s="916" t="s">
        <v>3816</v>
      </c>
      <c r="SCC17" s="916" t="s">
        <v>3816</v>
      </c>
      <c r="SCD17" s="916" t="s">
        <v>3816</v>
      </c>
      <c r="SCE17" s="916" t="s">
        <v>3816</v>
      </c>
      <c r="SCF17" s="916" t="s">
        <v>3816</v>
      </c>
      <c r="SCG17" s="916" t="s">
        <v>3816</v>
      </c>
      <c r="SCH17" s="916" t="s">
        <v>3816</v>
      </c>
      <c r="SCI17" s="916" t="s">
        <v>3816</v>
      </c>
      <c r="SCJ17" s="916" t="s">
        <v>3816</v>
      </c>
      <c r="SCK17" s="916" t="s">
        <v>3816</v>
      </c>
      <c r="SCL17" s="916" t="s">
        <v>3816</v>
      </c>
      <c r="SCM17" s="916" t="s">
        <v>3816</v>
      </c>
      <c r="SCN17" s="916" t="s">
        <v>3816</v>
      </c>
      <c r="SCO17" s="916" t="s">
        <v>3816</v>
      </c>
      <c r="SCP17" s="916" t="s">
        <v>3816</v>
      </c>
      <c r="SCQ17" s="916" t="s">
        <v>3816</v>
      </c>
      <c r="SCR17" s="916" t="s">
        <v>3816</v>
      </c>
      <c r="SCS17" s="916" t="s">
        <v>3816</v>
      </c>
      <c r="SCT17" s="916" t="s">
        <v>3816</v>
      </c>
      <c r="SCU17" s="916" t="s">
        <v>3816</v>
      </c>
      <c r="SCV17" s="916" t="s">
        <v>3816</v>
      </c>
      <c r="SCW17" s="916" t="s">
        <v>3816</v>
      </c>
      <c r="SCX17" s="916" t="s">
        <v>3816</v>
      </c>
      <c r="SCY17" s="916" t="s">
        <v>3816</v>
      </c>
      <c r="SCZ17" s="916" t="s">
        <v>3816</v>
      </c>
      <c r="SDA17" s="916" t="s">
        <v>3816</v>
      </c>
      <c r="SDB17" s="916" t="s">
        <v>3816</v>
      </c>
      <c r="SDC17" s="916" t="s">
        <v>3816</v>
      </c>
      <c r="SDD17" s="916" t="s">
        <v>3816</v>
      </c>
      <c r="SDE17" s="916" t="s">
        <v>3816</v>
      </c>
      <c r="SDF17" s="916" t="s">
        <v>3816</v>
      </c>
      <c r="SDG17" s="916" t="s">
        <v>3816</v>
      </c>
      <c r="SDH17" s="916" t="s">
        <v>3816</v>
      </c>
      <c r="SDI17" s="916" t="s">
        <v>3816</v>
      </c>
      <c r="SDJ17" s="916" t="s">
        <v>3816</v>
      </c>
      <c r="SDK17" s="916" t="s">
        <v>3816</v>
      </c>
      <c r="SDL17" s="916" t="s">
        <v>3816</v>
      </c>
      <c r="SDM17" s="916" t="s">
        <v>3816</v>
      </c>
      <c r="SDN17" s="916" t="s">
        <v>3816</v>
      </c>
      <c r="SDO17" s="916" t="s">
        <v>3816</v>
      </c>
      <c r="SDP17" s="916" t="s">
        <v>3816</v>
      </c>
      <c r="SDQ17" s="916" t="s">
        <v>3816</v>
      </c>
      <c r="SDR17" s="916" t="s">
        <v>3816</v>
      </c>
      <c r="SDS17" s="916" t="s">
        <v>3816</v>
      </c>
      <c r="SDT17" s="916" t="s">
        <v>3816</v>
      </c>
      <c r="SDU17" s="916" t="s">
        <v>3816</v>
      </c>
      <c r="SDV17" s="916" t="s">
        <v>3816</v>
      </c>
      <c r="SDW17" s="916" t="s">
        <v>3816</v>
      </c>
      <c r="SDX17" s="916" t="s">
        <v>3816</v>
      </c>
      <c r="SDY17" s="916" t="s">
        <v>3816</v>
      </c>
      <c r="SDZ17" s="916" t="s">
        <v>3816</v>
      </c>
      <c r="SEA17" s="916" t="s">
        <v>3816</v>
      </c>
      <c r="SEB17" s="916" t="s">
        <v>3816</v>
      </c>
      <c r="SEC17" s="916" t="s">
        <v>3816</v>
      </c>
      <c r="SED17" s="916" t="s">
        <v>3816</v>
      </c>
      <c r="SEE17" s="916" t="s">
        <v>3816</v>
      </c>
      <c r="SEF17" s="916" t="s">
        <v>3816</v>
      </c>
      <c r="SEG17" s="916" t="s">
        <v>3816</v>
      </c>
      <c r="SEH17" s="916" t="s">
        <v>3816</v>
      </c>
      <c r="SEI17" s="916" t="s">
        <v>3816</v>
      </c>
      <c r="SEJ17" s="916" t="s">
        <v>3816</v>
      </c>
      <c r="SEK17" s="916" t="s">
        <v>3816</v>
      </c>
      <c r="SEL17" s="916" t="s">
        <v>3816</v>
      </c>
      <c r="SEM17" s="916" t="s">
        <v>3816</v>
      </c>
      <c r="SEN17" s="916" t="s">
        <v>3816</v>
      </c>
      <c r="SEO17" s="916" t="s">
        <v>3816</v>
      </c>
      <c r="SEP17" s="916" t="s">
        <v>3816</v>
      </c>
      <c r="SEQ17" s="916" t="s">
        <v>3816</v>
      </c>
      <c r="SER17" s="916" t="s">
        <v>3816</v>
      </c>
      <c r="SES17" s="916" t="s">
        <v>3816</v>
      </c>
      <c r="SET17" s="916" t="s">
        <v>3816</v>
      </c>
      <c r="SEU17" s="916" t="s">
        <v>3816</v>
      </c>
      <c r="SEV17" s="916" t="s">
        <v>3816</v>
      </c>
      <c r="SEW17" s="916" t="s">
        <v>3816</v>
      </c>
      <c r="SEX17" s="916" t="s">
        <v>3816</v>
      </c>
      <c r="SEY17" s="916" t="s">
        <v>3816</v>
      </c>
      <c r="SEZ17" s="916" t="s">
        <v>3816</v>
      </c>
      <c r="SFA17" s="916" t="s">
        <v>3816</v>
      </c>
      <c r="SFB17" s="916" t="s">
        <v>3816</v>
      </c>
      <c r="SFC17" s="916" t="s">
        <v>3816</v>
      </c>
      <c r="SFD17" s="916" t="s">
        <v>3816</v>
      </c>
      <c r="SFE17" s="916" t="s">
        <v>3816</v>
      </c>
      <c r="SFF17" s="916" t="s">
        <v>3816</v>
      </c>
      <c r="SFG17" s="916" t="s">
        <v>3816</v>
      </c>
      <c r="SFH17" s="916" t="s">
        <v>3816</v>
      </c>
      <c r="SFI17" s="916" t="s">
        <v>3816</v>
      </c>
      <c r="SFJ17" s="916" t="s">
        <v>3816</v>
      </c>
      <c r="SFK17" s="916" t="s">
        <v>3816</v>
      </c>
      <c r="SFL17" s="916" t="s">
        <v>3816</v>
      </c>
      <c r="SFM17" s="916" t="s">
        <v>3816</v>
      </c>
      <c r="SFN17" s="916" t="s">
        <v>3816</v>
      </c>
      <c r="SFO17" s="916" t="s">
        <v>3816</v>
      </c>
      <c r="SFP17" s="916" t="s">
        <v>3816</v>
      </c>
      <c r="SFQ17" s="916" t="s">
        <v>3816</v>
      </c>
      <c r="SFR17" s="916" t="s">
        <v>3816</v>
      </c>
      <c r="SFS17" s="916" t="s">
        <v>3816</v>
      </c>
      <c r="SFT17" s="916" t="s">
        <v>3816</v>
      </c>
      <c r="SFU17" s="916" t="s">
        <v>3816</v>
      </c>
      <c r="SFV17" s="916" t="s">
        <v>3816</v>
      </c>
      <c r="SFW17" s="916" t="s">
        <v>3816</v>
      </c>
      <c r="SFX17" s="916" t="s">
        <v>3816</v>
      </c>
      <c r="SFY17" s="916" t="s">
        <v>3816</v>
      </c>
      <c r="SFZ17" s="916" t="s">
        <v>3816</v>
      </c>
      <c r="SGA17" s="916" t="s">
        <v>3816</v>
      </c>
      <c r="SGB17" s="916" t="s">
        <v>3816</v>
      </c>
      <c r="SGC17" s="916" t="s">
        <v>3816</v>
      </c>
      <c r="SGD17" s="916" t="s">
        <v>3816</v>
      </c>
      <c r="SGE17" s="916" t="s">
        <v>3816</v>
      </c>
      <c r="SGF17" s="916" t="s">
        <v>3816</v>
      </c>
      <c r="SGG17" s="916" t="s">
        <v>3816</v>
      </c>
      <c r="SGH17" s="916" t="s">
        <v>3816</v>
      </c>
      <c r="SGI17" s="916" t="s">
        <v>3816</v>
      </c>
      <c r="SGJ17" s="916" t="s">
        <v>3816</v>
      </c>
      <c r="SGK17" s="916" t="s">
        <v>3816</v>
      </c>
      <c r="SGL17" s="916" t="s">
        <v>3816</v>
      </c>
      <c r="SGM17" s="916" t="s">
        <v>3816</v>
      </c>
      <c r="SGN17" s="916" t="s">
        <v>3816</v>
      </c>
      <c r="SGO17" s="916" t="s">
        <v>3816</v>
      </c>
      <c r="SGP17" s="916" t="s">
        <v>3816</v>
      </c>
      <c r="SGQ17" s="916" t="s">
        <v>3816</v>
      </c>
      <c r="SGR17" s="916" t="s">
        <v>3816</v>
      </c>
      <c r="SGS17" s="916" t="s">
        <v>3816</v>
      </c>
      <c r="SGT17" s="916" t="s">
        <v>3816</v>
      </c>
      <c r="SGU17" s="916" t="s">
        <v>3816</v>
      </c>
      <c r="SGV17" s="916" t="s">
        <v>3816</v>
      </c>
      <c r="SGW17" s="916" t="s">
        <v>3816</v>
      </c>
      <c r="SGX17" s="916" t="s">
        <v>3816</v>
      </c>
      <c r="SGY17" s="916" t="s">
        <v>3816</v>
      </c>
      <c r="SGZ17" s="916" t="s">
        <v>3816</v>
      </c>
      <c r="SHA17" s="916" t="s">
        <v>3816</v>
      </c>
      <c r="SHB17" s="916" t="s">
        <v>3816</v>
      </c>
      <c r="SHC17" s="916" t="s">
        <v>3816</v>
      </c>
      <c r="SHD17" s="916" t="s">
        <v>3816</v>
      </c>
      <c r="SHE17" s="916" t="s">
        <v>3816</v>
      </c>
      <c r="SHF17" s="916" t="s">
        <v>3816</v>
      </c>
      <c r="SHG17" s="916" t="s">
        <v>3816</v>
      </c>
      <c r="SHH17" s="916" t="s">
        <v>3816</v>
      </c>
      <c r="SHI17" s="916" t="s">
        <v>3816</v>
      </c>
      <c r="SHJ17" s="916" t="s">
        <v>3816</v>
      </c>
      <c r="SHK17" s="916" t="s">
        <v>3816</v>
      </c>
      <c r="SHL17" s="916" t="s">
        <v>3816</v>
      </c>
      <c r="SHM17" s="916" t="s">
        <v>3816</v>
      </c>
      <c r="SHN17" s="916" t="s">
        <v>3816</v>
      </c>
      <c r="SHO17" s="916" t="s">
        <v>3816</v>
      </c>
      <c r="SHP17" s="916" t="s">
        <v>3816</v>
      </c>
      <c r="SHQ17" s="916" t="s">
        <v>3816</v>
      </c>
      <c r="SHR17" s="916" t="s">
        <v>3816</v>
      </c>
      <c r="SHS17" s="916" t="s">
        <v>3816</v>
      </c>
      <c r="SHT17" s="916" t="s">
        <v>3816</v>
      </c>
      <c r="SHU17" s="916" t="s">
        <v>3816</v>
      </c>
      <c r="SHV17" s="916" t="s">
        <v>3816</v>
      </c>
      <c r="SHW17" s="916" t="s">
        <v>3816</v>
      </c>
      <c r="SHX17" s="916" t="s">
        <v>3816</v>
      </c>
      <c r="SHY17" s="916" t="s">
        <v>3816</v>
      </c>
      <c r="SHZ17" s="916" t="s">
        <v>3816</v>
      </c>
      <c r="SIA17" s="916" t="s">
        <v>3816</v>
      </c>
      <c r="SIB17" s="916" t="s">
        <v>3816</v>
      </c>
      <c r="SIC17" s="916" t="s">
        <v>3816</v>
      </c>
      <c r="SID17" s="916" t="s">
        <v>3816</v>
      </c>
      <c r="SIE17" s="916" t="s">
        <v>3816</v>
      </c>
      <c r="SIF17" s="916" t="s">
        <v>3816</v>
      </c>
      <c r="SIG17" s="916" t="s">
        <v>3816</v>
      </c>
      <c r="SIH17" s="916" t="s">
        <v>3816</v>
      </c>
      <c r="SII17" s="916" t="s">
        <v>3816</v>
      </c>
      <c r="SIJ17" s="916" t="s">
        <v>3816</v>
      </c>
      <c r="SIK17" s="916" t="s">
        <v>3816</v>
      </c>
      <c r="SIL17" s="916" t="s">
        <v>3816</v>
      </c>
      <c r="SIM17" s="916" t="s">
        <v>3816</v>
      </c>
      <c r="SIN17" s="916" t="s">
        <v>3816</v>
      </c>
      <c r="SIO17" s="916" t="s">
        <v>3816</v>
      </c>
      <c r="SIP17" s="916" t="s">
        <v>3816</v>
      </c>
      <c r="SIQ17" s="916" t="s">
        <v>3816</v>
      </c>
      <c r="SIR17" s="916" t="s">
        <v>3816</v>
      </c>
      <c r="SIS17" s="916" t="s">
        <v>3816</v>
      </c>
      <c r="SIT17" s="916" t="s">
        <v>3816</v>
      </c>
      <c r="SIU17" s="916" t="s">
        <v>3816</v>
      </c>
      <c r="SIV17" s="916" t="s">
        <v>3816</v>
      </c>
      <c r="SIW17" s="916" t="s">
        <v>3816</v>
      </c>
      <c r="SIX17" s="916" t="s">
        <v>3816</v>
      </c>
      <c r="SIY17" s="916" t="s">
        <v>3816</v>
      </c>
      <c r="SIZ17" s="916" t="s">
        <v>3816</v>
      </c>
      <c r="SJA17" s="916" t="s">
        <v>3816</v>
      </c>
      <c r="SJB17" s="916" t="s">
        <v>3816</v>
      </c>
      <c r="SJC17" s="916" t="s">
        <v>3816</v>
      </c>
      <c r="SJD17" s="916" t="s">
        <v>3816</v>
      </c>
      <c r="SJE17" s="916" t="s">
        <v>3816</v>
      </c>
      <c r="SJF17" s="916" t="s">
        <v>3816</v>
      </c>
      <c r="SJG17" s="916" t="s">
        <v>3816</v>
      </c>
      <c r="SJH17" s="916" t="s">
        <v>3816</v>
      </c>
      <c r="SJI17" s="916" t="s">
        <v>3816</v>
      </c>
      <c r="SJJ17" s="916" t="s">
        <v>3816</v>
      </c>
      <c r="SJK17" s="916" t="s">
        <v>3816</v>
      </c>
      <c r="SJL17" s="916" t="s">
        <v>3816</v>
      </c>
      <c r="SJM17" s="916" t="s">
        <v>3816</v>
      </c>
      <c r="SJN17" s="916" t="s">
        <v>3816</v>
      </c>
      <c r="SJO17" s="916" t="s">
        <v>3816</v>
      </c>
      <c r="SJP17" s="916" t="s">
        <v>3816</v>
      </c>
      <c r="SJQ17" s="916" t="s">
        <v>3816</v>
      </c>
      <c r="SJR17" s="916" t="s">
        <v>3816</v>
      </c>
      <c r="SJS17" s="916" t="s">
        <v>3816</v>
      </c>
      <c r="SJT17" s="916" t="s">
        <v>3816</v>
      </c>
      <c r="SJU17" s="916" t="s">
        <v>3816</v>
      </c>
      <c r="SJV17" s="916" t="s">
        <v>3816</v>
      </c>
      <c r="SJW17" s="916" t="s">
        <v>3816</v>
      </c>
      <c r="SJX17" s="916" t="s">
        <v>3816</v>
      </c>
      <c r="SJY17" s="916" t="s">
        <v>3816</v>
      </c>
      <c r="SJZ17" s="916" t="s">
        <v>3816</v>
      </c>
      <c r="SKA17" s="916" t="s">
        <v>3816</v>
      </c>
      <c r="SKB17" s="916" t="s">
        <v>3816</v>
      </c>
      <c r="SKC17" s="916" t="s">
        <v>3816</v>
      </c>
      <c r="SKD17" s="916" t="s">
        <v>3816</v>
      </c>
      <c r="SKE17" s="916" t="s">
        <v>3816</v>
      </c>
      <c r="SKF17" s="916" t="s">
        <v>3816</v>
      </c>
      <c r="SKG17" s="916" t="s">
        <v>3816</v>
      </c>
      <c r="SKH17" s="916" t="s">
        <v>3816</v>
      </c>
      <c r="SKI17" s="916" t="s">
        <v>3816</v>
      </c>
      <c r="SKJ17" s="916" t="s">
        <v>3816</v>
      </c>
      <c r="SKK17" s="916" t="s">
        <v>3816</v>
      </c>
      <c r="SKL17" s="916" t="s">
        <v>3816</v>
      </c>
      <c r="SKM17" s="916" t="s">
        <v>3816</v>
      </c>
      <c r="SKN17" s="916" t="s">
        <v>3816</v>
      </c>
      <c r="SKO17" s="916" t="s">
        <v>3816</v>
      </c>
      <c r="SKP17" s="916" t="s">
        <v>3816</v>
      </c>
      <c r="SKQ17" s="916" t="s">
        <v>3816</v>
      </c>
      <c r="SKR17" s="916" t="s">
        <v>3816</v>
      </c>
      <c r="SKS17" s="916" t="s">
        <v>3816</v>
      </c>
      <c r="SKT17" s="916" t="s">
        <v>3816</v>
      </c>
      <c r="SKU17" s="916" t="s">
        <v>3816</v>
      </c>
      <c r="SKV17" s="916" t="s">
        <v>3816</v>
      </c>
      <c r="SKW17" s="916" t="s">
        <v>3816</v>
      </c>
      <c r="SKX17" s="916" t="s">
        <v>3816</v>
      </c>
      <c r="SKY17" s="916" t="s">
        <v>3816</v>
      </c>
      <c r="SKZ17" s="916" t="s">
        <v>3816</v>
      </c>
      <c r="SLA17" s="916" t="s">
        <v>3816</v>
      </c>
      <c r="SLB17" s="916" t="s">
        <v>3816</v>
      </c>
      <c r="SLC17" s="916" t="s">
        <v>3816</v>
      </c>
      <c r="SLD17" s="916" t="s">
        <v>3816</v>
      </c>
      <c r="SLE17" s="916" t="s">
        <v>3816</v>
      </c>
      <c r="SLF17" s="916" t="s">
        <v>3816</v>
      </c>
      <c r="SLG17" s="916" t="s">
        <v>3816</v>
      </c>
      <c r="SLH17" s="916" t="s">
        <v>3816</v>
      </c>
      <c r="SLI17" s="916" t="s">
        <v>3816</v>
      </c>
      <c r="SLJ17" s="916" t="s">
        <v>3816</v>
      </c>
      <c r="SLK17" s="916" t="s">
        <v>3816</v>
      </c>
      <c r="SLL17" s="916" t="s">
        <v>3816</v>
      </c>
      <c r="SLM17" s="916" t="s">
        <v>3816</v>
      </c>
      <c r="SLN17" s="916" t="s">
        <v>3816</v>
      </c>
      <c r="SLO17" s="916" t="s">
        <v>3816</v>
      </c>
      <c r="SLP17" s="916" t="s">
        <v>3816</v>
      </c>
      <c r="SLQ17" s="916" t="s">
        <v>3816</v>
      </c>
      <c r="SLR17" s="916" t="s">
        <v>3816</v>
      </c>
      <c r="SLS17" s="916" t="s">
        <v>3816</v>
      </c>
      <c r="SLT17" s="916" t="s">
        <v>3816</v>
      </c>
      <c r="SLU17" s="916" t="s">
        <v>3816</v>
      </c>
      <c r="SLV17" s="916" t="s">
        <v>3816</v>
      </c>
      <c r="SLW17" s="916" t="s">
        <v>3816</v>
      </c>
      <c r="SLX17" s="916" t="s">
        <v>3816</v>
      </c>
      <c r="SLY17" s="916" t="s">
        <v>3816</v>
      </c>
      <c r="SLZ17" s="916" t="s">
        <v>3816</v>
      </c>
      <c r="SMA17" s="916" t="s">
        <v>3816</v>
      </c>
      <c r="SMB17" s="916" t="s">
        <v>3816</v>
      </c>
      <c r="SMC17" s="916" t="s">
        <v>3816</v>
      </c>
      <c r="SMD17" s="916" t="s">
        <v>3816</v>
      </c>
      <c r="SME17" s="916" t="s">
        <v>3816</v>
      </c>
      <c r="SMF17" s="916" t="s">
        <v>3816</v>
      </c>
      <c r="SMG17" s="916" t="s">
        <v>3816</v>
      </c>
      <c r="SMH17" s="916" t="s">
        <v>3816</v>
      </c>
      <c r="SMI17" s="916" t="s">
        <v>3816</v>
      </c>
      <c r="SMJ17" s="916" t="s">
        <v>3816</v>
      </c>
      <c r="SMK17" s="916" t="s">
        <v>3816</v>
      </c>
      <c r="SML17" s="916" t="s">
        <v>3816</v>
      </c>
      <c r="SMM17" s="916" t="s">
        <v>3816</v>
      </c>
      <c r="SMN17" s="916" t="s">
        <v>3816</v>
      </c>
      <c r="SMO17" s="916" t="s">
        <v>3816</v>
      </c>
      <c r="SMP17" s="916" t="s">
        <v>3816</v>
      </c>
      <c r="SMQ17" s="916" t="s">
        <v>3816</v>
      </c>
      <c r="SMR17" s="916" t="s">
        <v>3816</v>
      </c>
      <c r="SMS17" s="916" t="s">
        <v>3816</v>
      </c>
      <c r="SMT17" s="916" t="s">
        <v>3816</v>
      </c>
      <c r="SMU17" s="916" t="s">
        <v>3816</v>
      </c>
      <c r="SMV17" s="916" t="s">
        <v>3816</v>
      </c>
      <c r="SMW17" s="916" t="s">
        <v>3816</v>
      </c>
      <c r="SMX17" s="916" t="s">
        <v>3816</v>
      </c>
      <c r="SMY17" s="916" t="s">
        <v>3816</v>
      </c>
      <c r="SMZ17" s="916" t="s">
        <v>3816</v>
      </c>
      <c r="SNA17" s="916" t="s">
        <v>3816</v>
      </c>
      <c r="SNB17" s="916" t="s">
        <v>3816</v>
      </c>
      <c r="SNC17" s="916" t="s">
        <v>3816</v>
      </c>
      <c r="SND17" s="916" t="s">
        <v>3816</v>
      </c>
      <c r="SNE17" s="916" t="s">
        <v>3816</v>
      </c>
      <c r="SNF17" s="916" t="s">
        <v>3816</v>
      </c>
      <c r="SNG17" s="916" t="s">
        <v>3816</v>
      </c>
      <c r="SNH17" s="916" t="s">
        <v>3816</v>
      </c>
      <c r="SNI17" s="916" t="s">
        <v>3816</v>
      </c>
      <c r="SNJ17" s="916" t="s">
        <v>3816</v>
      </c>
      <c r="SNK17" s="916" t="s">
        <v>3816</v>
      </c>
      <c r="SNL17" s="916" t="s">
        <v>3816</v>
      </c>
      <c r="SNM17" s="916" t="s">
        <v>3816</v>
      </c>
      <c r="SNN17" s="916" t="s">
        <v>3816</v>
      </c>
      <c r="SNO17" s="916" t="s">
        <v>3816</v>
      </c>
      <c r="SNP17" s="916" t="s">
        <v>3816</v>
      </c>
      <c r="SNQ17" s="916" t="s">
        <v>3816</v>
      </c>
      <c r="SNR17" s="916" t="s">
        <v>3816</v>
      </c>
      <c r="SNS17" s="916" t="s">
        <v>3816</v>
      </c>
      <c r="SNT17" s="916" t="s">
        <v>3816</v>
      </c>
      <c r="SNU17" s="916" t="s">
        <v>3816</v>
      </c>
      <c r="SNV17" s="916" t="s">
        <v>3816</v>
      </c>
      <c r="SNW17" s="916" t="s">
        <v>3816</v>
      </c>
      <c r="SNX17" s="916" t="s">
        <v>3816</v>
      </c>
      <c r="SNY17" s="916" t="s">
        <v>3816</v>
      </c>
      <c r="SNZ17" s="916" t="s">
        <v>3816</v>
      </c>
      <c r="SOA17" s="916" t="s">
        <v>3816</v>
      </c>
      <c r="SOB17" s="916" t="s">
        <v>3816</v>
      </c>
      <c r="SOC17" s="916" t="s">
        <v>3816</v>
      </c>
      <c r="SOD17" s="916" t="s">
        <v>3816</v>
      </c>
      <c r="SOE17" s="916" t="s">
        <v>3816</v>
      </c>
      <c r="SOF17" s="916" t="s">
        <v>3816</v>
      </c>
      <c r="SOG17" s="916" t="s">
        <v>3816</v>
      </c>
      <c r="SOH17" s="916" t="s">
        <v>3816</v>
      </c>
      <c r="SOI17" s="916" t="s">
        <v>3816</v>
      </c>
      <c r="SOJ17" s="916" t="s">
        <v>3816</v>
      </c>
      <c r="SOK17" s="916" t="s">
        <v>3816</v>
      </c>
      <c r="SOL17" s="916" t="s">
        <v>3816</v>
      </c>
      <c r="SOM17" s="916" t="s">
        <v>3816</v>
      </c>
      <c r="SON17" s="916" t="s">
        <v>3816</v>
      </c>
      <c r="SOO17" s="916" t="s">
        <v>3816</v>
      </c>
      <c r="SOP17" s="916" t="s">
        <v>3816</v>
      </c>
      <c r="SOQ17" s="916" t="s">
        <v>3816</v>
      </c>
      <c r="SOR17" s="916" t="s">
        <v>3816</v>
      </c>
      <c r="SOS17" s="916" t="s">
        <v>3816</v>
      </c>
      <c r="SOT17" s="916" t="s">
        <v>3816</v>
      </c>
      <c r="SOU17" s="916" t="s">
        <v>3816</v>
      </c>
      <c r="SOV17" s="916" t="s">
        <v>3816</v>
      </c>
      <c r="SOW17" s="916" t="s">
        <v>3816</v>
      </c>
      <c r="SOX17" s="916" t="s">
        <v>3816</v>
      </c>
      <c r="SOY17" s="916" t="s">
        <v>3816</v>
      </c>
      <c r="SOZ17" s="916" t="s">
        <v>3816</v>
      </c>
      <c r="SPA17" s="916" t="s">
        <v>3816</v>
      </c>
      <c r="SPB17" s="916" t="s">
        <v>3816</v>
      </c>
      <c r="SPC17" s="916" t="s">
        <v>3816</v>
      </c>
      <c r="SPD17" s="916" t="s">
        <v>3816</v>
      </c>
      <c r="SPE17" s="916" t="s">
        <v>3816</v>
      </c>
      <c r="SPF17" s="916" t="s">
        <v>3816</v>
      </c>
      <c r="SPG17" s="916" t="s">
        <v>3816</v>
      </c>
      <c r="SPH17" s="916" t="s">
        <v>3816</v>
      </c>
      <c r="SPI17" s="916" t="s">
        <v>3816</v>
      </c>
      <c r="SPJ17" s="916" t="s">
        <v>3816</v>
      </c>
      <c r="SPK17" s="916" t="s">
        <v>3816</v>
      </c>
      <c r="SPL17" s="916" t="s">
        <v>3816</v>
      </c>
      <c r="SPM17" s="916" t="s">
        <v>3816</v>
      </c>
      <c r="SPN17" s="916" t="s">
        <v>3816</v>
      </c>
      <c r="SPO17" s="916" t="s">
        <v>3816</v>
      </c>
      <c r="SPP17" s="916" t="s">
        <v>3816</v>
      </c>
      <c r="SPQ17" s="916" t="s">
        <v>3816</v>
      </c>
      <c r="SPR17" s="916" t="s">
        <v>3816</v>
      </c>
      <c r="SPS17" s="916" t="s">
        <v>3816</v>
      </c>
      <c r="SPT17" s="916" t="s">
        <v>3816</v>
      </c>
      <c r="SPU17" s="916" t="s">
        <v>3816</v>
      </c>
      <c r="SPV17" s="916" t="s">
        <v>3816</v>
      </c>
      <c r="SPW17" s="916" t="s">
        <v>3816</v>
      </c>
      <c r="SPX17" s="916" t="s">
        <v>3816</v>
      </c>
      <c r="SPY17" s="916" t="s">
        <v>3816</v>
      </c>
      <c r="SPZ17" s="916" t="s">
        <v>3816</v>
      </c>
      <c r="SQA17" s="916" t="s">
        <v>3816</v>
      </c>
      <c r="SQB17" s="916" t="s">
        <v>3816</v>
      </c>
      <c r="SQC17" s="916" t="s">
        <v>3816</v>
      </c>
      <c r="SQD17" s="916" t="s">
        <v>3816</v>
      </c>
      <c r="SQE17" s="916" t="s">
        <v>3816</v>
      </c>
      <c r="SQF17" s="916" t="s">
        <v>3816</v>
      </c>
      <c r="SQG17" s="916" t="s">
        <v>3816</v>
      </c>
      <c r="SQH17" s="916" t="s">
        <v>3816</v>
      </c>
      <c r="SQI17" s="916" t="s">
        <v>3816</v>
      </c>
      <c r="SQJ17" s="916" t="s">
        <v>3816</v>
      </c>
      <c r="SQK17" s="916" t="s">
        <v>3816</v>
      </c>
      <c r="SQL17" s="916" t="s">
        <v>3816</v>
      </c>
      <c r="SQM17" s="916" t="s">
        <v>3816</v>
      </c>
      <c r="SQN17" s="916" t="s">
        <v>3816</v>
      </c>
      <c r="SQO17" s="916" t="s">
        <v>3816</v>
      </c>
      <c r="SQP17" s="916" t="s">
        <v>3816</v>
      </c>
      <c r="SQQ17" s="916" t="s">
        <v>3816</v>
      </c>
      <c r="SQR17" s="916" t="s">
        <v>3816</v>
      </c>
      <c r="SQS17" s="916" t="s">
        <v>3816</v>
      </c>
      <c r="SQT17" s="916" t="s">
        <v>3816</v>
      </c>
      <c r="SQU17" s="916" t="s">
        <v>3816</v>
      </c>
      <c r="SQV17" s="916" t="s">
        <v>3816</v>
      </c>
      <c r="SQW17" s="916" t="s">
        <v>3816</v>
      </c>
      <c r="SQX17" s="916" t="s">
        <v>3816</v>
      </c>
      <c r="SQY17" s="916" t="s">
        <v>3816</v>
      </c>
      <c r="SQZ17" s="916" t="s">
        <v>3816</v>
      </c>
      <c r="SRA17" s="916" t="s">
        <v>3816</v>
      </c>
      <c r="SRB17" s="916" t="s">
        <v>3816</v>
      </c>
      <c r="SRC17" s="916" t="s">
        <v>3816</v>
      </c>
      <c r="SRD17" s="916" t="s">
        <v>3816</v>
      </c>
      <c r="SRE17" s="916" t="s">
        <v>3816</v>
      </c>
      <c r="SRF17" s="916" t="s">
        <v>3816</v>
      </c>
      <c r="SRG17" s="916" t="s">
        <v>3816</v>
      </c>
      <c r="SRH17" s="916" t="s">
        <v>3816</v>
      </c>
      <c r="SRI17" s="916" t="s">
        <v>3816</v>
      </c>
      <c r="SRJ17" s="916" t="s">
        <v>3816</v>
      </c>
      <c r="SRK17" s="916" t="s">
        <v>3816</v>
      </c>
      <c r="SRL17" s="916" t="s">
        <v>3816</v>
      </c>
      <c r="SRM17" s="916" t="s">
        <v>3816</v>
      </c>
      <c r="SRN17" s="916" t="s">
        <v>3816</v>
      </c>
      <c r="SRO17" s="916" t="s">
        <v>3816</v>
      </c>
      <c r="SRP17" s="916" t="s">
        <v>3816</v>
      </c>
      <c r="SRQ17" s="916" t="s">
        <v>3816</v>
      </c>
      <c r="SRR17" s="916" t="s">
        <v>3816</v>
      </c>
      <c r="SRS17" s="916" t="s">
        <v>3816</v>
      </c>
      <c r="SRT17" s="916" t="s">
        <v>3816</v>
      </c>
      <c r="SRU17" s="916" t="s">
        <v>3816</v>
      </c>
      <c r="SRV17" s="916" t="s">
        <v>3816</v>
      </c>
      <c r="SRW17" s="916" t="s">
        <v>3816</v>
      </c>
      <c r="SRX17" s="916" t="s">
        <v>3816</v>
      </c>
      <c r="SRY17" s="916" t="s">
        <v>3816</v>
      </c>
      <c r="SRZ17" s="916" t="s">
        <v>3816</v>
      </c>
      <c r="SSA17" s="916" t="s">
        <v>3816</v>
      </c>
      <c r="SSB17" s="916" t="s">
        <v>3816</v>
      </c>
      <c r="SSC17" s="916" t="s">
        <v>3816</v>
      </c>
      <c r="SSD17" s="916" t="s">
        <v>3816</v>
      </c>
      <c r="SSE17" s="916" t="s">
        <v>3816</v>
      </c>
      <c r="SSF17" s="916" t="s">
        <v>3816</v>
      </c>
      <c r="SSG17" s="916" t="s">
        <v>3816</v>
      </c>
      <c r="SSH17" s="916" t="s">
        <v>3816</v>
      </c>
      <c r="SSI17" s="916" t="s">
        <v>3816</v>
      </c>
      <c r="SSJ17" s="916" t="s">
        <v>3816</v>
      </c>
      <c r="SSK17" s="916" t="s">
        <v>3816</v>
      </c>
      <c r="SSL17" s="916" t="s">
        <v>3816</v>
      </c>
      <c r="SSM17" s="916" t="s">
        <v>3816</v>
      </c>
      <c r="SSN17" s="916" t="s">
        <v>3816</v>
      </c>
      <c r="SSO17" s="916" t="s">
        <v>3816</v>
      </c>
      <c r="SSP17" s="916" t="s">
        <v>3816</v>
      </c>
      <c r="SSQ17" s="916" t="s">
        <v>3816</v>
      </c>
      <c r="SSR17" s="916" t="s">
        <v>3816</v>
      </c>
      <c r="SSS17" s="916" t="s">
        <v>3816</v>
      </c>
      <c r="SST17" s="916" t="s">
        <v>3816</v>
      </c>
      <c r="SSU17" s="916" t="s">
        <v>3816</v>
      </c>
      <c r="SSV17" s="916" t="s">
        <v>3816</v>
      </c>
      <c r="SSW17" s="916" t="s">
        <v>3816</v>
      </c>
      <c r="SSX17" s="916" t="s">
        <v>3816</v>
      </c>
      <c r="SSY17" s="916" t="s">
        <v>3816</v>
      </c>
      <c r="SSZ17" s="916" t="s">
        <v>3816</v>
      </c>
      <c r="STA17" s="916" t="s">
        <v>3816</v>
      </c>
      <c r="STB17" s="916" t="s">
        <v>3816</v>
      </c>
      <c r="STC17" s="916" t="s">
        <v>3816</v>
      </c>
      <c r="STD17" s="916" t="s">
        <v>3816</v>
      </c>
      <c r="STE17" s="916" t="s">
        <v>3816</v>
      </c>
      <c r="STF17" s="916" t="s">
        <v>3816</v>
      </c>
      <c r="STG17" s="916" t="s">
        <v>3816</v>
      </c>
      <c r="STH17" s="916" t="s">
        <v>3816</v>
      </c>
      <c r="STI17" s="916" t="s">
        <v>3816</v>
      </c>
      <c r="STJ17" s="916" t="s">
        <v>3816</v>
      </c>
      <c r="STK17" s="916" t="s">
        <v>3816</v>
      </c>
      <c r="STL17" s="916" t="s">
        <v>3816</v>
      </c>
      <c r="STM17" s="916" t="s">
        <v>3816</v>
      </c>
      <c r="STN17" s="916" t="s">
        <v>3816</v>
      </c>
      <c r="STO17" s="916" t="s">
        <v>3816</v>
      </c>
      <c r="STP17" s="916" t="s">
        <v>3816</v>
      </c>
      <c r="STQ17" s="916" t="s">
        <v>3816</v>
      </c>
      <c r="STR17" s="916" t="s">
        <v>3816</v>
      </c>
      <c r="STS17" s="916" t="s">
        <v>3816</v>
      </c>
      <c r="STT17" s="916" t="s">
        <v>3816</v>
      </c>
      <c r="STU17" s="916" t="s">
        <v>3816</v>
      </c>
      <c r="STV17" s="916" t="s">
        <v>3816</v>
      </c>
      <c r="STW17" s="916" t="s">
        <v>3816</v>
      </c>
      <c r="STX17" s="916" t="s">
        <v>3816</v>
      </c>
      <c r="STY17" s="916" t="s">
        <v>3816</v>
      </c>
      <c r="STZ17" s="916" t="s">
        <v>3816</v>
      </c>
      <c r="SUA17" s="916" t="s">
        <v>3816</v>
      </c>
      <c r="SUB17" s="916" t="s">
        <v>3816</v>
      </c>
      <c r="SUC17" s="916" t="s">
        <v>3816</v>
      </c>
      <c r="SUD17" s="916" t="s">
        <v>3816</v>
      </c>
      <c r="SUE17" s="916" t="s">
        <v>3816</v>
      </c>
      <c r="SUF17" s="916" t="s">
        <v>3816</v>
      </c>
      <c r="SUG17" s="916" t="s">
        <v>3816</v>
      </c>
      <c r="SUH17" s="916" t="s">
        <v>3816</v>
      </c>
      <c r="SUI17" s="916" t="s">
        <v>3816</v>
      </c>
      <c r="SUJ17" s="916" t="s">
        <v>3816</v>
      </c>
      <c r="SUK17" s="916" t="s">
        <v>3816</v>
      </c>
      <c r="SUL17" s="916" t="s">
        <v>3816</v>
      </c>
      <c r="SUM17" s="916" t="s">
        <v>3816</v>
      </c>
      <c r="SUN17" s="916" t="s">
        <v>3816</v>
      </c>
      <c r="SUO17" s="916" t="s">
        <v>3816</v>
      </c>
      <c r="SUP17" s="916" t="s">
        <v>3816</v>
      </c>
      <c r="SUQ17" s="916" t="s">
        <v>3816</v>
      </c>
      <c r="SUR17" s="916" t="s">
        <v>3816</v>
      </c>
      <c r="SUS17" s="916" t="s">
        <v>3816</v>
      </c>
      <c r="SUT17" s="916" t="s">
        <v>3816</v>
      </c>
      <c r="SUU17" s="916" t="s">
        <v>3816</v>
      </c>
      <c r="SUV17" s="916" t="s">
        <v>3816</v>
      </c>
      <c r="SUW17" s="916" t="s">
        <v>3816</v>
      </c>
      <c r="SUX17" s="916" t="s">
        <v>3816</v>
      </c>
      <c r="SUY17" s="916" t="s">
        <v>3816</v>
      </c>
      <c r="SUZ17" s="916" t="s">
        <v>3816</v>
      </c>
      <c r="SVA17" s="916" t="s">
        <v>3816</v>
      </c>
      <c r="SVB17" s="916" t="s">
        <v>3816</v>
      </c>
      <c r="SVC17" s="916" t="s">
        <v>3816</v>
      </c>
      <c r="SVD17" s="916" t="s">
        <v>3816</v>
      </c>
      <c r="SVE17" s="916" t="s">
        <v>3816</v>
      </c>
      <c r="SVF17" s="916" t="s">
        <v>3816</v>
      </c>
      <c r="SVG17" s="916" t="s">
        <v>3816</v>
      </c>
      <c r="SVH17" s="916" t="s">
        <v>3816</v>
      </c>
      <c r="SVI17" s="916" t="s">
        <v>3816</v>
      </c>
      <c r="SVJ17" s="916" t="s">
        <v>3816</v>
      </c>
      <c r="SVK17" s="916" t="s">
        <v>3816</v>
      </c>
      <c r="SVL17" s="916" t="s">
        <v>3816</v>
      </c>
      <c r="SVM17" s="916" t="s">
        <v>3816</v>
      </c>
      <c r="SVN17" s="916" t="s">
        <v>3816</v>
      </c>
      <c r="SVO17" s="916" t="s">
        <v>3816</v>
      </c>
      <c r="SVP17" s="916" t="s">
        <v>3816</v>
      </c>
      <c r="SVQ17" s="916" t="s">
        <v>3816</v>
      </c>
      <c r="SVR17" s="916" t="s">
        <v>3816</v>
      </c>
      <c r="SVS17" s="916" t="s">
        <v>3816</v>
      </c>
      <c r="SVT17" s="916" t="s">
        <v>3816</v>
      </c>
      <c r="SVU17" s="916" t="s">
        <v>3816</v>
      </c>
      <c r="SVV17" s="916" t="s">
        <v>3816</v>
      </c>
      <c r="SVW17" s="916" t="s">
        <v>3816</v>
      </c>
      <c r="SVX17" s="916" t="s">
        <v>3816</v>
      </c>
      <c r="SVY17" s="916" t="s">
        <v>3816</v>
      </c>
      <c r="SVZ17" s="916" t="s">
        <v>3816</v>
      </c>
      <c r="SWA17" s="916" t="s">
        <v>3816</v>
      </c>
      <c r="SWB17" s="916" t="s">
        <v>3816</v>
      </c>
      <c r="SWC17" s="916" t="s">
        <v>3816</v>
      </c>
      <c r="SWD17" s="916" t="s">
        <v>3816</v>
      </c>
      <c r="SWE17" s="916" t="s">
        <v>3816</v>
      </c>
      <c r="SWF17" s="916" t="s">
        <v>3816</v>
      </c>
      <c r="SWG17" s="916" t="s">
        <v>3816</v>
      </c>
      <c r="SWH17" s="916" t="s">
        <v>3816</v>
      </c>
      <c r="SWI17" s="916" t="s">
        <v>3816</v>
      </c>
      <c r="SWJ17" s="916" t="s">
        <v>3816</v>
      </c>
      <c r="SWK17" s="916" t="s">
        <v>3816</v>
      </c>
      <c r="SWL17" s="916" t="s">
        <v>3816</v>
      </c>
      <c r="SWM17" s="916" t="s">
        <v>3816</v>
      </c>
      <c r="SWN17" s="916" t="s">
        <v>3816</v>
      </c>
      <c r="SWO17" s="916" t="s">
        <v>3816</v>
      </c>
      <c r="SWP17" s="916" t="s">
        <v>3816</v>
      </c>
      <c r="SWQ17" s="916" t="s">
        <v>3816</v>
      </c>
      <c r="SWR17" s="916" t="s">
        <v>3816</v>
      </c>
      <c r="SWS17" s="916" t="s">
        <v>3816</v>
      </c>
      <c r="SWT17" s="916" t="s">
        <v>3816</v>
      </c>
      <c r="SWU17" s="916" t="s">
        <v>3816</v>
      </c>
      <c r="SWV17" s="916" t="s">
        <v>3816</v>
      </c>
      <c r="SWW17" s="916" t="s">
        <v>3816</v>
      </c>
      <c r="SWX17" s="916" t="s">
        <v>3816</v>
      </c>
      <c r="SWY17" s="916" t="s">
        <v>3816</v>
      </c>
      <c r="SWZ17" s="916" t="s">
        <v>3816</v>
      </c>
      <c r="SXA17" s="916" t="s">
        <v>3816</v>
      </c>
      <c r="SXB17" s="916" t="s">
        <v>3816</v>
      </c>
      <c r="SXC17" s="916" t="s">
        <v>3816</v>
      </c>
      <c r="SXD17" s="916" t="s">
        <v>3816</v>
      </c>
      <c r="SXE17" s="916" t="s">
        <v>3816</v>
      </c>
      <c r="SXF17" s="916" t="s">
        <v>3816</v>
      </c>
      <c r="SXG17" s="916" t="s">
        <v>3816</v>
      </c>
      <c r="SXH17" s="916" t="s">
        <v>3816</v>
      </c>
      <c r="SXI17" s="916" t="s">
        <v>3816</v>
      </c>
      <c r="SXJ17" s="916" t="s">
        <v>3816</v>
      </c>
      <c r="SXK17" s="916" t="s">
        <v>3816</v>
      </c>
      <c r="SXL17" s="916" t="s">
        <v>3816</v>
      </c>
      <c r="SXM17" s="916" t="s">
        <v>3816</v>
      </c>
      <c r="SXN17" s="916" t="s">
        <v>3816</v>
      </c>
      <c r="SXO17" s="916" t="s">
        <v>3816</v>
      </c>
      <c r="SXP17" s="916" t="s">
        <v>3816</v>
      </c>
      <c r="SXQ17" s="916" t="s">
        <v>3816</v>
      </c>
      <c r="SXR17" s="916" t="s">
        <v>3816</v>
      </c>
      <c r="SXS17" s="916" t="s">
        <v>3816</v>
      </c>
      <c r="SXT17" s="916" t="s">
        <v>3816</v>
      </c>
      <c r="SXU17" s="916" t="s">
        <v>3816</v>
      </c>
      <c r="SXV17" s="916" t="s">
        <v>3816</v>
      </c>
      <c r="SXW17" s="916" t="s">
        <v>3816</v>
      </c>
      <c r="SXX17" s="916" t="s">
        <v>3816</v>
      </c>
      <c r="SXY17" s="916" t="s">
        <v>3816</v>
      </c>
      <c r="SXZ17" s="916" t="s">
        <v>3816</v>
      </c>
      <c r="SYA17" s="916" t="s">
        <v>3816</v>
      </c>
      <c r="SYB17" s="916" t="s">
        <v>3816</v>
      </c>
      <c r="SYC17" s="916" t="s">
        <v>3816</v>
      </c>
      <c r="SYD17" s="916" t="s">
        <v>3816</v>
      </c>
      <c r="SYE17" s="916" t="s">
        <v>3816</v>
      </c>
      <c r="SYF17" s="916" t="s">
        <v>3816</v>
      </c>
      <c r="SYG17" s="916" t="s">
        <v>3816</v>
      </c>
      <c r="SYH17" s="916" t="s">
        <v>3816</v>
      </c>
      <c r="SYI17" s="916" t="s">
        <v>3816</v>
      </c>
      <c r="SYJ17" s="916" t="s">
        <v>3816</v>
      </c>
      <c r="SYK17" s="916" t="s">
        <v>3816</v>
      </c>
      <c r="SYL17" s="916" t="s">
        <v>3816</v>
      </c>
      <c r="SYM17" s="916" t="s">
        <v>3816</v>
      </c>
      <c r="SYN17" s="916" t="s">
        <v>3816</v>
      </c>
      <c r="SYO17" s="916" t="s">
        <v>3816</v>
      </c>
      <c r="SYP17" s="916" t="s">
        <v>3816</v>
      </c>
      <c r="SYQ17" s="916" t="s">
        <v>3816</v>
      </c>
      <c r="SYR17" s="916" t="s">
        <v>3816</v>
      </c>
      <c r="SYS17" s="916" t="s">
        <v>3816</v>
      </c>
      <c r="SYT17" s="916" t="s">
        <v>3816</v>
      </c>
      <c r="SYU17" s="916" t="s">
        <v>3816</v>
      </c>
      <c r="SYV17" s="916" t="s">
        <v>3816</v>
      </c>
      <c r="SYW17" s="916" t="s">
        <v>3816</v>
      </c>
      <c r="SYX17" s="916" t="s">
        <v>3816</v>
      </c>
      <c r="SYY17" s="916" t="s">
        <v>3816</v>
      </c>
      <c r="SYZ17" s="916" t="s">
        <v>3816</v>
      </c>
      <c r="SZA17" s="916" t="s">
        <v>3816</v>
      </c>
      <c r="SZB17" s="916" t="s">
        <v>3816</v>
      </c>
      <c r="SZC17" s="916" t="s">
        <v>3816</v>
      </c>
      <c r="SZD17" s="916" t="s">
        <v>3816</v>
      </c>
      <c r="SZE17" s="916" t="s">
        <v>3816</v>
      </c>
      <c r="SZF17" s="916" t="s">
        <v>3816</v>
      </c>
      <c r="SZG17" s="916" t="s">
        <v>3816</v>
      </c>
      <c r="SZH17" s="916" t="s">
        <v>3816</v>
      </c>
      <c r="SZI17" s="916" t="s">
        <v>3816</v>
      </c>
      <c r="SZJ17" s="916" t="s">
        <v>3816</v>
      </c>
      <c r="SZK17" s="916" t="s">
        <v>3816</v>
      </c>
      <c r="SZL17" s="916" t="s">
        <v>3816</v>
      </c>
      <c r="SZM17" s="916" t="s">
        <v>3816</v>
      </c>
      <c r="SZN17" s="916" t="s">
        <v>3816</v>
      </c>
      <c r="SZO17" s="916" t="s">
        <v>3816</v>
      </c>
      <c r="SZP17" s="916" t="s">
        <v>3816</v>
      </c>
      <c r="SZQ17" s="916" t="s">
        <v>3816</v>
      </c>
      <c r="SZR17" s="916" t="s">
        <v>3816</v>
      </c>
      <c r="SZS17" s="916" t="s">
        <v>3816</v>
      </c>
      <c r="SZT17" s="916" t="s">
        <v>3816</v>
      </c>
      <c r="SZU17" s="916" t="s">
        <v>3816</v>
      </c>
      <c r="SZV17" s="916" t="s">
        <v>3816</v>
      </c>
      <c r="SZW17" s="916" t="s">
        <v>3816</v>
      </c>
      <c r="SZX17" s="916" t="s">
        <v>3816</v>
      </c>
      <c r="SZY17" s="916" t="s">
        <v>3816</v>
      </c>
      <c r="SZZ17" s="916" t="s">
        <v>3816</v>
      </c>
      <c r="TAA17" s="916" t="s">
        <v>3816</v>
      </c>
      <c r="TAB17" s="916" t="s">
        <v>3816</v>
      </c>
      <c r="TAC17" s="916" t="s">
        <v>3816</v>
      </c>
      <c r="TAD17" s="916" t="s">
        <v>3816</v>
      </c>
      <c r="TAE17" s="916" t="s">
        <v>3816</v>
      </c>
      <c r="TAF17" s="916" t="s">
        <v>3816</v>
      </c>
      <c r="TAG17" s="916" t="s">
        <v>3816</v>
      </c>
      <c r="TAH17" s="916" t="s">
        <v>3816</v>
      </c>
      <c r="TAI17" s="916" t="s">
        <v>3816</v>
      </c>
      <c r="TAJ17" s="916" t="s">
        <v>3816</v>
      </c>
      <c r="TAK17" s="916" t="s">
        <v>3816</v>
      </c>
      <c r="TAL17" s="916" t="s">
        <v>3816</v>
      </c>
      <c r="TAM17" s="916" t="s">
        <v>3816</v>
      </c>
      <c r="TAN17" s="916" t="s">
        <v>3816</v>
      </c>
      <c r="TAO17" s="916" t="s">
        <v>3816</v>
      </c>
      <c r="TAP17" s="916" t="s">
        <v>3816</v>
      </c>
      <c r="TAQ17" s="916" t="s">
        <v>3816</v>
      </c>
      <c r="TAR17" s="916" t="s">
        <v>3816</v>
      </c>
      <c r="TAS17" s="916" t="s">
        <v>3816</v>
      </c>
      <c r="TAT17" s="916" t="s">
        <v>3816</v>
      </c>
      <c r="TAU17" s="916" t="s">
        <v>3816</v>
      </c>
      <c r="TAV17" s="916" t="s">
        <v>3816</v>
      </c>
      <c r="TAW17" s="916" t="s">
        <v>3816</v>
      </c>
      <c r="TAX17" s="916" t="s">
        <v>3816</v>
      </c>
      <c r="TAY17" s="916" t="s">
        <v>3816</v>
      </c>
      <c r="TAZ17" s="916" t="s">
        <v>3816</v>
      </c>
      <c r="TBA17" s="916" t="s">
        <v>3816</v>
      </c>
      <c r="TBB17" s="916" t="s">
        <v>3816</v>
      </c>
      <c r="TBC17" s="916" t="s">
        <v>3816</v>
      </c>
      <c r="TBD17" s="916" t="s">
        <v>3816</v>
      </c>
      <c r="TBE17" s="916" t="s">
        <v>3816</v>
      </c>
      <c r="TBF17" s="916" t="s">
        <v>3816</v>
      </c>
      <c r="TBG17" s="916" t="s">
        <v>3816</v>
      </c>
      <c r="TBH17" s="916" t="s">
        <v>3816</v>
      </c>
      <c r="TBI17" s="916" t="s">
        <v>3816</v>
      </c>
      <c r="TBJ17" s="916" t="s">
        <v>3816</v>
      </c>
      <c r="TBK17" s="916" t="s">
        <v>3816</v>
      </c>
      <c r="TBL17" s="916" t="s">
        <v>3816</v>
      </c>
      <c r="TBM17" s="916" t="s">
        <v>3816</v>
      </c>
      <c r="TBN17" s="916" t="s">
        <v>3816</v>
      </c>
      <c r="TBO17" s="916" t="s">
        <v>3816</v>
      </c>
      <c r="TBP17" s="916" t="s">
        <v>3816</v>
      </c>
      <c r="TBQ17" s="916" t="s">
        <v>3816</v>
      </c>
      <c r="TBR17" s="916" t="s">
        <v>3816</v>
      </c>
      <c r="TBS17" s="916" t="s">
        <v>3816</v>
      </c>
      <c r="TBT17" s="916" t="s">
        <v>3816</v>
      </c>
      <c r="TBU17" s="916" t="s">
        <v>3816</v>
      </c>
      <c r="TBV17" s="916" t="s">
        <v>3816</v>
      </c>
      <c r="TBW17" s="916" t="s">
        <v>3816</v>
      </c>
      <c r="TBX17" s="916" t="s">
        <v>3816</v>
      </c>
      <c r="TBY17" s="916" t="s">
        <v>3816</v>
      </c>
      <c r="TBZ17" s="916" t="s">
        <v>3816</v>
      </c>
      <c r="TCA17" s="916" t="s">
        <v>3816</v>
      </c>
      <c r="TCB17" s="916" t="s">
        <v>3816</v>
      </c>
      <c r="TCC17" s="916" t="s">
        <v>3816</v>
      </c>
      <c r="TCD17" s="916" t="s">
        <v>3816</v>
      </c>
      <c r="TCE17" s="916" t="s">
        <v>3816</v>
      </c>
      <c r="TCF17" s="916" t="s">
        <v>3816</v>
      </c>
      <c r="TCG17" s="916" t="s">
        <v>3816</v>
      </c>
      <c r="TCH17" s="916" t="s">
        <v>3816</v>
      </c>
      <c r="TCI17" s="916" t="s">
        <v>3816</v>
      </c>
      <c r="TCJ17" s="916" t="s">
        <v>3816</v>
      </c>
      <c r="TCK17" s="916" t="s">
        <v>3816</v>
      </c>
      <c r="TCL17" s="916" t="s">
        <v>3816</v>
      </c>
      <c r="TCM17" s="916" t="s">
        <v>3816</v>
      </c>
      <c r="TCN17" s="916" t="s">
        <v>3816</v>
      </c>
      <c r="TCO17" s="916" t="s">
        <v>3816</v>
      </c>
      <c r="TCP17" s="916" t="s">
        <v>3816</v>
      </c>
      <c r="TCQ17" s="916" t="s">
        <v>3816</v>
      </c>
      <c r="TCR17" s="916" t="s">
        <v>3816</v>
      </c>
      <c r="TCS17" s="916" t="s">
        <v>3816</v>
      </c>
      <c r="TCT17" s="916" t="s">
        <v>3816</v>
      </c>
      <c r="TCU17" s="916" t="s">
        <v>3816</v>
      </c>
      <c r="TCV17" s="916" t="s">
        <v>3816</v>
      </c>
      <c r="TCW17" s="916" t="s">
        <v>3816</v>
      </c>
      <c r="TCX17" s="916" t="s">
        <v>3816</v>
      </c>
      <c r="TCY17" s="916" t="s">
        <v>3816</v>
      </c>
      <c r="TCZ17" s="916" t="s">
        <v>3816</v>
      </c>
      <c r="TDA17" s="916" t="s">
        <v>3816</v>
      </c>
      <c r="TDB17" s="916" t="s">
        <v>3816</v>
      </c>
      <c r="TDC17" s="916" t="s">
        <v>3816</v>
      </c>
      <c r="TDD17" s="916" t="s">
        <v>3816</v>
      </c>
      <c r="TDE17" s="916" t="s">
        <v>3816</v>
      </c>
      <c r="TDF17" s="916" t="s">
        <v>3816</v>
      </c>
      <c r="TDG17" s="916" t="s">
        <v>3816</v>
      </c>
      <c r="TDH17" s="916" t="s">
        <v>3816</v>
      </c>
      <c r="TDI17" s="916" t="s">
        <v>3816</v>
      </c>
      <c r="TDJ17" s="916" t="s">
        <v>3816</v>
      </c>
      <c r="TDK17" s="916" t="s">
        <v>3816</v>
      </c>
      <c r="TDL17" s="916" t="s">
        <v>3816</v>
      </c>
      <c r="TDM17" s="916" t="s">
        <v>3816</v>
      </c>
      <c r="TDN17" s="916" t="s">
        <v>3816</v>
      </c>
      <c r="TDO17" s="916" t="s">
        <v>3816</v>
      </c>
      <c r="TDP17" s="916" t="s">
        <v>3816</v>
      </c>
      <c r="TDQ17" s="916" t="s">
        <v>3816</v>
      </c>
      <c r="TDR17" s="916" t="s">
        <v>3816</v>
      </c>
      <c r="TDS17" s="916" t="s">
        <v>3816</v>
      </c>
      <c r="TDT17" s="916" t="s">
        <v>3816</v>
      </c>
      <c r="TDU17" s="916" t="s">
        <v>3816</v>
      </c>
      <c r="TDV17" s="916" t="s">
        <v>3816</v>
      </c>
      <c r="TDW17" s="916" t="s">
        <v>3816</v>
      </c>
      <c r="TDX17" s="916" t="s">
        <v>3816</v>
      </c>
      <c r="TDY17" s="916" t="s">
        <v>3816</v>
      </c>
      <c r="TDZ17" s="916" t="s">
        <v>3816</v>
      </c>
      <c r="TEA17" s="916" t="s">
        <v>3816</v>
      </c>
      <c r="TEB17" s="916" t="s">
        <v>3816</v>
      </c>
      <c r="TEC17" s="916" t="s">
        <v>3816</v>
      </c>
      <c r="TED17" s="916" t="s">
        <v>3816</v>
      </c>
      <c r="TEE17" s="916" t="s">
        <v>3816</v>
      </c>
      <c r="TEF17" s="916" t="s">
        <v>3816</v>
      </c>
      <c r="TEG17" s="916" t="s">
        <v>3816</v>
      </c>
      <c r="TEH17" s="916" t="s">
        <v>3816</v>
      </c>
      <c r="TEI17" s="916" t="s">
        <v>3816</v>
      </c>
      <c r="TEJ17" s="916" t="s">
        <v>3816</v>
      </c>
      <c r="TEK17" s="916" t="s">
        <v>3816</v>
      </c>
      <c r="TEL17" s="916" t="s">
        <v>3816</v>
      </c>
      <c r="TEM17" s="916" t="s">
        <v>3816</v>
      </c>
      <c r="TEN17" s="916" t="s">
        <v>3816</v>
      </c>
      <c r="TEO17" s="916" t="s">
        <v>3816</v>
      </c>
      <c r="TEP17" s="916" t="s">
        <v>3816</v>
      </c>
      <c r="TEQ17" s="916" t="s">
        <v>3816</v>
      </c>
      <c r="TER17" s="916" t="s">
        <v>3816</v>
      </c>
      <c r="TES17" s="916" t="s">
        <v>3816</v>
      </c>
      <c r="TET17" s="916" t="s">
        <v>3816</v>
      </c>
      <c r="TEU17" s="916" t="s">
        <v>3816</v>
      </c>
      <c r="TEV17" s="916" t="s">
        <v>3816</v>
      </c>
      <c r="TEW17" s="916" t="s">
        <v>3816</v>
      </c>
      <c r="TEX17" s="916" t="s">
        <v>3816</v>
      </c>
      <c r="TEY17" s="916" t="s">
        <v>3816</v>
      </c>
      <c r="TEZ17" s="916" t="s">
        <v>3816</v>
      </c>
      <c r="TFA17" s="916" t="s">
        <v>3816</v>
      </c>
      <c r="TFB17" s="916" t="s">
        <v>3816</v>
      </c>
      <c r="TFC17" s="916" t="s">
        <v>3816</v>
      </c>
      <c r="TFD17" s="916" t="s">
        <v>3816</v>
      </c>
      <c r="TFE17" s="916" t="s">
        <v>3816</v>
      </c>
      <c r="TFF17" s="916" t="s">
        <v>3816</v>
      </c>
      <c r="TFG17" s="916" t="s">
        <v>3816</v>
      </c>
      <c r="TFH17" s="916" t="s">
        <v>3816</v>
      </c>
      <c r="TFI17" s="916" t="s">
        <v>3816</v>
      </c>
      <c r="TFJ17" s="916" t="s">
        <v>3816</v>
      </c>
      <c r="TFK17" s="916" t="s">
        <v>3816</v>
      </c>
      <c r="TFL17" s="916" t="s">
        <v>3816</v>
      </c>
      <c r="TFM17" s="916" t="s">
        <v>3816</v>
      </c>
      <c r="TFN17" s="916" t="s">
        <v>3816</v>
      </c>
      <c r="TFO17" s="916" t="s">
        <v>3816</v>
      </c>
      <c r="TFP17" s="916" t="s">
        <v>3816</v>
      </c>
      <c r="TFQ17" s="916" t="s">
        <v>3816</v>
      </c>
      <c r="TFR17" s="916" t="s">
        <v>3816</v>
      </c>
      <c r="TFS17" s="916" t="s">
        <v>3816</v>
      </c>
      <c r="TFT17" s="916" t="s">
        <v>3816</v>
      </c>
      <c r="TFU17" s="916" t="s">
        <v>3816</v>
      </c>
      <c r="TFV17" s="916" t="s">
        <v>3816</v>
      </c>
      <c r="TFW17" s="916" t="s">
        <v>3816</v>
      </c>
      <c r="TFX17" s="916" t="s">
        <v>3816</v>
      </c>
      <c r="TFY17" s="916" t="s">
        <v>3816</v>
      </c>
      <c r="TFZ17" s="916" t="s">
        <v>3816</v>
      </c>
      <c r="TGA17" s="916" t="s">
        <v>3816</v>
      </c>
      <c r="TGB17" s="916" t="s">
        <v>3816</v>
      </c>
      <c r="TGC17" s="916" t="s">
        <v>3816</v>
      </c>
      <c r="TGD17" s="916" t="s">
        <v>3816</v>
      </c>
      <c r="TGE17" s="916" t="s">
        <v>3816</v>
      </c>
      <c r="TGF17" s="916" t="s">
        <v>3816</v>
      </c>
      <c r="TGG17" s="916" t="s">
        <v>3816</v>
      </c>
      <c r="TGH17" s="916" t="s">
        <v>3816</v>
      </c>
      <c r="TGI17" s="916" t="s">
        <v>3816</v>
      </c>
      <c r="TGJ17" s="916" t="s">
        <v>3816</v>
      </c>
      <c r="TGK17" s="916" t="s">
        <v>3816</v>
      </c>
      <c r="TGL17" s="916" t="s">
        <v>3816</v>
      </c>
      <c r="TGM17" s="916" t="s">
        <v>3816</v>
      </c>
      <c r="TGN17" s="916" t="s">
        <v>3816</v>
      </c>
      <c r="TGO17" s="916" t="s">
        <v>3816</v>
      </c>
      <c r="TGP17" s="916" t="s">
        <v>3816</v>
      </c>
      <c r="TGQ17" s="916" t="s">
        <v>3816</v>
      </c>
      <c r="TGR17" s="916" t="s">
        <v>3816</v>
      </c>
      <c r="TGS17" s="916" t="s">
        <v>3816</v>
      </c>
      <c r="TGT17" s="916" t="s">
        <v>3816</v>
      </c>
      <c r="TGU17" s="916" t="s">
        <v>3816</v>
      </c>
      <c r="TGV17" s="916" t="s">
        <v>3816</v>
      </c>
      <c r="TGW17" s="916" t="s">
        <v>3816</v>
      </c>
      <c r="TGX17" s="916" t="s">
        <v>3816</v>
      </c>
      <c r="TGY17" s="916" t="s">
        <v>3816</v>
      </c>
      <c r="TGZ17" s="916" t="s">
        <v>3816</v>
      </c>
      <c r="THA17" s="916" t="s">
        <v>3816</v>
      </c>
      <c r="THB17" s="916" t="s">
        <v>3816</v>
      </c>
      <c r="THC17" s="916" t="s">
        <v>3816</v>
      </c>
      <c r="THD17" s="916" t="s">
        <v>3816</v>
      </c>
      <c r="THE17" s="916" t="s">
        <v>3816</v>
      </c>
      <c r="THF17" s="916" t="s">
        <v>3816</v>
      </c>
      <c r="THG17" s="916" t="s">
        <v>3816</v>
      </c>
      <c r="THH17" s="916" t="s">
        <v>3816</v>
      </c>
      <c r="THI17" s="916" t="s">
        <v>3816</v>
      </c>
      <c r="THJ17" s="916" t="s">
        <v>3816</v>
      </c>
      <c r="THK17" s="916" t="s">
        <v>3816</v>
      </c>
      <c r="THL17" s="916" t="s">
        <v>3816</v>
      </c>
      <c r="THM17" s="916" t="s">
        <v>3816</v>
      </c>
      <c r="THN17" s="916" t="s">
        <v>3816</v>
      </c>
      <c r="THO17" s="916" t="s">
        <v>3816</v>
      </c>
      <c r="THP17" s="916" t="s">
        <v>3816</v>
      </c>
      <c r="THQ17" s="916" t="s">
        <v>3816</v>
      </c>
      <c r="THR17" s="916" t="s">
        <v>3816</v>
      </c>
      <c r="THS17" s="916" t="s">
        <v>3816</v>
      </c>
      <c r="THT17" s="916" t="s">
        <v>3816</v>
      </c>
      <c r="THU17" s="916" t="s">
        <v>3816</v>
      </c>
      <c r="THV17" s="916" t="s">
        <v>3816</v>
      </c>
      <c r="THW17" s="916" t="s">
        <v>3816</v>
      </c>
      <c r="THX17" s="916" t="s">
        <v>3816</v>
      </c>
      <c r="THY17" s="916" t="s">
        <v>3816</v>
      </c>
      <c r="THZ17" s="916" t="s">
        <v>3816</v>
      </c>
      <c r="TIA17" s="916" t="s">
        <v>3816</v>
      </c>
      <c r="TIB17" s="916" t="s">
        <v>3816</v>
      </c>
      <c r="TIC17" s="916" t="s">
        <v>3816</v>
      </c>
      <c r="TID17" s="916" t="s">
        <v>3816</v>
      </c>
      <c r="TIE17" s="916" t="s">
        <v>3816</v>
      </c>
      <c r="TIF17" s="916" t="s">
        <v>3816</v>
      </c>
      <c r="TIG17" s="916" t="s">
        <v>3816</v>
      </c>
      <c r="TIH17" s="916" t="s">
        <v>3816</v>
      </c>
      <c r="TII17" s="916" t="s">
        <v>3816</v>
      </c>
      <c r="TIJ17" s="916" t="s">
        <v>3816</v>
      </c>
      <c r="TIK17" s="916" t="s">
        <v>3816</v>
      </c>
      <c r="TIL17" s="916" t="s">
        <v>3816</v>
      </c>
      <c r="TIM17" s="916" t="s">
        <v>3816</v>
      </c>
      <c r="TIN17" s="916" t="s">
        <v>3816</v>
      </c>
      <c r="TIO17" s="916" t="s">
        <v>3816</v>
      </c>
      <c r="TIP17" s="916" t="s">
        <v>3816</v>
      </c>
      <c r="TIQ17" s="916" t="s">
        <v>3816</v>
      </c>
      <c r="TIR17" s="916" t="s">
        <v>3816</v>
      </c>
      <c r="TIS17" s="916" t="s">
        <v>3816</v>
      </c>
      <c r="TIT17" s="916" t="s">
        <v>3816</v>
      </c>
      <c r="TIU17" s="916" t="s">
        <v>3816</v>
      </c>
      <c r="TIV17" s="916" t="s">
        <v>3816</v>
      </c>
      <c r="TIW17" s="916" t="s">
        <v>3816</v>
      </c>
      <c r="TIX17" s="916" t="s">
        <v>3816</v>
      </c>
      <c r="TIY17" s="916" t="s">
        <v>3816</v>
      </c>
      <c r="TIZ17" s="916" t="s">
        <v>3816</v>
      </c>
      <c r="TJA17" s="916" t="s">
        <v>3816</v>
      </c>
      <c r="TJB17" s="916" t="s">
        <v>3816</v>
      </c>
      <c r="TJC17" s="916" t="s">
        <v>3816</v>
      </c>
      <c r="TJD17" s="916" t="s">
        <v>3816</v>
      </c>
      <c r="TJE17" s="916" t="s">
        <v>3816</v>
      </c>
      <c r="TJF17" s="916" t="s">
        <v>3816</v>
      </c>
      <c r="TJG17" s="916" t="s">
        <v>3816</v>
      </c>
      <c r="TJH17" s="916" t="s">
        <v>3816</v>
      </c>
      <c r="TJI17" s="916" t="s">
        <v>3816</v>
      </c>
      <c r="TJJ17" s="916" t="s">
        <v>3816</v>
      </c>
      <c r="TJK17" s="916" t="s">
        <v>3816</v>
      </c>
      <c r="TJL17" s="916" t="s">
        <v>3816</v>
      </c>
      <c r="TJM17" s="916" t="s">
        <v>3816</v>
      </c>
      <c r="TJN17" s="916" t="s">
        <v>3816</v>
      </c>
      <c r="TJO17" s="916" t="s">
        <v>3816</v>
      </c>
      <c r="TJP17" s="916" t="s">
        <v>3816</v>
      </c>
      <c r="TJQ17" s="916" t="s">
        <v>3816</v>
      </c>
      <c r="TJR17" s="916" t="s">
        <v>3816</v>
      </c>
      <c r="TJS17" s="916" t="s">
        <v>3816</v>
      </c>
      <c r="TJT17" s="916" t="s">
        <v>3816</v>
      </c>
      <c r="TJU17" s="916" t="s">
        <v>3816</v>
      </c>
      <c r="TJV17" s="916" t="s">
        <v>3816</v>
      </c>
      <c r="TJW17" s="916" t="s">
        <v>3816</v>
      </c>
      <c r="TJX17" s="916" t="s">
        <v>3816</v>
      </c>
      <c r="TJY17" s="916" t="s">
        <v>3816</v>
      </c>
      <c r="TJZ17" s="916" t="s">
        <v>3816</v>
      </c>
      <c r="TKA17" s="916" t="s">
        <v>3816</v>
      </c>
      <c r="TKB17" s="916" t="s">
        <v>3816</v>
      </c>
      <c r="TKC17" s="916" t="s">
        <v>3816</v>
      </c>
      <c r="TKD17" s="916" t="s">
        <v>3816</v>
      </c>
      <c r="TKE17" s="916" t="s">
        <v>3816</v>
      </c>
      <c r="TKF17" s="916" t="s">
        <v>3816</v>
      </c>
      <c r="TKG17" s="916" t="s">
        <v>3816</v>
      </c>
      <c r="TKH17" s="916" t="s">
        <v>3816</v>
      </c>
      <c r="TKI17" s="916" t="s">
        <v>3816</v>
      </c>
      <c r="TKJ17" s="916" t="s">
        <v>3816</v>
      </c>
      <c r="TKK17" s="916" t="s">
        <v>3816</v>
      </c>
      <c r="TKL17" s="916" t="s">
        <v>3816</v>
      </c>
      <c r="TKM17" s="916" t="s">
        <v>3816</v>
      </c>
      <c r="TKN17" s="916" t="s">
        <v>3816</v>
      </c>
      <c r="TKO17" s="916" t="s">
        <v>3816</v>
      </c>
      <c r="TKP17" s="916" t="s">
        <v>3816</v>
      </c>
      <c r="TKQ17" s="916" t="s">
        <v>3816</v>
      </c>
      <c r="TKR17" s="916" t="s">
        <v>3816</v>
      </c>
      <c r="TKS17" s="916" t="s">
        <v>3816</v>
      </c>
      <c r="TKT17" s="916" t="s">
        <v>3816</v>
      </c>
      <c r="TKU17" s="916" t="s">
        <v>3816</v>
      </c>
      <c r="TKV17" s="916" t="s">
        <v>3816</v>
      </c>
      <c r="TKW17" s="916" t="s">
        <v>3816</v>
      </c>
      <c r="TKX17" s="916" t="s">
        <v>3816</v>
      </c>
      <c r="TKY17" s="916" t="s">
        <v>3816</v>
      </c>
      <c r="TKZ17" s="916" t="s">
        <v>3816</v>
      </c>
      <c r="TLA17" s="916" t="s">
        <v>3816</v>
      </c>
      <c r="TLB17" s="916" t="s">
        <v>3816</v>
      </c>
      <c r="TLC17" s="916" t="s">
        <v>3816</v>
      </c>
      <c r="TLD17" s="916" t="s">
        <v>3816</v>
      </c>
      <c r="TLE17" s="916" t="s">
        <v>3816</v>
      </c>
      <c r="TLF17" s="916" t="s">
        <v>3816</v>
      </c>
      <c r="TLG17" s="916" t="s">
        <v>3816</v>
      </c>
      <c r="TLH17" s="916" t="s">
        <v>3816</v>
      </c>
      <c r="TLI17" s="916" t="s">
        <v>3816</v>
      </c>
      <c r="TLJ17" s="916" t="s">
        <v>3816</v>
      </c>
      <c r="TLK17" s="916" t="s">
        <v>3816</v>
      </c>
      <c r="TLL17" s="916" t="s">
        <v>3816</v>
      </c>
      <c r="TLM17" s="916" t="s">
        <v>3816</v>
      </c>
      <c r="TLN17" s="916" t="s">
        <v>3816</v>
      </c>
      <c r="TLO17" s="916" t="s">
        <v>3816</v>
      </c>
      <c r="TLP17" s="916" t="s">
        <v>3816</v>
      </c>
      <c r="TLQ17" s="916" t="s">
        <v>3816</v>
      </c>
      <c r="TLR17" s="916" t="s">
        <v>3816</v>
      </c>
      <c r="TLS17" s="916" t="s">
        <v>3816</v>
      </c>
      <c r="TLT17" s="916" t="s">
        <v>3816</v>
      </c>
      <c r="TLU17" s="916" t="s">
        <v>3816</v>
      </c>
      <c r="TLV17" s="916" t="s">
        <v>3816</v>
      </c>
      <c r="TLW17" s="916" t="s">
        <v>3816</v>
      </c>
      <c r="TLX17" s="916" t="s">
        <v>3816</v>
      </c>
      <c r="TLY17" s="916" t="s">
        <v>3816</v>
      </c>
      <c r="TLZ17" s="916" t="s">
        <v>3816</v>
      </c>
      <c r="TMA17" s="916" t="s">
        <v>3816</v>
      </c>
      <c r="TMB17" s="916" t="s">
        <v>3816</v>
      </c>
      <c r="TMC17" s="916" t="s">
        <v>3816</v>
      </c>
      <c r="TMD17" s="916" t="s">
        <v>3816</v>
      </c>
      <c r="TME17" s="916" t="s">
        <v>3816</v>
      </c>
      <c r="TMF17" s="916" t="s">
        <v>3816</v>
      </c>
      <c r="TMG17" s="916" t="s">
        <v>3816</v>
      </c>
      <c r="TMH17" s="916" t="s">
        <v>3816</v>
      </c>
      <c r="TMI17" s="916" t="s">
        <v>3816</v>
      </c>
      <c r="TMJ17" s="916" t="s">
        <v>3816</v>
      </c>
      <c r="TMK17" s="916" t="s">
        <v>3816</v>
      </c>
      <c r="TML17" s="916" t="s">
        <v>3816</v>
      </c>
      <c r="TMM17" s="916" t="s">
        <v>3816</v>
      </c>
      <c r="TMN17" s="916" t="s">
        <v>3816</v>
      </c>
      <c r="TMO17" s="916" t="s">
        <v>3816</v>
      </c>
      <c r="TMP17" s="916" t="s">
        <v>3816</v>
      </c>
      <c r="TMQ17" s="916" t="s">
        <v>3816</v>
      </c>
      <c r="TMR17" s="916" t="s">
        <v>3816</v>
      </c>
      <c r="TMS17" s="916" t="s">
        <v>3816</v>
      </c>
      <c r="TMT17" s="916" t="s">
        <v>3816</v>
      </c>
      <c r="TMU17" s="916" t="s">
        <v>3816</v>
      </c>
      <c r="TMV17" s="916" t="s">
        <v>3816</v>
      </c>
      <c r="TMW17" s="916" t="s">
        <v>3816</v>
      </c>
      <c r="TMX17" s="916" t="s">
        <v>3816</v>
      </c>
      <c r="TMY17" s="916" t="s">
        <v>3816</v>
      </c>
      <c r="TMZ17" s="916" t="s">
        <v>3816</v>
      </c>
      <c r="TNA17" s="916" t="s">
        <v>3816</v>
      </c>
      <c r="TNB17" s="916" t="s">
        <v>3816</v>
      </c>
      <c r="TNC17" s="916" t="s">
        <v>3816</v>
      </c>
      <c r="TND17" s="916" t="s">
        <v>3816</v>
      </c>
      <c r="TNE17" s="916" t="s">
        <v>3816</v>
      </c>
      <c r="TNF17" s="916" t="s">
        <v>3816</v>
      </c>
      <c r="TNG17" s="916" t="s">
        <v>3816</v>
      </c>
      <c r="TNH17" s="916" t="s">
        <v>3816</v>
      </c>
      <c r="TNI17" s="916" t="s">
        <v>3816</v>
      </c>
      <c r="TNJ17" s="916" t="s">
        <v>3816</v>
      </c>
      <c r="TNK17" s="916" t="s">
        <v>3816</v>
      </c>
      <c r="TNL17" s="916" t="s">
        <v>3816</v>
      </c>
      <c r="TNM17" s="916" t="s">
        <v>3816</v>
      </c>
      <c r="TNN17" s="916" t="s">
        <v>3816</v>
      </c>
      <c r="TNO17" s="916" t="s">
        <v>3816</v>
      </c>
      <c r="TNP17" s="916" t="s">
        <v>3816</v>
      </c>
      <c r="TNQ17" s="916" t="s">
        <v>3816</v>
      </c>
      <c r="TNR17" s="916" t="s">
        <v>3816</v>
      </c>
      <c r="TNS17" s="916" t="s">
        <v>3816</v>
      </c>
      <c r="TNT17" s="916" t="s">
        <v>3816</v>
      </c>
      <c r="TNU17" s="916" t="s">
        <v>3816</v>
      </c>
      <c r="TNV17" s="916" t="s">
        <v>3816</v>
      </c>
      <c r="TNW17" s="916" t="s">
        <v>3816</v>
      </c>
      <c r="TNX17" s="916" t="s">
        <v>3816</v>
      </c>
      <c r="TNY17" s="916" t="s">
        <v>3816</v>
      </c>
      <c r="TNZ17" s="916" t="s">
        <v>3816</v>
      </c>
      <c r="TOA17" s="916" t="s">
        <v>3816</v>
      </c>
      <c r="TOB17" s="916" t="s">
        <v>3816</v>
      </c>
      <c r="TOC17" s="916" t="s">
        <v>3816</v>
      </c>
      <c r="TOD17" s="916" t="s">
        <v>3816</v>
      </c>
      <c r="TOE17" s="916" t="s">
        <v>3816</v>
      </c>
      <c r="TOF17" s="916" t="s">
        <v>3816</v>
      </c>
      <c r="TOG17" s="916" t="s">
        <v>3816</v>
      </c>
      <c r="TOH17" s="916" t="s">
        <v>3816</v>
      </c>
      <c r="TOI17" s="916" t="s">
        <v>3816</v>
      </c>
      <c r="TOJ17" s="916" t="s">
        <v>3816</v>
      </c>
      <c r="TOK17" s="916" t="s">
        <v>3816</v>
      </c>
      <c r="TOL17" s="916" t="s">
        <v>3816</v>
      </c>
      <c r="TOM17" s="916" t="s">
        <v>3816</v>
      </c>
      <c r="TON17" s="916" t="s">
        <v>3816</v>
      </c>
      <c r="TOO17" s="916" t="s">
        <v>3816</v>
      </c>
      <c r="TOP17" s="916" t="s">
        <v>3816</v>
      </c>
      <c r="TOQ17" s="916" t="s">
        <v>3816</v>
      </c>
      <c r="TOR17" s="916" t="s">
        <v>3816</v>
      </c>
      <c r="TOS17" s="916" t="s">
        <v>3816</v>
      </c>
      <c r="TOT17" s="916" t="s">
        <v>3816</v>
      </c>
      <c r="TOU17" s="916" t="s">
        <v>3816</v>
      </c>
      <c r="TOV17" s="916" t="s">
        <v>3816</v>
      </c>
      <c r="TOW17" s="916" t="s">
        <v>3816</v>
      </c>
      <c r="TOX17" s="916" t="s">
        <v>3816</v>
      </c>
      <c r="TOY17" s="916" t="s">
        <v>3816</v>
      </c>
      <c r="TOZ17" s="916" t="s">
        <v>3816</v>
      </c>
      <c r="TPA17" s="916" t="s">
        <v>3816</v>
      </c>
      <c r="TPB17" s="916" t="s">
        <v>3816</v>
      </c>
      <c r="TPC17" s="916" t="s">
        <v>3816</v>
      </c>
      <c r="TPD17" s="916" t="s">
        <v>3816</v>
      </c>
      <c r="TPE17" s="916" t="s">
        <v>3816</v>
      </c>
      <c r="TPF17" s="916" t="s">
        <v>3816</v>
      </c>
      <c r="TPG17" s="916" t="s">
        <v>3816</v>
      </c>
      <c r="TPH17" s="916" t="s">
        <v>3816</v>
      </c>
      <c r="TPI17" s="916" t="s">
        <v>3816</v>
      </c>
      <c r="TPJ17" s="916" t="s">
        <v>3816</v>
      </c>
      <c r="TPK17" s="916" t="s">
        <v>3816</v>
      </c>
      <c r="TPL17" s="916" t="s">
        <v>3816</v>
      </c>
      <c r="TPM17" s="916" t="s">
        <v>3816</v>
      </c>
      <c r="TPN17" s="916" t="s">
        <v>3816</v>
      </c>
      <c r="TPO17" s="916" t="s">
        <v>3816</v>
      </c>
      <c r="TPP17" s="916" t="s">
        <v>3816</v>
      </c>
      <c r="TPQ17" s="916" t="s">
        <v>3816</v>
      </c>
      <c r="TPR17" s="916" t="s">
        <v>3816</v>
      </c>
      <c r="TPS17" s="916" t="s">
        <v>3816</v>
      </c>
      <c r="TPT17" s="916" t="s">
        <v>3816</v>
      </c>
      <c r="TPU17" s="916" t="s">
        <v>3816</v>
      </c>
      <c r="TPV17" s="916" t="s">
        <v>3816</v>
      </c>
      <c r="TPW17" s="916" t="s">
        <v>3816</v>
      </c>
      <c r="TPX17" s="916" t="s">
        <v>3816</v>
      </c>
      <c r="TPY17" s="916" t="s">
        <v>3816</v>
      </c>
      <c r="TPZ17" s="916" t="s">
        <v>3816</v>
      </c>
      <c r="TQA17" s="916" t="s">
        <v>3816</v>
      </c>
      <c r="TQB17" s="916" t="s">
        <v>3816</v>
      </c>
      <c r="TQC17" s="916" t="s">
        <v>3816</v>
      </c>
      <c r="TQD17" s="916" t="s">
        <v>3816</v>
      </c>
      <c r="TQE17" s="916" t="s">
        <v>3816</v>
      </c>
      <c r="TQF17" s="916" t="s">
        <v>3816</v>
      </c>
      <c r="TQG17" s="916" t="s">
        <v>3816</v>
      </c>
      <c r="TQH17" s="916" t="s">
        <v>3816</v>
      </c>
      <c r="TQI17" s="916" t="s">
        <v>3816</v>
      </c>
      <c r="TQJ17" s="916" t="s">
        <v>3816</v>
      </c>
      <c r="TQK17" s="916" t="s">
        <v>3816</v>
      </c>
      <c r="TQL17" s="916" t="s">
        <v>3816</v>
      </c>
      <c r="TQM17" s="916" t="s">
        <v>3816</v>
      </c>
      <c r="TQN17" s="916" t="s">
        <v>3816</v>
      </c>
      <c r="TQO17" s="916" t="s">
        <v>3816</v>
      </c>
      <c r="TQP17" s="916" t="s">
        <v>3816</v>
      </c>
      <c r="TQQ17" s="916" t="s">
        <v>3816</v>
      </c>
      <c r="TQR17" s="916" t="s">
        <v>3816</v>
      </c>
      <c r="TQS17" s="916" t="s">
        <v>3816</v>
      </c>
      <c r="TQT17" s="916" t="s">
        <v>3816</v>
      </c>
      <c r="TQU17" s="916" t="s">
        <v>3816</v>
      </c>
      <c r="TQV17" s="916" t="s">
        <v>3816</v>
      </c>
      <c r="TQW17" s="916" t="s">
        <v>3816</v>
      </c>
      <c r="TQX17" s="916" t="s">
        <v>3816</v>
      </c>
      <c r="TQY17" s="916" t="s">
        <v>3816</v>
      </c>
      <c r="TQZ17" s="916" t="s">
        <v>3816</v>
      </c>
      <c r="TRA17" s="916" t="s">
        <v>3816</v>
      </c>
      <c r="TRB17" s="916" t="s">
        <v>3816</v>
      </c>
      <c r="TRC17" s="916" t="s">
        <v>3816</v>
      </c>
      <c r="TRD17" s="916" t="s">
        <v>3816</v>
      </c>
      <c r="TRE17" s="916" t="s">
        <v>3816</v>
      </c>
      <c r="TRF17" s="916" t="s">
        <v>3816</v>
      </c>
      <c r="TRG17" s="916" t="s">
        <v>3816</v>
      </c>
      <c r="TRH17" s="916" t="s">
        <v>3816</v>
      </c>
      <c r="TRI17" s="916" t="s">
        <v>3816</v>
      </c>
      <c r="TRJ17" s="916" t="s">
        <v>3816</v>
      </c>
      <c r="TRK17" s="916" t="s">
        <v>3816</v>
      </c>
      <c r="TRL17" s="916" t="s">
        <v>3816</v>
      </c>
      <c r="TRM17" s="916" t="s">
        <v>3816</v>
      </c>
      <c r="TRN17" s="916" t="s">
        <v>3816</v>
      </c>
      <c r="TRO17" s="916" t="s">
        <v>3816</v>
      </c>
      <c r="TRP17" s="916" t="s">
        <v>3816</v>
      </c>
      <c r="TRQ17" s="916" t="s">
        <v>3816</v>
      </c>
      <c r="TRR17" s="916" t="s">
        <v>3816</v>
      </c>
      <c r="TRS17" s="916" t="s">
        <v>3816</v>
      </c>
      <c r="TRT17" s="916" t="s">
        <v>3816</v>
      </c>
      <c r="TRU17" s="916" t="s">
        <v>3816</v>
      </c>
      <c r="TRV17" s="916" t="s">
        <v>3816</v>
      </c>
      <c r="TRW17" s="916" t="s">
        <v>3816</v>
      </c>
      <c r="TRX17" s="916" t="s">
        <v>3816</v>
      </c>
      <c r="TRY17" s="916" t="s">
        <v>3816</v>
      </c>
      <c r="TRZ17" s="916" t="s">
        <v>3816</v>
      </c>
      <c r="TSA17" s="916" t="s">
        <v>3816</v>
      </c>
      <c r="TSB17" s="916" t="s">
        <v>3816</v>
      </c>
      <c r="TSC17" s="916" t="s">
        <v>3816</v>
      </c>
      <c r="TSD17" s="916" t="s">
        <v>3816</v>
      </c>
      <c r="TSE17" s="916" t="s">
        <v>3816</v>
      </c>
      <c r="TSF17" s="916" t="s">
        <v>3816</v>
      </c>
      <c r="TSG17" s="916" t="s">
        <v>3816</v>
      </c>
      <c r="TSH17" s="916" t="s">
        <v>3816</v>
      </c>
      <c r="TSI17" s="916" t="s">
        <v>3816</v>
      </c>
      <c r="TSJ17" s="916" t="s">
        <v>3816</v>
      </c>
      <c r="TSK17" s="916" t="s">
        <v>3816</v>
      </c>
      <c r="TSL17" s="916" t="s">
        <v>3816</v>
      </c>
      <c r="TSM17" s="916" t="s">
        <v>3816</v>
      </c>
      <c r="TSN17" s="916" t="s">
        <v>3816</v>
      </c>
      <c r="TSO17" s="916" t="s">
        <v>3816</v>
      </c>
      <c r="TSP17" s="916" t="s">
        <v>3816</v>
      </c>
      <c r="TSQ17" s="916" t="s">
        <v>3816</v>
      </c>
      <c r="TSR17" s="916" t="s">
        <v>3816</v>
      </c>
      <c r="TSS17" s="916" t="s">
        <v>3816</v>
      </c>
      <c r="TST17" s="916" t="s">
        <v>3816</v>
      </c>
      <c r="TSU17" s="916" t="s">
        <v>3816</v>
      </c>
      <c r="TSV17" s="916" t="s">
        <v>3816</v>
      </c>
      <c r="TSW17" s="916" t="s">
        <v>3816</v>
      </c>
      <c r="TSX17" s="916" t="s">
        <v>3816</v>
      </c>
      <c r="TSY17" s="916" t="s">
        <v>3816</v>
      </c>
      <c r="TSZ17" s="916" t="s">
        <v>3816</v>
      </c>
      <c r="TTA17" s="916" t="s">
        <v>3816</v>
      </c>
      <c r="TTB17" s="916" t="s">
        <v>3816</v>
      </c>
      <c r="TTC17" s="916" t="s">
        <v>3816</v>
      </c>
      <c r="TTD17" s="916" t="s">
        <v>3816</v>
      </c>
      <c r="TTE17" s="916" t="s">
        <v>3816</v>
      </c>
      <c r="TTF17" s="916" t="s">
        <v>3816</v>
      </c>
      <c r="TTG17" s="916" t="s">
        <v>3816</v>
      </c>
      <c r="TTH17" s="916" t="s">
        <v>3816</v>
      </c>
      <c r="TTI17" s="916" t="s">
        <v>3816</v>
      </c>
      <c r="TTJ17" s="916" t="s">
        <v>3816</v>
      </c>
      <c r="TTK17" s="916" t="s">
        <v>3816</v>
      </c>
      <c r="TTL17" s="916" t="s">
        <v>3816</v>
      </c>
      <c r="TTM17" s="916" t="s">
        <v>3816</v>
      </c>
      <c r="TTN17" s="916" t="s">
        <v>3816</v>
      </c>
      <c r="TTO17" s="916" t="s">
        <v>3816</v>
      </c>
      <c r="TTP17" s="916" t="s">
        <v>3816</v>
      </c>
      <c r="TTQ17" s="916" t="s">
        <v>3816</v>
      </c>
      <c r="TTR17" s="916" t="s">
        <v>3816</v>
      </c>
      <c r="TTS17" s="916" t="s">
        <v>3816</v>
      </c>
      <c r="TTT17" s="916" t="s">
        <v>3816</v>
      </c>
      <c r="TTU17" s="916" t="s">
        <v>3816</v>
      </c>
      <c r="TTV17" s="916" t="s">
        <v>3816</v>
      </c>
      <c r="TTW17" s="916" t="s">
        <v>3816</v>
      </c>
      <c r="TTX17" s="916" t="s">
        <v>3816</v>
      </c>
      <c r="TTY17" s="916" t="s">
        <v>3816</v>
      </c>
      <c r="TTZ17" s="916" t="s">
        <v>3816</v>
      </c>
      <c r="TUA17" s="916" t="s">
        <v>3816</v>
      </c>
      <c r="TUB17" s="916" t="s">
        <v>3816</v>
      </c>
      <c r="TUC17" s="916" t="s">
        <v>3816</v>
      </c>
      <c r="TUD17" s="916" t="s">
        <v>3816</v>
      </c>
      <c r="TUE17" s="916" t="s">
        <v>3816</v>
      </c>
      <c r="TUF17" s="916" t="s">
        <v>3816</v>
      </c>
      <c r="TUG17" s="916" t="s">
        <v>3816</v>
      </c>
      <c r="TUH17" s="916" t="s">
        <v>3816</v>
      </c>
      <c r="TUI17" s="916" t="s">
        <v>3816</v>
      </c>
      <c r="TUJ17" s="916" t="s">
        <v>3816</v>
      </c>
      <c r="TUK17" s="916" t="s">
        <v>3816</v>
      </c>
      <c r="TUL17" s="916" t="s">
        <v>3816</v>
      </c>
      <c r="TUM17" s="916" t="s">
        <v>3816</v>
      </c>
      <c r="TUN17" s="916" t="s">
        <v>3816</v>
      </c>
      <c r="TUO17" s="916" t="s">
        <v>3816</v>
      </c>
      <c r="TUP17" s="916" t="s">
        <v>3816</v>
      </c>
      <c r="TUQ17" s="916" t="s">
        <v>3816</v>
      </c>
      <c r="TUR17" s="916" t="s">
        <v>3816</v>
      </c>
      <c r="TUS17" s="916" t="s">
        <v>3816</v>
      </c>
      <c r="TUT17" s="916" t="s">
        <v>3816</v>
      </c>
      <c r="TUU17" s="916" t="s">
        <v>3816</v>
      </c>
      <c r="TUV17" s="916" t="s">
        <v>3816</v>
      </c>
      <c r="TUW17" s="916" t="s">
        <v>3816</v>
      </c>
      <c r="TUX17" s="916" t="s">
        <v>3816</v>
      </c>
      <c r="TUY17" s="916" t="s">
        <v>3816</v>
      </c>
      <c r="TUZ17" s="916" t="s">
        <v>3816</v>
      </c>
      <c r="TVA17" s="916" t="s">
        <v>3816</v>
      </c>
      <c r="TVB17" s="916" t="s">
        <v>3816</v>
      </c>
      <c r="TVC17" s="916" t="s">
        <v>3816</v>
      </c>
      <c r="TVD17" s="916" t="s">
        <v>3816</v>
      </c>
      <c r="TVE17" s="916" t="s">
        <v>3816</v>
      </c>
      <c r="TVF17" s="916" t="s">
        <v>3816</v>
      </c>
      <c r="TVG17" s="916" t="s">
        <v>3816</v>
      </c>
      <c r="TVH17" s="916" t="s">
        <v>3816</v>
      </c>
      <c r="TVI17" s="916" t="s">
        <v>3816</v>
      </c>
      <c r="TVJ17" s="916" t="s">
        <v>3816</v>
      </c>
      <c r="TVK17" s="916" t="s">
        <v>3816</v>
      </c>
      <c r="TVL17" s="916" t="s">
        <v>3816</v>
      </c>
      <c r="TVM17" s="916" t="s">
        <v>3816</v>
      </c>
      <c r="TVN17" s="916" t="s">
        <v>3816</v>
      </c>
      <c r="TVO17" s="916" t="s">
        <v>3816</v>
      </c>
      <c r="TVP17" s="916" t="s">
        <v>3816</v>
      </c>
      <c r="TVQ17" s="916" t="s">
        <v>3816</v>
      </c>
      <c r="TVR17" s="916" t="s">
        <v>3816</v>
      </c>
      <c r="TVS17" s="916" t="s">
        <v>3816</v>
      </c>
      <c r="TVT17" s="916" t="s">
        <v>3816</v>
      </c>
      <c r="TVU17" s="916" t="s">
        <v>3816</v>
      </c>
      <c r="TVV17" s="916" t="s">
        <v>3816</v>
      </c>
      <c r="TVW17" s="916" t="s">
        <v>3816</v>
      </c>
      <c r="TVX17" s="916" t="s">
        <v>3816</v>
      </c>
      <c r="TVY17" s="916" t="s">
        <v>3816</v>
      </c>
      <c r="TVZ17" s="916" t="s">
        <v>3816</v>
      </c>
      <c r="TWA17" s="916" t="s">
        <v>3816</v>
      </c>
      <c r="TWB17" s="916" t="s">
        <v>3816</v>
      </c>
      <c r="TWC17" s="916" t="s">
        <v>3816</v>
      </c>
      <c r="TWD17" s="916" t="s">
        <v>3816</v>
      </c>
      <c r="TWE17" s="916" t="s">
        <v>3816</v>
      </c>
      <c r="TWF17" s="916" t="s">
        <v>3816</v>
      </c>
      <c r="TWG17" s="916" t="s">
        <v>3816</v>
      </c>
      <c r="TWH17" s="916" t="s">
        <v>3816</v>
      </c>
      <c r="TWI17" s="916" t="s">
        <v>3816</v>
      </c>
      <c r="TWJ17" s="916" t="s">
        <v>3816</v>
      </c>
      <c r="TWK17" s="916" t="s">
        <v>3816</v>
      </c>
      <c r="TWL17" s="916" t="s">
        <v>3816</v>
      </c>
      <c r="TWM17" s="916" t="s">
        <v>3816</v>
      </c>
      <c r="TWN17" s="916" t="s">
        <v>3816</v>
      </c>
      <c r="TWO17" s="916" t="s">
        <v>3816</v>
      </c>
      <c r="TWP17" s="916" t="s">
        <v>3816</v>
      </c>
      <c r="TWQ17" s="916" t="s">
        <v>3816</v>
      </c>
      <c r="TWR17" s="916" t="s">
        <v>3816</v>
      </c>
      <c r="TWS17" s="916" t="s">
        <v>3816</v>
      </c>
      <c r="TWT17" s="916" t="s">
        <v>3816</v>
      </c>
      <c r="TWU17" s="916" t="s">
        <v>3816</v>
      </c>
      <c r="TWV17" s="916" t="s">
        <v>3816</v>
      </c>
      <c r="TWW17" s="916" t="s">
        <v>3816</v>
      </c>
      <c r="TWX17" s="916" t="s">
        <v>3816</v>
      </c>
      <c r="TWY17" s="916" t="s">
        <v>3816</v>
      </c>
      <c r="TWZ17" s="916" t="s">
        <v>3816</v>
      </c>
      <c r="TXA17" s="916" t="s">
        <v>3816</v>
      </c>
      <c r="TXB17" s="916" t="s">
        <v>3816</v>
      </c>
      <c r="TXC17" s="916" t="s">
        <v>3816</v>
      </c>
      <c r="TXD17" s="916" t="s">
        <v>3816</v>
      </c>
      <c r="TXE17" s="916" t="s">
        <v>3816</v>
      </c>
      <c r="TXF17" s="916" t="s">
        <v>3816</v>
      </c>
      <c r="TXG17" s="916" t="s">
        <v>3816</v>
      </c>
      <c r="TXH17" s="916" t="s">
        <v>3816</v>
      </c>
      <c r="TXI17" s="916" t="s">
        <v>3816</v>
      </c>
      <c r="TXJ17" s="916" t="s">
        <v>3816</v>
      </c>
      <c r="TXK17" s="916" t="s">
        <v>3816</v>
      </c>
      <c r="TXL17" s="916" t="s">
        <v>3816</v>
      </c>
      <c r="TXM17" s="916" t="s">
        <v>3816</v>
      </c>
      <c r="TXN17" s="916" t="s">
        <v>3816</v>
      </c>
      <c r="TXO17" s="916" t="s">
        <v>3816</v>
      </c>
      <c r="TXP17" s="916" t="s">
        <v>3816</v>
      </c>
      <c r="TXQ17" s="916" t="s">
        <v>3816</v>
      </c>
      <c r="TXR17" s="916" t="s">
        <v>3816</v>
      </c>
      <c r="TXS17" s="916" t="s">
        <v>3816</v>
      </c>
      <c r="TXT17" s="916" t="s">
        <v>3816</v>
      </c>
      <c r="TXU17" s="916" t="s">
        <v>3816</v>
      </c>
      <c r="TXV17" s="916" t="s">
        <v>3816</v>
      </c>
      <c r="TXW17" s="916" t="s">
        <v>3816</v>
      </c>
      <c r="TXX17" s="916" t="s">
        <v>3816</v>
      </c>
      <c r="TXY17" s="916" t="s">
        <v>3816</v>
      </c>
      <c r="TXZ17" s="916" t="s">
        <v>3816</v>
      </c>
      <c r="TYA17" s="916" t="s">
        <v>3816</v>
      </c>
      <c r="TYB17" s="916" t="s">
        <v>3816</v>
      </c>
      <c r="TYC17" s="916" t="s">
        <v>3816</v>
      </c>
      <c r="TYD17" s="916" t="s">
        <v>3816</v>
      </c>
      <c r="TYE17" s="916" t="s">
        <v>3816</v>
      </c>
      <c r="TYF17" s="916" t="s">
        <v>3816</v>
      </c>
      <c r="TYG17" s="916" t="s">
        <v>3816</v>
      </c>
      <c r="TYH17" s="916" t="s">
        <v>3816</v>
      </c>
      <c r="TYI17" s="916" t="s">
        <v>3816</v>
      </c>
      <c r="TYJ17" s="916" t="s">
        <v>3816</v>
      </c>
      <c r="TYK17" s="916" t="s">
        <v>3816</v>
      </c>
      <c r="TYL17" s="916" t="s">
        <v>3816</v>
      </c>
      <c r="TYM17" s="916" t="s">
        <v>3816</v>
      </c>
      <c r="TYN17" s="916" t="s">
        <v>3816</v>
      </c>
      <c r="TYO17" s="916" t="s">
        <v>3816</v>
      </c>
      <c r="TYP17" s="916" t="s">
        <v>3816</v>
      </c>
      <c r="TYQ17" s="916" t="s">
        <v>3816</v>
      </c>
      <c r="TYR17" s="916" t="s">
        <v>3816</v>
      </c>
      <c r="TYS17" s="916" t="s">
        <v>3816</v>
      </c>
      <c r="TYT17" s="916" t="s">
        <v>3816</v>
      </c>
      <c r="TYU17" s="916" t="s">
        <v>3816</v>
      </c>
      <c r="TYV17" s="916" t="s">
        <v>3816</v>
      </c>
      <c r="TYW17" s="916" t="s">
        <v>3816</v>
      </c>
      <c r="TYX17" s="916" t="s">
        <v>3816</v>
      </c>
      <c r="TYY17" s="916" t="s">
        <v>3816</v>
      </c>
      <c r="TYZ17" s="916" t="s">
        <v>3816</v>
      </c>
      <c r="TZA17" s="916" t="s">
        <v>3816</v>
      </c>
      <c r="TZB17" s="916" t="s">
        <v>3816</v>
      </c>
      <c r="TZC17" s="916" t="s">
        <v>3816</v>
      </c>
      <c r="TZD17" s="916" t="s">
        <v>3816</v>
      </c>
      <c r="TZE17" s="916" t="s">
        <v>3816</v>
      </c>
      <c r="TZF17" s="916" t="s">
        <v>3816</v>
      </c>
      <c r="TZG17" s="916" t="s">
        <v>3816</v>
      </c>
      <c r="TZH17" s="916" t="s">
        <v>3816</v>
      </c>
      <c r="TZI17" s="916" t="s">
        <v>3816</v>
      </c>
      <c r="TZJ17" s="916" t="s">
        <v>3816</v>
      </c>
      <c r="TZK17" s="916" t="s">
        <v>3816</v>
      </c>
      <c r="TZL17" s="916" t="s">
        <v>3816</v>
      </c>
      <c r="TZM17" s="916" t="s">
        <v>3816</v>
      </c>
      <c r="TZN17" s="916" t="s">
        <v>3816</v>
      </c>
      <c r="TZO17" s="916" t="s">
        <v>3816</v>
      </c>
      <c r="TZP17" s="916" t="s">
        <v>3816</v>
      </c>
      <c r="TZQ17" s="916" t="s">
        <v>3816</v>
      </c>
      <c r="TZR17" s="916" t="s">
        <v>3816</v>
      </c>
      <c r="TZS17" s="916" t="s">
        <v>3816</v>
      </c>
      <c r="TZT17" s="916" t="s">
        <v>3816</v>
      </c>
      <c r="TZU17" s="916" t="s">
        <v>3816</v>
      </c>
      <c r="TZV17" s="916" t="s">
        <v>3816</v>
      </c>
      <c r="TZW17" s="916" t="s">
        <v>3816</v>
      </c>
      <c r="TZX17" s="916" t="s">
        <v>3816</v>
      </c>
      <c r="TZY17" s="916" t="s">
        <v>3816</v>
      </c>
      <c r="TZZ17" s="916" t="s">
        <v>3816</v>
      </c>
      <c r="UAA17" s="916" t="s">
        <v>3816</v>
      </c>
      <c r="UAB17" s="916" t="s">
        <v>3816</v>
      </c>
      <c r="UAC17" s="916" t="s">
        <v>3816</v>
      </c>
      <c r="UAD17" s="916" t="s">
        <v>3816</v>
      </c>
      <c r="UAE17" s="916" t="s">
        <v>3816</v>
      </c>
      <c r="UAF17" s="916" t="s">
        <v>3816</v>
      </c>
      <c r="UAG17" s="916" t="s">
        <v>3816</v>
      </c>
      <c r="UAH17" s="916" t="s">
        <v>3816</v>
      </c>
      <c r="UAI17" s="916" t="s">
        <v>3816</v>
      </c>
      <c r="UAJ17" s="916" t="s">
        <v>3816</v>
      </c>
      <c r="UAK17" s="916" t="s">
        <v>3816</v>
      </c>
      <c r="UAL17" s="916" t="s">
        <v>3816</v>
      </c>
      <c r="UAM17" s="916" t="s">
        <v>3816</v>
      </c>
      <c r="UAN17" s="916" t="s">
        <v>3816</v>
      </c>
      <c r="UAO17" s="916" t="s">
        <v>3816</v>
      </c>
      <c r="UAP17" s="916" t="s">
        <v>3816</v>
      </c>
      <c r="UAQ17" s="916" t="s">
        <v>3816</v>
      </c>
      <c r="UAR17" s="916" t="s">
        <v>3816</v>
      </c>
      <c r="UAS17" s="916" t="s">
        <v>3816</v>
      </c>
      <c r="UAT17" s="916" t="s">
        <v>3816</v>
      </c>
      <c r="UAU17" s="916" t="s">
        <v>3816</v>
      </c>
      <c r="UAV17" s="916" t="s">
        <v>3816</v>
      </c>
      <c r="UAW17" s="916" t="s">
        <v>3816</v>
      </c>
      <c r="UAX17" s="916" t="s">
        <v>3816</v>
      </c>
      <c r="UAY17" s="916" t="s">
        <v>3816</v>
      </c>
      <c r="UAZ17" s="916" t="s">
        <v>3816</v>
      </c>
      <c r="UBA17" s="916" t="s">
        <v>3816</v>
      </c>
      <c r="UBB17" s="916" t="s">
        <v>3816</v>
      </c>
      <c r="UBC17" s="916" t="s">
        <v>3816</v>
      </c>
      <c r="UBD17" s="916" t="s">
        <v>3816</v>
      </c>
      <c r="UBE17" s="916" t="s">
        <v>3816</v>
      </c>
      <c r="UBF17" s="916" t="s">
        <v>3816</v>
      </c>
      <c r="UBG17" s="916" t="s">
        <v>3816</v>
      </c>
      <c r="UBH17" s="916" t="s">
        <v>3816</v>
      </c>
      <c r="UBI17" s="916" t="s">
        <v>3816</v>
      </c>
      <c r="UBJ17" s="916" t="s">
        <v>3816</v>
      </c>
      <c r="UBK17" s="916" t="s">
        <v>3816</v>
      </c>
      <c r="UBL17" s="916" t="s">
        <v>3816</v>
      </c>
      <c r="UBM17" s="916" t="s">
        <v>3816</v>
      </c>
      <c r="UBN17" s="916" t="s">
        <v>3816</v>
      </c>
      <c r="UBO17" s="916" t="s">
        <v>3816</v>
      </c>
      <c r="UBP17" s="916" t="s">
        <v>3816</v>
      </c>
      <c r="UBQ17" s="916" t="s">
        <v>3816</v>
      </c>
      <c r="UBR17" s="916" t="s">
        <v>3816</v>
      </c>
      <c r="UBS17" s="916" t="s">
        <v>3816</v>
      </c>
      <c r="UBT17" s="916" t="s">
        <v>3816</v>
      </c>
      <c r="UBU17" s="916" t="s">
        <v>3816</v>
      </c>
      <c r="UBV17" s="916" t="s">
        <v>3816</v>
      </c>
      <c r="UBW17" s="916" t="s">
        <v>3816</v>
      </c>
      <c r="UBX17" s="916" t="s">
        <v>3816</v>
      </c>
      <c r="UBY17" s="916" t="s">
        <v>3816</v>
      </c>
      <c r="UBZ17" s="916" t="s">
        <v>3816</v>
      </c>
      <c r="UCA17" s="916" t="s">
        <v>3816</v>
      </c>
      <c r="UCB17" s="916" t="s">
        <v>3816</v>
      </c>
      <c r="UCC17" s="916" t="s">
        <v>3816</v>
      </c>
      <c r="UCD17" s="916" t="s">
        <v>3816</v>
      </c>
      <c r="UCE17" s="916" t="s">
        <v>3816</v>
      </c>
      <c r="UCF17" s="916" t="s">
        <v>3816</v>
      </c>
      <c r="UCG17" s="916" t="s">
        <v>3816</v>
      </c>
      <c r="UCH17" s="916" t="s">
        <v>3816</v>
      </c>
      <c r="UCI17" s="916" t="s">
        <v>3816</v>
      </c>
      <c r="UCJ17" s="916" t="s">
        <v>3816</v>
      </c>
      <c r="UCK17" s="916" t="s">
        <v>3816</v>
      </c>
      <c r="UCL17" s="916" t="s">
        <v>3816</v>
      </c>
      <c r="UCM17" s="916" t="s">
        <v>3816</v>
      </c>
      <c r="UCN17" s="916" t="s">
        <v>3816</v>
      </c>
      <c r="UCO17" s="916" t="s">
        <v>3816</v>
      </c>
      <c r="UCP17" s="916" t="s">
        <v>3816</v>
      </c>
      <c r="UCQ17" s="916" t="s">
        <v>3816</v>
      </c>
      <c r="UCR17" s="916" t="s">
        <v>3816</v>
      </c>
      <c r="UCS17" s="916" t="s">
        <v>3816</v>
      </c>
      <c r="UCT17" s="916" t="s">
        <v>3816</v>
      </c>
      <c r="UCU17" s="916" t="s">
        <v>3816</v>
      </c>
      <c r="UCV17" s="916" t="s">
        <v>3816</v>
      </c>
      <c r="UCW17" s="916" t="s">
        <v>3816</v>
      </c>
      <c r="UCX17" s="916" t="s">
        <v>3816</v>
      </c>
      <c r="UCY17" s="916" t="s">
        <v>3816</v>
      </c>
      <c r="UCZ17" s="916" t="s">
        <v>3816</v>
      </c>
      <c r="UDA17" s="916" t="s">
        <v>3816</v>
      </c>
      <c r="UDB17" s="916" t="s">
        <v>3816</v>
      </c>
      <c r="UDC17" s="916" t="s">
        <v>3816</v>
      </c>
      <c r="UDD17" s="916" t="s">
        <v>3816</v>
      </c>
      <c r="UDE17" s="916" t="s">
        <v>3816</v>
      </c>
      <c r="UDF17" s="916" t="s">
        <v>3816</v>
      </c>
      <c r="UDG17" s="916" t="s">
        <v>3816</v>
      </c>
      <c r="UDH17" s="916" t="s">
        <v>3816</v>
      </c>
      <c r="UDI17" s="916" t="s">
        <v>3816</v>
      </c>
      <c r="UDJ17" s="916" t="s">
        <v>3816</v>
      </c>
      <c r="UDK17" s="916" t="s">
        <v>3816</v>
      </c>
      <c r="UDL17" s="916" t="s">
        <v>3816</v>
      </c>
      <c r="UDM17" s="916" t="s">
        <v>3816</v>
      </c>
      <c r="UDN17" s="916" t="s">
        <v>3816</v>
      </c>
      <c r="UDO17" s="916" t="s">
        <v>3816</v>
      </c>
      <c r="UDP17" s="916" t="s">
        <v>3816</v>
      </c>
      <c r="UDQ17" s="916" t="s">
        <v>3816</v>
      </c>
      <c r="UDR17" s="916" t="s">
        <v>3816</v>
      </c>
      <c r="UDS17" s="916" t="s">
        <v>3816</v>
      </c>
      <c r="UDT17" s="916" t="s">
        <v>3816</v>
      </c>
      <c r="UDU17" s="916" t="s">
        <v>3816</v>
      </c>
      <c r="UDV17" s="916" t="s">
        <v>3816</v>
      </c>
      <c r="UDW17" s="916" t="s">
        <v>3816</v>
      </c>
      <c r="UDX17" s="916" t="s">
        <v>3816</v>
      </c>
      <c r="UDY17" s="916" t="s">
        <v>3816</v>
      </c>
      <c r="UDZ17" s="916" t="s">
        <v>3816</v>
      </c>
      <c r="UEA17" s="916" t="s">
        <v>3816</v>
      </c>
      <c r="UEB17" s="916" t="s">
        <v>3816</v>
      </c>
      <c r="UEC17" s="916" t="s">
        <v>3816</v>
      </c>
      <c r="UED17" s="916" t="s">
        <v>3816</v>
      </c>
      <c r="UEE17" s="916" t="s">
        <v>3816</v>
      </c>
      <c r="UEF17" s="916" t="s">
        <v>3816</v>
      </c>
      <c r="UEG17" s="916" t="s">
        <v>3816</v>
      </c>
      <c r="UEH17" s="916" t="s">
        <v>3816</v>
      </c>
      <c r="UEI17" s="916" t="s">
        <v>3816</v>
      </c>
      <c r="UEJ17" s="916" t="s">
        <v>3816</v>
      </c>
      <c r="UEK17" s="916" t="s">
        <v>3816</v>
      </c>
      <c r="UEL17" s="916" t="s">
        <v>3816</v>
      </c>
      <c r="UEM17" s="916" t="s">
        <v>3816</v>
      </c>
      <c r="UEN17" s="916" t="s">
        <v>3816</v>
      </c>
      <c r="UEO17" s="916" t="s">
        <v>3816</v>
      </c>
      <c r="UEP17" s="916" t="s">
        <v>3816</v>
      </c>
      <c r="UEQ17" s="916" t="s">
        <v>3816</v>
      </c>
      <c r="UER17" s="916" t="s">
        <v>3816</v>
      </c>
      <c r="UES17" s="916" t="s">
        <v>3816</v>
      </c>
      <c r="UET17" s="916" t="s">
        <v>3816</v>
      </c>
      <c r="UEU17" s="916" t="s">
        <v>3816</v>
      </c>
      <c r="UEV17" s="916" t="s">
        <v>3816</v>
      </c>
      <c r="UEW17" s="916" t="s">
        <v>3816</v>
      </c>
      <c r="UEX17" s="916" t="s">
        <v>3816</v>
      </c>
      <c r="UEY17" s="916" t="s">
        <v>3816</v>
      </c>
      <c r="UEZ17" s="916" t="s">
        <v>3816</v>
      </c>
      <c r="UFA17" s="916" t="s">
        <v>3816</v>
      </c>
      <c r="UFB17" s="916" t="s">
        <v>3816</v>
      </c>
      <c r="UFC17" s="916" t="s">
        <v>3816</v>
      </c>
      <c r="UFD17" s="916" t="s">
        <v>3816</v>
      </c>
      <c r="UFE17" s="916" t="s">
        <v>3816</v>
      </c>
      <c r="UFF17" s="916" t="s">
        <v>3816</v>
      </c>
      <c r="UFG17" s="916" t="s">
        <v>3816</v>
      </c>
      <c r="UFH17" s="916" t="s">
        <v>3816</v>
      </c>
      <c r="UFI17" s="916" t="s">
        <v>3816</v>
      </c>
      <c r="UFJ17" s="916" t="s">
        <v>3816</v>
      </c>
      <c r="UFK17" s="916" t="s">
        <v>3816</v>
      </c>
      <c r="UFL17" s="916" t="s">
        <v>3816</v>
      </c>
      <c r="UFM17" s="916" t="s">
        <v>3816</v>
      </c>
      <c r="UFN17" s="916" t="s">
        <v>3816</v>
      </c>
      <c r="UFO17" s="916" t="s">
        <v>3816</v>
      </c>
      <c r="UFP17" s="916" t="s">
        <v>3816</v>
      </c>
      <c r="UFQ17" s="916" t="s">
        <v>3816</v>
      </c>
      <c r="UFR17" s="916" t="s">
        <v>3816</v>
      </c>
      <c r="UFS17" s="916" t="s">
        <v>3816</v>
      </c>
      <c r="UFT17" s="916" t="s">
        <v>3816</v>
      </c>
      <c r="UFU17" s="916" t="s">
        <v>3816</v>
      </c>
      <c r="UFV17" s="916" t="s">
        <v>3816</v>
      </c>
      <c r="UFW17" s="916" t="s">
        <v>3816</v>
      </c>
      <c r="UFX17" s="916" t="s">
        <v>3816</v>
      </c>
      <c r="UFY17" s="916" t="s">
        <v>3816</v>
      </c>
      <c r="UFZ17" s="916" t="s">
        <v>3816</v>
      </c>
      <c r="UGA17" s="916" t="s">
        <v>3816</v>
      </c>
      <c r="UGB17" s="916" t="s">
        <v>3816</v>
      </c>
      <c r="UGC17" s="916" t="s">
        <v>3816</v>
      </c>
      <c r="UGD17" s="916" t="s">
        <v>3816</v>
      </c>
      <c r="UGE17" s="916" t="s">
        <v>3816</v>
      </c>
      <c r="UGF17" s="916" t="s">
        <v>3816</v>
      </c>
      <c r="UGG17" s="916" t="s">
        <v>3816</v>
      </c>
      <c r="UGH17" s="916" t="s">
        <v>3816</v>
      </c>
      <c r="UGI17" s="916" t="s">
        <v>3816</v>
      </c>
      <c r="UGJ17" s="916" t="s">
        <v>3816</v>
      </c>
      <c r="UGK17" s="916" t="s">
        <v>3816</v>
      </c>
      <c r="UGL17" s="916" t="s">
        <v>3816</v>
      </c>
      <c r="UGM17" s="916" t="s">
        <v>3816</v>
      </c>
      <c r="UGN17" s="916" t="s">
        <v>3816</v>
      </c>
      <c r="UGO17" s="916" t="s">
        <v>3816</v>
      </c>
      <c r="UGP17" s="916" t="s">
        <v>3816</v>
      </c>
      <c r="UGQ17" s="916" t="s">
        <v>3816</v>
      </c>
      <c r="UGR17" s="916" t="s">
        <v>3816</v>
      </c>
      <c r="UGS17" s="916" t="s">
        <v>3816</v>
      </c>
      <c r="UGT17" s="916" t="s">
        <v>3816</v>
      </c>
      <c r="UGU17" s="916" t="s">
        <v>3816</v>
      </c>
      <c r="UGV17" s="916" t="s">
        <v>3816</v>
      </c>
      <c r="UGW17" s="916" t="s">
        <v>3816</v>
      </c>
      <c r="UGX17" s="916" t="s">
        <v>3816</v>
      </c>
      <c r="UGY17" s="916" t="s">
        <v>3816</v>
      </c>
      <c r="UGZ17" s="916" t="s">
        <v>3816</v>
      </c>
      <c r="UHA17" s="916" t="s">
        <v>3816</v>
      </c>
      <c r="UHB17" s="916" t="s">
        <v>3816</v>
      </c>
      <c r="UHC17" s="916" t="s">
        <v>3816</v>
      </c>
      <c r="UHD17" s="916" t="s">
        <v>3816</v>
      </c>
      <c r="UHE17" s="916" t="s">
        <v>3816</v>
      </c>
      <c r="UHF17" s="916" t="s">
        <v>3816</v>
      </c>
      <c r="UHG17" s="916" t="s">
        <v>3816</v>
      </c>
      <c r="UHH17" s="916" t="s">
        <v>3816</v>
      </c>
      <c r="UHI17" s="916" t="s">
        <v>3816</v>
      </c>
      <c r="UHJ17" s="916" t="s">
        <v>3816</v>
      </c>
      <c r="UHK17" s="916" t="s">
        <v>3816</v>
      </c>
      <c r="UHL17" s="916" t="s">
        <v>3816</v>
      </c>
      <c r="UHM17" s="916" t="s">
        <v>3816</v>
      </c>
      <c r="UHN17" s="916" t="s">
        <v>3816</v>
      </c>
      <c r="UHO17" s="916" t="s">
        <v>3816</v>
      </c>
      <c r="UHP17" s="916" t="s">
        <v>3816</v>
      </c>
      <c r="UHQ17" s="916" t="s">
        <v>3816</v>
      </c>
      <c r="UHR17" s="916" t="s">
        <v>3816</v>
      </c>
      <c r="UHS17" s="916" t="s">
        <v>3816</v>
      </c>
      <c r="UHT17" s="916" t="s">
        <v>3816</v>
      </c>
      <c r="UHU17" s="916" t="s">
        <v>3816</v>
      </c>
      <c r="UHV17" s="916" t="s">
        <v>3816</v>
      </c>
      <c r="UHW17" s="916" t="s">
        <v>3816</v>
      </c>
      <c r="UHX17" s="916" t="s">
        <v>3816</v>
      </c>
      <c r="UHY17" s="916" t="s">
        <v>3816</v>
      </c>
      <c r="UHZ17" s="916" t="s">
        <v>3816</v>
      </c>
      <c r="UIA17" s="916" t="s">
        <v>3816</v>
      </c>
      <c r="UIB17" s="916" t="s">
        <v>3816</v>
      </c>
      <c r="UIC17" s="916" t="s">
        <v>3816</v>
      </c>
      <c r="UID17" s="916" t="s">
        <v>3816</v>
      </c>
      <c r="UIE17" s="916" t="s">
        <v>3816</v>
      </c>
      <c r="UIF17" s="916" t="s">
        <v>3816</v>
      </c>
      <c r="UIG17" s="916" t="s">
        <v>3816</v>
      </c>
      <c r="UIH17" s="916" t="s">
        <v>3816</v>
      </c>
      <c r="UII17" s="916" t="s">
        <v>3816</v>
      </c>
      <c r="UIJ17" s="916" t="s">
        <v>3816</v>
      </c>
      <c r="UIK17" s="916" t="s">
        <v>3816</v>
      </c>
      <c r="UIL17" s="916" t="s">
        <v>3816</v>
      </c>
      <c r="UIM17" s="916" t="s">
        <v>3816</v>
      </c>
      <c r="UIN17" s="916" t="s">
        <v>3816</v>
      </c>
      <c r="UIO17" s="916" t="s">
        <v>3816</v>
      </c>
      <c r="UIP17" s="916" t="s">
        <v>3816</v>
      </c>
      <c r="UIQ17" s="916" t="s">
        <v>3816</v>
      </c>
      <c r="UIR17" s="916" t="s">
        <v>3816</v>
      </c>
      <c r="UIS17" s="916" t="s">
        <v>3816</v>
      </c>
      <c r="UIT17" s="916" t="s">
        <v>3816</v>
      </c>
      <c r="UIU17" s="916" t="s">
        <v>3816</v>
      </c>
      <c r="UIV17" s="916" t="s">
        <v>3816</v>
      </c>
      <c r="UIW17" s="916" t="s">
        <v>3816</v>
      </c>
      <c r="UIX17" s="916" t="s">
        <v>3816</v>
      </c>
      <c r="UIY17" s="916" t="s">
        <v>3816</v>
      </c>
      <c r="UIZ17" s="916" t="s">
        <v>3816</v>
      </c>
      <c r="UJA17" s="916" t="s">
        <v>3816</v>
      </c>
      <c r="UJB17" s="916" t="s">
        <v>3816</v>
      </c>
      <c r="UJC17" s="916" t="s">
        <v>3816</v>
      </c>
      <c r="UJD17" s="916" t="s">
        <v>3816</v>
      </c>
      <c r="UJE17" s="916" t="s">
        <v>3816</v>
      </c>
      <c r="UJF17" s="916" t="s">
        <v>3816</v>
      </c>
      <c r="UJG17" s="916" t="s">
        <v>3816</v>
      </c>
      <c r="UJH17" s="916" t="s">
        <v>3816</v>
      </c>
      <c r="UJI17" s="916" t="s">
        <v>3816</v>
      </c>
      <c r="UJJ17" s="916" t="s">
        <v>3816</v>
      </c>
      <c r="UJK17" s="916" t="s">
        <v>3816</v>
      </c>
      <c r="UJL17" s="916" t="s">
        <v>3816</v>
      </c>
      <c r="UJM17" s="916" t="s">
        <v>3816</v>
      </c>
      <c r="UJN17" s="916" t="s">
        <v>3816</v>
      </c>
      <c r="UJO17" s="916" t="s">
        <v>3816</v>
      </c>
      <c r="UJP17" s="916" t="s">
        <v>3816</v>
      </c>
      <c r="UJQ17" s="916" t="s">
        <v>3816</v>
      </c>
      <c r="UJR17" s="916" t="s">
        <v>3816</v>
      </c>
      <c r="UJS17" s="916" t="s">
        <v>3816</v>
      </c>
      <c r="UJT17" s="916" t="s">
        <v>3816</v>
      </c>
      <c r="UJU17" s="916" t="s">
        <v>3816</v>
      </c>
      <c r="UJV17" s="916" t="s">
        <v>3816</v>
      </c>
      <c r="UJW17" s="916" t="s">
        <v>3816</v>
      </c>
      <c r="UJX17" s="916" t="s">
        <v>3816</v>
      </c>
      <c r="UJY17" s="916" t="s">
        <v>3816</v>
      </c>
      <c r="UJZ17" s="916" t="s">
        <v>3816</v>
      </c>
      <c r="UKA17" s="916" t="s">
        <v>3816</v>
      </c>
      <c r="UKB17" s="916" t="s">
        <v>3816</v>
      </c>
      <c r="UKC17" s="916" t="s">
        <v>3816</v>
      </c>
      <c r="UKD17" s="916" t="s">
        <v>3816</v>
      </c>
      <c r="UKE17" s="916" t="s">
        <v>3816</v>
      </c>
      <c r="UKF17" s="916" t="s">
        <v>3816</v>
      </c>
      <c r="UKG17" s="916" t="s">
        <v>3816</v>
      </c>
      <c r="UKH17" s="916" t="s">
        <v>3816</v>
      </c>
      <c r="UKI17" s="916" t="s">
        <v>3816</v>
      </c>
      <c r="UKJ17" s="916" t="s">
        <v>3816</v>
      </c>
      <c r="UKK17" s="916" t="s">
        <v>3816</v>
      </c>
      <c r="UKL17" s="916" t="s">
        <v>3816</v>
      </c>
      <c r="UKM17" s="916" t="s">
        <v>3816</v>
      </c>
      <c r="UKN17" s="916" t="s">
        <v>3816</v>
      </c>
      <c r="UKO17" s="916" t="s">
        <v>3816</v>
      </c>
      <c r="UKP17" s="916" t="s">
        <v>3816</v>
      </c>
      <c r="UKQ17" s="916" t="s">
        <v>3816</v>
      </c>
      <c r="UKR17" s="916" t="s">
        <v>3816</v>
      </c>
      <c r="UKS17" s="916" t="s">
        <v>3816</v>
      </c>
      <c r="UKT17" s="916" t="s">
        <v>3816</v>
      </c>
      <c r="UKU17" s="916" t="s">
        <v>3816</v>
      </c>
      <c r="UKV17" s="916" t="s">
        <v>3816</v>
      </c>
      <c r="UKW17" s="916" t="s">
        <v>3816</v>
      </c>
      <c r="UKX17" s="916" t="s">
        <v>3816</v>
      </c>
      <c r="UKY17" s="916" t="s">
        <v>3816</v>
      </c>
      <c r="UKZ17" s="916" t="s">
        <v>3816</v>
      </c>
      <c r="ULA17" s="916" t="s">
        <v>3816</v>
      </c>
      <c r="ULB17" s="916" t="s">
        <v>3816</v>
      </c>
      <c r="ULC17" s="916" t="s">
        <v>3816</v>
      </c>
      <c r="ULD17" s="916" t="s">
        <v>3816</v>
      </c>
      <c r="ULE17" s="916" t="s">
        <v>3816</v>
      </c>
      <c r="ULF17" s="916" t="s">
        <v>3816</v>
      </c>
      <c r="ULG17" s="916" t="s">
        <v>3816</v>
      </c>
      <c r="ULH17" s="916" t="s">
        <v>3816</v>
      </c>
      <c r="ULI17" s="916" t="s">
        <v>3816</v>
      </c>
      <c r="ULJ17" s="916" t="s">
        <v>3816</v>
      </c>
      <c r="ULK17" s="916" t="s">
        <v>3816</v>
      </c>
      <c r="ULL17" s="916" t="s">
        <v>3816</v>
      </c>
      <c r="ULM17" s="916" t="s">
        <v>3816</v>
      </c>
      <c r="ULN17" s="916" t="s">
        <v>3816</v>
      </c>
      <c r="ULO17" s="916" t="s">
        <v>3816</v>
      </c>
      <c r="ULP17" s="916" t="s">
        <v>3816</v>
      </c>
      <c r="ULQ17" s="916" t="s">
        <v>3816</v>
      </c>
      <c r="ULR17" s="916" t="s">
        <v>3816</v>
      </c>
      <c r="ULS17" s="916" t="s">
        <v>3816</v>
      </c>
      <c r="ULT17" s="916" t="s">
        <v>3816</v>
      </c>
      <c r="ULU17" s="916" t="s">
        <v>3816</v>
      </c>
      <c r="ULV17" s="916" t="s">
        <v>3816</v>
      </c>
      <c r="ULW17" s="916" t="s">
        <v>3816</v>
      </c>
      <c r="ULX17" s="916" t="s">
        <v>3816</v>
      </c>
      <c r="ULY17" s="916" t="s">
        <v>3816</v>
      </c>
      <c r="ULZ17" s="916" t="s">
        <v>3816</v>
      </c>
      <c r="UMA17" s="916" t="s">
        <v>3816</v>
      </c>
      <c r="UMB17" s="916" t="s">
        <v>3816</v>
      </c>
      <c r="UMC17" s="916" t="s">
        <v>3816</v>
      </c>
      <c r="UMD17" s="916" t="s">
        <v>3816</v>
      </c>
      <c r="UME17" s="916" t="s">
        <v>3816</v>
      </c>
      <c r="UMF17" s="916" t="s">
        <v>3816</v>
      </c>
      <c r="UMG17" s="916" t="s">
        <v>3816</v>
      </c>
      <c r="UMH17" s="916" t="s">
        <v>3816</v>
      </c>
      <c r="UMI17" s="916" t="s">
        <v>3816</v>
      </c>
      <c r="UMJ17" s="916" t="s">
        <v>3816</v>
      </c>
      <c r="UMK17" s="916" t="s">
        <v>3816</v>
      </c>
      <c r="UML17" s="916" t="s">
        <v>3816</v>
      </c>
      <c r="UMM17" s="916" t="s">
        <v>3816</v>
      </c>
      <c r="UMN17" s="916" t="s">
        <v>3816</v>
      </c>
      <c r="UMO17" s="916" t="s">
        <v>3816</v>
      </c>
      <c r="UMP17" s="916" t="s">
        <v>3816</v>
      </c>
      <c r="UMQ17" s="916" t="s">
        <v>3816</v>
      </c>
      <c r="UMR17" s="916" t="s">
        <v>3816</v>
      </c>
      <c r="UMS17" s="916" t="s">
        <v>3816</v>
      </c>
      <c r="UMT17" s="916" t="s">
        <v>3816</v>
      </c>
      <c r="UMU17" s="916" t="s">
        <v>3816</v>
      </c>
      <c r="UMV17" s="916" t="s">
        <v>3816</v>
      </c>
      <c r="UMW17" s="916" t="s">
        <v>3816</v>
      </c>
      <c r="UMX17" s="916" t="s">
        <v>3816</v>
      </c>
      <c r="UMY17" s="916" t="s">
        <v>3816</v>
      </c>
      <c r="UMZ17" s="916" t="s">
        <v>3816</v>
      </c>
      <c r="UNA17" s="916" t="s">
        <v>3816</v>
      </c>
      <c r="UNB17" s="916" t="s">
        <v>3816</v>
      </c>
      <c r="UNC17" s="916" t="s">
        <v>3816</v>
      </c>
      <c r="UND17" s="916" t="s">
        <v>3816</v>
      </c>
      <c r="UNE17" s="916" t="s">
        <v>3816</v>
      </c>
      <c r="UNF17" s="916" t="s">
        <v>3816</v>
      </c>
      <c r="UNG17" s="916" t="s">
        <v>3816</v>
      </c>
      <c r="UNH17" s="916" t="s">
        <v>3816</v>
      </c>
      <c r="UNI17" s="916" t="s">
        <v>3816</v>
      </c>
      <c r="UNJ17" s="916" t="s">
        <v>3816</v>
      </c>
      <c r="UNK17" s="916" t="s">
        <v>3816</v>
      </c>
      <c r="UNL17" s="916" t="s">
        <v>3816</v>
      </c>
      <c r="UNM17" s="916" t="s">
        <v>3816</v>
      </c>
      <c r="UNN17" s="916" t="s">
        <v>3816</v>
      </c>
      <c r="UNO17" s="916" t="s">
        <v>3816</v>
      </c>
      <c r="UNP17" s="916" t="s">
        <v>3816</v>
      </c>
      <c r="UNQ17" s="916" t="s">
        <v>3816</v>
      </c>
      <c r="UNR17" s="916" t="s">
        <v>3816</v>
      </c>
      <c r="UNS17" s="916" t="s">
        <v>3816</v>
      </c>
      <c r="UNT17" s="916" t="s">
        <v>3816</v>
      </c>
      <c r="UNU17" s="916" t="s">
        <v>3816</v>
      </c>
      <c r="UNV17" s="916" t="s">
        <v>3816</v>
      </c>
      <c r="UNW17" s="916" t="s">
        <v>3816</v>
      </c>
      <c r="UNX17" s="916" t="s">
        <v>3816</v>
      </c>
      <c r="UNY17" s="916" t="s">
        <v>3816</v>
      </c>
      <c r="UNZ17" s="916" t="s">
        <v>3816</v>
      </c>
      <c r="UOA17" s="916" t="s">
        <v>3816</v>
      </c>
      <c r="UOB17" s="916" t="s">
        <v>3816</v>
      </c>
      <c r="UOC17" s="916" t="s">
        <v>3816</v>
      </c>
      <c r="UOD17" s="916" t="s">
        <v>3816</v>
      </c>
      <c r="UOE17" s="916" t="s">
        <v>3816</v>
      </c>
      <c r="UOF17" s="916" t="s">
        <v>3816</v>
      </c>
      <c r="UOG17" s="916" t="s">
        <v>3816</v>
      </c>
      <c r="UOH17" s="916" t="s">
        <v>3816</v>
      </c>
      <c r="UOI17" s="916" t="s">
        <v>3816</v>
      </c>
      <c r="UOJ17" s="916" t="s">
        <v>3816</v>
      </c>
      <c r="UOK17" s="916" t="s">
        <v>3816</v>
      </c>
      <c r="UOL17" s="916" t="s">
        <v>3816</v>
      </c>
      <c r="UOM17" s="916" t="s">
        <v>3816</v>
      </c>
      <c r="UON17" s="916" t="s">
        <v>3816</v>
      </c>
      <c r="UOO17" s="916" t="s">
        <v>3816</v>
      </c>
      <c r="UOP17" s="916" t="s">
        <v>3816</v>
      </c>
      <c r="UOQ17" s="916" t="s">
        <v>3816</v>
      </c>
      <c r="UOR17" s="916" t="s">
        <v>3816</v>
      </c>
      <c r="UOS17" s="916" t="s">
        <v>3816</v>
      </c>
      <c r="UOT17" s="916" t="s">
        <v>3816</v>
      </c>
      <c r="UOU17" s="916" t="s">
        <v>3816</v>
      </c>
      <c r="UOV17" s="916" t="s">
        <v>3816</v>
      </c>
      <c r="UOW17" s="916" t="s">
        <v>3816</v>
      </c>
      <c r="UOX17" s="916" t="s">
        <v>3816</v>
      </c>
      <c r="UOY17" s="916" t="s">
        <v>3816</v>
      </c>
      <c r="UOZ17" s="916" t="s">
        <v>3816</v>
      </c>
      <c r="UPA17" s="916" t="s">
        <v>3816</v>
      </c>
      <c r="UPB17" s="916" t="s">
        <v>3816</v>
      </c>
      <c r="UPC17" s="916" t="s">
        <v>3816</v>
      </c>
      <c r="UPD17" s="916" t="s">
        <v>3816</v>
      </c>
      <c r="UPE17" s="916" t="s">
        <v>3816</v>
      </c>
      <c r="UPF17" s="916" t="s">
        <v>3816</v>
      </c>
      <c r="UPG17" s="916" t="s">
        <v>3816</v>
      </c>
      <c r="UPH17" s="916" t="s">
        <v>3816</v>
      </c>
      <c r="UPI17" s="916" t="s">
        <v>3816</v>
      </c>
      <c r="UPJ17" s="916" t="s">
        <v>3816</v>
      </c>
      <c r="UPK17" s="916" t="s">
        <v>3816</v>
      </c>
      <c r="UPL17" s="916" t="s">
        <v>3816</v>
      </c>
      <c r="UPM17" s="916" t="s">
        <v>3816</v>
      </c>
      <c r="UPN17" s="916" t="s">
        <v>3816</v>
      </c>
      <c r="UPO17" s="916" t="s">
        <v>3816</v>
      </c>
      <c r="UPP17" s="916" t="s">
        <v>3816</v>
      </c>
      <c r="UPQ17" s="916" t="s">
        <v>3816</v>
      </c>
      <c r="UPR17" s="916" t="s">
        <v>3816</v>
      </c>
      <c r="UPS17" s="916" t="s">
        <v>3816</v>
      </c>
      <c r="UPT17" s="916" t="s">
        <v>3816</v>
      </c>
      <c r="UPU17" s="916" t="s">
        <v>3816</v>
      </c>
      <c r="UPV17" s="916" t="s">
        <v>3816</v>
      </c>
      <c r="UPW17" s="916" t="s">
        <v>3816</v>
      </c>
      <c r="UPX17" s="916" t="s">
        <v>3816</v>
      </c>
      <c r="UPY17" s="916" t="s">
        <v>3816</v>
      </c>
      <c r="UPZ17" s="916" t="s">
        <v>3816</v>
      </c>
      <c r="UQA17" s="916" t="s">
        <v>3816</v>
      </c>
      <c r="UQB17" s="916" t="s">
        <v>3816</v>
      </c>
      <c r="UQC17" s="916" t="s">
        <v>3816</v>
      </c>
      <c r="UQD17" s="916" t="s">
        <v>3816</v>
      </c>
      <c r="UQE17" s="916" t="s">
        <v>3816</v>
      </c>
      <c r="UQF17" s="916" t="s">
        <v>3816</v>
      </c>
      <c r="UQG17" s="916" t="s">
        <v>3816</v>
      </c>
      <c r="UQH17" s="916" t="s">
        <v>3816</v>
      </c>
      <c r="UQI17" s="916" t="s">
        <v>3816</v>
      </c>
      <c r="UQJ17" s="916" t="s">
        <v>3816</v>
      </c>
      <c r="UQK17" s="916" t="s">
        <v>3816</v>
      </c>
      <c r="UQL17" s="916" t="s">
        <v>3816</v>
      </c>
      <c r="UQM17" s="916" t="s">
        <v>3816</v>
      </c>
      <c r="UQN17" s="916" t="s">
        <v>3816</v>
      </c>
      <c r="UQO17" s="916" t="s">
        <v>3816</v>
      </c>
      <c r="UQP17" s="916" t="s">
        <v>3816</v>
      </c>
      <c r="UQQ17" s="916" t="s">
        <v>3816</v>
      </c>
      <c r="UQR17" s="916" t="s">
        <v>3816</v>
      </c>
      <c r="UQS17" s="916" t="s">
        <v>3816</v>
      </c>
      <c r="UQT17" s="916" t="s">
        <v>3816</v>
      </c>
      <c r="UQU17" s="916" t="s">
        <v>3816</v>
      </c>
      <c r="UQV17" s="916" t="s">
        <v>3816</v>
      </c>
      <c r="UQW17" s="916" t="s">
        <v>3816</v>
      </c>
      <c r="UQX17" s="916" t="s">
        <v>3816</v>
      </c>
      <c r="UQY17" s="916" t="s">
        <v>3816</v>
      </c>
      <c r="UQZ17" s="916" t="s">
        <v>3816</v>
      </c>
      <c r="URA17" s="916" t="s">
        <v>3816</v>
      </c>
      <c r="URB17" s="916" t="s">
        <v>3816</v>
      </c>
      <c r="URC17" s="916" t="s">
        <v>3816</v>
      </c>
      <c r="URD17" s="916" t="s">
        <v>3816</v>
      </c>
      <c r="URE17" s="916" t="s">
        <v>3816</v>
      </c>
      <c r="URF17" s="916" t="s">
        <v>3816</v>
      </c>
      <c r="URG17" s="916" t="s">
        <v>3816</v>
      </c>
      <c r="URH17" s="916" t="s">
        <v>3816</v>
      </c>
      <c r="URI17" s="916" t="s">
        <v>3816</v>
      </c>
      <c r="URJ17" s="916" t="s">
        <v>3816</v>
      </c>
      <c r="URK17" s="916" t="s">
        <v>3816</v>
      </c>
      <c r="URL17" s="916" t="s">
        <v>3816</v>
      </c>
      <c r="URM17" s="916" t="s">
        <v>3816</v>
      </c>
      <c r="URN17" s="916" t="s">
        <v>3816</v>
      </c>
      <c r="URO17" s="916" t="s">
        <v>3816</v>
      </c>
      <c r="URP17" s="916" t="s">
        <v>3816</v>
      </c>
      <c r="URQ17" s="916" t="s">
        <v>3816</v>
      </c>
      <c r="URR17" s="916" t="s">
        <v>3816</v>
      </c>
      <c r="URS17" s="916" t="s">
        <v>3816</v>
      </c>
      <c r="URT17" s="916" t="s">
        <v>3816</v>
      </c>
      <c r="URU17" s="916" t="s">
        <v>3816</v>
      </c>
      <c r="URV17" s="916" t="s">
        <v>3816</v>
      </c>
      <c r="URW17" s="916" t="s">
        <v>3816</v>
      </c>
      <c r="URX17" s="916" t="s">
        <v>3816</v>
      </c>
      <c r="URY17" s="916" t="s">
        <v>3816</v>
      </c>
      <c r="URZ17" s="916" t="s">
        <v>3816</v>
      </c>
      <c r="USA17" s="916" t="s">
        <v>3816</v>
      </c>
      <c r="USB17" s="916" t="s">
        <v>3816</v>
      </c>
      <c r="USC17" s="916" t="s">
        <v>3816</v>
      </c>
      <c r="USD17" s="916" t="s">
        <v>3816</v>
      </c>
      <c r="USE17" s="916" t="s">
        <v>3816</v>
      </c>
      <c r="USF17" s="916" t="s">
        <v>3816</v>
      </c>
      <c r="USG17" s="916" t="s">
        <v>3816</v>
      </c>
      <c r="USH17" s="916" t="s">
        <v>3816</v>
      </c>
      <c r="USI17" s="916" t="s">
        <v>3816</v>
      </c>
      <c r="USJ17" s="916" t="s">
        <v>3816</v>
      </c>
      <c r="USK17" s="916" t="s">
        <v>3816</v>
      </c>
      <c r="USL17" s="916" t="s">
        <v>3816</v>
      </c>
      <c r="USM17" s="916" t="s">
        <v>3816</v>
      </c>
      <c r="USN17" s="916" t="s">
        <v>3816</v>
      </c>
      <c r="USO17" s="916" t="s">
        <v>3816</v>
      </c>
      <c r="USP17" s="916" t="s">
        <v>3816</v>
      </c>
      <c r="USQ17" s="916" t="s">
        <v>3816</v>
      </c>
      <c r="USR17" s="916" t="s">
        <v>3816</v>
      </c>
      <c r="USS17" s="916" t="s">
        <v>3816</v>
      </c>
      <c r="UST17" s="916" t="s">
        <v>3816</v>
      </c>
      <c r="USU17" s="916" t="s">
        <v>3816</v>
      </c>
      <c r="USV17" s="916" t="s">
        <v>3816</v>
      </c>
      <c r="USW17" s="916" t="s">
        <v>3816</v>
      </c>
      <c r="USX17" s="916" t="s">
        <v>3816</v>
      </c>
      <c r="USY17" s="916" t="s">
        <v>3816</v>
      </c>
      <c r="USZ17" s="916" t="s">
        <v>3816</v>
      </c>
      <c r="UTA17" s="916" t="s">
        <v>3816</v>
      </c>
      <c r="UTB17" s="916" t="s">
        <v>3816</v>
      </c>
      <c r="UTC17" s="916" t="s">
        <v>3816</v>
      </c>
      <c r="UTD17" s="916" t="s">
        <v>3816</v>
      </c>
      <c r="UTE17" s="916" t="s">
        <v>3816</v>
      </c>
      <c r="UTF17" s="916" t="s">
        <v>3816</v>
      </c>
      <c r="UTG17" s="916" t="s">
        <v>3816</v>
      </c>
      <c r="UTH17" s="916" t="s">
        <v>3816</v>
      </c>
      <c r="UTI17" s="916" t="s">
        <v>3816</v>
      </c>
      <c r="UTJ17" s="916" t="s">
        <v>3816</v>
      </c>
      <c r="UTK17" s="916" t="s">
        <v>3816</v>
      </c>
      <c r="UTL17" s="916" t="s">
        <v>3816</v>
      </c>
      <c r="UTM17" s="916" t="s">
        <v>3816</v>
      </c>
      <c r="UTN17" s="916" t="s">
        <v>3816</v>
      </c>
      <c r="UTO17" s="916" t="s">
        <v>3816</v>
      </c>
      <c r="UTP17" s="916" t="s">
        <v>3816</v>
      </c>
      <c r="UTQ17" s="916" t="s">
        <v>3816</v>
      </c>
      <c r="UTR17" s="916" t="s">
        <v>3816</v>
      </c>
      <c r="UTS17" s="916" t="s">
        <v>3816</v>
      </c>
      <c r="UTT17" s="916" t="s">
        <v>3816</v>
      </c>
      <c r="UTU17" s="916" t="s">
        <v>3816</v>
      </c>
      <c r="UTV17" s="916" t="s">
        <v>3816</v>
      </c>
      <c r="UTW17" s="916" t="s">
        <v>3816</v>
      </c>
      <c r="UTX17" s="916" t="s">
        <v>3816</v>
      </c>
      <c r="UTY17" s="916" t="s">
        <v>3816</v>
      </c>
      <c r="UTZ17" s="916" t="s">
        <v>3816</v>
      </c>
      <c r="UUA17" s="916" t="s">
        <v>3816</v>
      </c>
      <c r="UUB17" s="916" t="s">
        <v>3816</v>
      </c>
      <c r="UUC17" s="916" t="s">
        <v>3816</v>
      </c>
      <c r="UUD17" s="916" t="s">
        <v>3816</v>
      </c>
      <c r="UUE17" s="916" t="s">
        <v>3816</v>
      </c>
      <c r="UUF17" s="916" t="s">
        <v>3816</v>
      </c>
      <c r="UUG17" s="916" t="s">
        <v>3816</v>
      </c>
      <c r="UUH17" s="916" t="s">
        <v>3816</v>
      </c>
      <c r="UUI17" s="916" t="s">
        <v>3816</v>
      </c>
      <c r="UUJ17" s="916" t="s">
        <v>3816</v>
      </c>
      <c r="UUK17" s="916" t="s">
        <v>3816</v>
      </c>
      <c r="UUL17" s="916" t="s">
        <v>3816</v>
      </c>
      <c r="UUM17" s="916" t="s">
        <v>3816</v>
      </c>
      <c r="UUN17" s="916" t="s">
        <v>3816</v>
      </c>
      <c r="UUO17" s="916" t="s">
        <v>3816</v>
      </c>
      <c r="UUP17" s="916" t="s">
        <v>3816</v>
      </c>
      <c r="UUQ17" s="916" t="s">
        <v>3816</v>
      </c>
      <c r="UUR17" s="916" t="s">
        <v>3816</v>
      </c>
      <c r="UUS17" s="916" t="s">
        <v>3816</v>
      </c>
      <c r="UUT17" s="916" t="s">
        <v>3816</v>
      </c>
      <c r="UUU17" s="916" t="s">
        <v>3816</v>
      </c>
      <c r="UUV17" s="916" t="s">
        <v>3816</v>
      </c>
      <c r="UUW17" s="916" t="s">
        <v>3816</v>
      </c>
      <c r="UUX17" s="916" t="s">
        <v>3816</v>
      </c>
      <c r="UUY17" s="916" t="s">
        <v>3816</v>
      </c>
      <c r="UUZ17" s="916" t="s">
        <v>3816</v>
      </c>
      <c r="UVA17" s="916" t="s">
        <v>3816</v>
      </c>
      <c r="UVB17" s="916" t="s">
        <v>3816</v>
      </c>
      <c r="UVC17" s="916" t="s">
        <v>3816</v>
      </c>
      <c r="UVD17" s="916" t="s">
        <v>3816</v>
      </c>
      <c r="UVE17" s="916" t="s">
        <v>3816</v>
      </c>
      <c r="UVF17" s="916" t="s">
        <v>3816</v>
      </c>
      <c r="UVG17" s="916" t="s">
        <v>3816</v>
      </c>
      <c r="UVH17" s="916" t="s">
        <v>3816</v>
      </c>
      <c r="UVI17" s="916" t="s">
        <v>3816</v>
      </c>
      <c r="UVJ17" s="916" t="s">
        <v>3816</v>
      </c>
      <c r="UVK17" s="916" t="s">
        <v>3816</v>
      </c>
      <c r="UVL17" s="916" t="s">
        <v>3816</v>
      </c>
      <c r="UVM17" s="916" t="s">
        <v>3816</v>
      </c>
      <c r="UVN17" s="916" t="s">
        <v>3816</v>
      </c>
      <c r="UVO17" s="916" t="s">
        <v>3816</v>
      </c>
      <c r="UVP17" s="916" t="s">
        <v>3816</v>
      </c>
      <c r="UVQ17" s="916" t="s">
        <v>3816</v>
      </c>
      <c r="UVR17" s="916" t="s">
        <v>3816</v>
      </c>
      <c r="UVS17" s="916" t="s">
        <v>3816</v>
      </c>
      <c r="UVT17" s="916" t="s">
        <v>3816</v>
      </c>
      <c r="UVU17" s="916" t="s">
        <v>3816</v>
      </c>
      <c r="UVV17" s="916" t="s">
        <v>3816</v>
      </c>
      <c r="UVW17" s="916" t="s">
        <v>3816</v>
      </c>
      <c r="UVX17" s="916" t="s">
        <v>3816</v>
      </c>
      <c r="UVY17" s="916" t="s">
        <v>3816</v>
      </c>
      <c r="UVZ17" s="916" t="s">
        <v>3816</v>
      </c>
      <c r="UWA17" s="916" t="s">
        <v>3816</v>
      </c>
      <c r="UWB17" s="916" t="s">
        <v>3816</v>
      </c>
      <c r="UWC17" s="916" t="s">
        <v>3816</v>
      </c>
      <c r="UWD17" s="916" t="s">
        <v>3816</v>
      </c>
      <c r="UWE17" s="916" t="s">
        <v>3816</v>
      </c>
      <c r="UWF17" s="916" t="s">
        <v>3816</v>
      </c>
      <c r="UWG17" s="916" t="s">
        <v>3816</v>
      </c>
      <c r="UWH17" s="916" t="s">
        <v>3816</v>
      </c>
      <c r="UWI17" s="916" t="s">
        <v>3816</v>
      </c>
      <c r="UWJ17" s="916" t="s">
        <v>3816</v>
      </c>
      <c r="UWK17" s="916" t="s">
        <v>3816</v>
      </c>
      <c r="UWL17" s="916" t="s">
        <v>3816</v>
      </c>
      <c r="UWM17" s="916" t="s">
        <v>3816</v>
      </c>
      <c r="UWN17" s="916" t="s">
        <v>3816</v>
      </c>
      <c r="UWO17" s="916" t="s">
        <v>3816</v>
      </c>
      <c r="UWP17" s="916" t="s">
        <v>3816</v>
      </c>
      <c r="UWQ17" s="916" t="s">
        <v>3816</v>
      </c>
      <c r="UWR17" s="916" t="s">
        <v>3816</v>
      </c>
      <c r="UWS17" s="916" t="s">
        <v>3816</v>
      </c>
      <c r="UWT17" s="916" t="s">
        <v>3816</v>
      </c>
      <c r="UWU17" s="916" t="s">
        <v>3816</v>
      </c>
      <c r="UWV17" s="916" t="s">
        <v>3816</v>
      </c>
      <c r="UWW17" s="916" t="s">
        <v>3816</v>
      </c>
      <c r="UWX17" s="916" t="s">
        <v>3816</v>
      </c>
      <c r="UWY17" s="916" t="s">
        <v>3816</v>
      </c>
      <c r="UWZ17" s="916" t="s">
        <v>3816</v>
      </c>
      <c r="UXA17" s="916" t="s">
        <v>3816</v>
      </c>
      <c r="UXB17" s="916" t="s">
        <v>3816</v>
      </c>
      <c r="UXC17" s="916" t="s">
        <v>3816</v>
      </c>
      <c r="UXD17" s="916" t="s">
        <v>3816</v>
      </c>
      <c r="UXE17" s="916" t="s">
        <v>3816</v>
      </c>
      <c r="UXF17" s="916" t="s">
        <v>3816</v>
      </c>
      <c r="UXG17" s="916" t="s">
        <v>3816</v>
      </c>
      <c r="UXH17" s="916" t="s">
        <v>3816</v>
      </c>
      <c r="UXI17" s="916" t="s">
        <v>3816</v>
      </c>
      <c r="UXJ17" s="916" t="s">
        <v>3816</v>
      </c>
      <c r="UXK17" s="916" t="s">
        <v>3816</v>
      </c>
      <c r="UXL17" s="916" t="s">
        <v>3816</v>
      </c>
      <c r="UXM17" s="916" t="s">
        <v>3816</v>
      </c>
      <c r="UXN17" s="916" t="s">
        <v>3816</v>
      </c>
      <c r="UXO17" s="916" t="s">
        <v>3816</v>
      </c>
      <c r="UXP17" s="916" t="s">
        <v>3816</v>
      </c>
      <c r="UXQ17" s="916" t="s">
        <v>3816</v>
      </c>
      <c r="UXR17" s="916" t="s">
        <v>3816</v>
      </c>
      <c r="UXS17" s="916" t="s">
        <v>3816</v>
      </c>
      <c r="UXT17" s="916" t="s">
        <v>3816</v>
      </c>
      <c r="UXU17" s="916" t="s">
        <v>3816</v>
      </c>
      <c r="UXV17" s="916" t="s">
        <v>3816</v>
      </c>
      <c r="UXW17" s="916" t="s">
        <v>3816</v>
      </c>
      <c r="UXX17" s="916" t="s">
        <v>3816</v>
      </c>
      <c r="UXY17" s="916" t="s">
        <v>3816</v>
      </c>
      <c r="UXZ17" s="916" t="s">
        <v>3816</v>
      </c>
      <c r="UYA17" s="916" t="s">
        <v>3816</v>
      </c>
      <c r="UYB17" s="916" t="s">
        <v>3816</v>
      </c>
      <c r="UYC17" s="916" t="s">
        <v>3816</v>
      </c>
      <c r="UYD17" s="916" t="s">
        <v>3816</v>
      </c>
      <c r="UYE17" s="916" t="s">
        <v>3816</v>
      </c>
      <c r="UYF17" s="916" t="s">
        <v>3816</v>
      </c>
      <c r="UYG17" s="916" t="s">
        <v>3816</v>
      </c>
      <c r="UYH17" s="916" t="s">
        <v>3816</v>
      </c>
      <c r="UYI17" s="916" t="s">
        <v>3816</v>
      </c>
      <c r="UYJ17" s="916" t="s">
        <v>3816</v>
      </c>
      <c r="UYK17" s="916" t="s">
        <v>3816</v>
      </c>
      <c r="UYL17" s="916" t="s">
        <v>3816</v>
      </c>
      <c r="UYM17" s="916" t="s">
        <v>3816</v>
      </c>
      <c r="UYN17" s="916" t="s">
        <v>3816</v>
      </c>
      <c r="UYO17" s="916" t="s">
        <v>3816</v>
      </c>
      <c r="UYP17" s="916" t="s">
        <v>3816</v>
      </c>
      <c r="UYQ17" s="916" t="s">
        <v>3816</v>
      </c>
      <c r="UYR17" s="916" t="s">
        <v>3816</v>
      </c>
      <c r="UYS17" s="916" t="s">
        <v>3816</v>
      </c>
      <c r="UYT17" s="916" t="s">
        <v>3816</v>
      </c>
      <c r="UYU17" s="916" t="s">
        <v>3816</v>
      </c>
      <c r="UYV17" s="916" t="s">
        <v>3816</v>
      </c>
      <c r="UYW17" s="916" t="s">
        <v>3816</v>
      </c>
      <c r="UYX17" s="916" t="s">
        <v>3816</v>
      </c>
      <c r="UYY17" s="916" t="s">
        <v>3816</v>
      </c>
      <c r="UYZ17" s="916" t="s">
        <v>3816</v>
      </c>
      <c r="UZA17" s="916" t="s">
        <v>3816</v>
      </c>
      <c r="UZB17" s="916" t="s">
        <v>3816</v>
      </c>
      <c r="UZC17" s="916" t="s">
        <v>3816</v>
      </c>
      <c r="UZD17" s="916" t="s">
        <v>3816</v>
      </c>
      <c r="UZE17" s="916" t="s">
        <v>3816</v>
      </c>
      <c r="UZF17" s="916" t="s">
        <v>3816</v>
      </c>
      <c r="UZG17" s="916" t="s">
        <v>3816</v>
      </c>
      <c r="UZH17" s="916" t="s">
        <v>3816</v>
      </c>
      <c r="UZI17" s="916" t="s">
        <v>3816</v>
      </c>
      <c r="UZJ17" s="916" t="s">
        <v>3816</v>
      </c>
      <c r="UZK17" s="916" t="s">
        <v>3816</v>
      </c>
      <c r="UZL17" s="916" t="s">
        <v>3816</v>
      </c>
      <c r="UZM17" s="916" t="s">
        <v>3816</v>
      </c>
      <c r="UZN17" s="916" t="s">
        <v>3816</v>
      </c>
      <c r="UZO17" s="916" t="s">
        <v>3816</v>
      </c>
      <c r="UZP17" s="916" t="s">
        <v>3816</v>
      </c>
      <c r="UZQ17" s="916" t="s">
        <v>3816</v>
      </c>
      <c r="UZR17" s="916" t="s">
        <v>3816</v>
      </c>
      <c r="UZS17" s="916" t="s">
        <v>3816</v>
      </c>
      <c r="UZT17" s="916" t="s">
        <v>3816</v>
      </c>
      <c r="UZU17" s="916" t="s">
        <v>3816</v>
      </c>
      <c r="UZV17" s="916" t="s">
        <v>3816</v>
      </c>
      <c r="UZW17" s="916" t="s">
        <v>3816</v>
      </c>
      <c r="UZX17" s="916" t="s">
        <v>3816</v>
      </c>
      <c r="UZY17" s="916" t="s">
        <v>3816</v>
      </c>
      <c r="UZZ17" s="916" t="s">
        <v>3816</v>
      </c>
      <c r="VAA17" s="916" t="s">
        <v>3816</v>
      </c>
      <c r="VAB17" s="916" t="s">
        <v>3816</v>
      </c>
      <c r="VAC17" s="916" t="s">
        <v>3816</v>
      </c>
      <c r="VAD17" s="916" t="s">
        <v>3816</v>
      </c>
      <c r="VAE17" s="916" t="s">
        <v>3816</v>
      </c>
      <c r="VAF17" s="916" t="s">
        <v>3816</v>
      </c>
      <c r="VAG17" s="916" t="s">
        <v>3816</v>
      </c>
      <c r="VAH17" s="916" t="s">
        <v>3816</v>
      </c>
      <c r="VAI17" s="916" t="s">
        <v>3816</v>
      </c>
      <c r="VAJ17" s="916" t="s">
        <v>3816</v>
      </c>
      <c r="VAK17" s="916" t="s">
        <v>3816</v>
      </c>
      <c r="VAL17" s="916" t="s">
        <v>3816</v>
      </c>
      <c r="VAM17" s="916" t="s">
        <v>3816</v>
      </c>
      <c r="VAN17" s="916" t="s">
        <v>3816</v>
      </c>
      <c r="VAO17" s="916" t="s">
        <v>3816</v>
      </c>
      <c r="VAP17" s="916" t="s">
        <v>3816</v>
      </c>
      <c r="VAQ17" s="916" t="s">
        <v>3816</v>
      </c>
      <c r="VAR17" s="916" t="s">
        <v>3816</v>
      </c>
      <c r="VAS17" s="916" t="s">
        <v>3816</v>
      </c>
      <c r="VAT17" s="916" t="s">
        <v>3816</v>
      </c>
      <c r="VAU17" s="916" t="s">
        <v>3816</v>
      </c>
      <c r="VAV17" s="916" t="s">
        <v>3816</v>
      </c>
      <c r="VAW17" s="916" t="s">
        <v>3816</v>
      </c>
      <c r="VAX17" s="916" t="s">
        <v>3816</v>
      </c>
      <c r="VAY17" s="916" t="s">
        <v>3816</v>
      </c>
      <c r="VAZ17" s="916" t="s">
        <v>3816</v>
      </c>
      <c r="VBA17" s="916" t="s">
        <v>3816</v>
      </c>
      <c r="VBB17" s="916" t="s">
        <v>3816</v>
      </c>
      <c r="VBC17" s="916" t="s">
        <v>3816</v>
      </c>
      <c r="VBD17" s="916" t="s">
        <v>3816</v>
      </c>
      <c r="VBE17" s="916" t="s">
        <v>3816</v>
      </c>
      <c r="VBF17" s="916" t="s">
        <v>3816</v>
      </c>
      <c r="VBG17" s="916" t="s">
        <v>3816</v>
      </c>
      <c r="VBH17" s="916" t="s">
        <v>3816</v>
      </c>
      <c r="VBI17" s="916" t="s">
        <v>3816</v>
      </c>
      <c r="VBJ17" s="916" t="s">
        <v>3816</v>
      </c>
      <c r="VBK17" s="916" t="s">
        <v>3816</v>
      </c>
      <c r="VBL17" s="916" t="s">
        <v>3816</v>
      </c>
      <c r="VBM17" s="916" t="s">
        <v>3816</v>
      </c>
      <c r="VBN17" s="916" t="s">
        <v>3816</v>
      </c>
      <c r="VBO17" s="916" t="s">
        <v>3816</v>
      </c>
      <c r="VBP17" s="916" t="s">
        <v>3816</v>
      </c>
      <c r="VBQ17" s="916" t="s">
        <v>3816</v>
      </c>
      <c r="VBR17" s="916" t="s">
        <v>3816</v>
      </c>
      <c r="VBS17" s="916" t="s">
        <v>3816</v>
      </c>
      <c r="VBT17" s="916" t="s">
        <v>3816</v>
      </c>
      <c r="VBU17" s="916" t="s">
        <v>3816</v>
      </c>
      <c r="VBV17" s="916" t="s">
        <v>3816</v>
      </c>
      <c r="VBW17" s="916" t="s">
        <v>3816</v>
      </c>
      <c r="VBX17" s="916" t="s">
        <v>3816</v>
      </c>
      <c r="VBY17" s="916" t="s">
        <v>3816</v>
      </c>
      <c r="VBZ17" s="916" t="s">
        <v>3816</v>
      </c>
      <c r="VCA17" s="916" t="s">
        <v>3816</v>
      </c>
      <c r="VCB17" s="916" t="s">
        <v>3816</v>
      </c>
      <c r="VCC17" s="916" t="s">
        <v>3816</v>
      </c>
      <c r="VCD17" s="916" t="s">
        <v>3816</v>
      </c>
      <c r="VCE17" s="916" t="s">
        <v>3816</v>
      </c>
      <c r="VCF17" s="916" t="s">
        <v>3816</v>
      </c>
      <c r="VCG17" s="916" t="s">
        <v>3816</v>
      </c>
      <c r="VCH17" s="916" t="s">
        <v>3816</v>
      </c>
      <c r="VCI17" s="916" t="s">
        <v>3816</v>
      </c>
      <c r="VCJ17" s="916" t="s">
        <v>3816</v>
      </c>
      <c r="VCK17" s="916" t="s">
        <v>3816</v>
      </c>
      <c r="VCL17" s="916" t="s">
        <v>3816</v>
      </c>
      <c r="VCM17" s="916" t="s">
        <v>3816</v>
      </c>
      <c r="VCN17" s="916" t="s">
        <v>3816</v>
      </c>
      <c r="VCO17" s="916" t="s">
        <v>3816</v>
      </c>
      <c r="VCP17" s="916" t="s">
        <v>3816</v>
      </c>
      <c r="VCQ17" s="916" t="s">
        <v>3816</v>
      </c>
      <c r="VCR17" s="916" t="s">
        <v>3816</v>
      </c>
      <c r="VCS17" s="916" t="s">
        <v>3816</v>
      </c>
      <c r="VCT17" s="916" t="s">
        <v>3816</v>
      </c>
      <c r="VCU17" s="916" t="s">
        <v>3816</v>
      </c>
      <c r="VCV17" s="916" t="s">
        <v>3816</v>
      </c>
      <c r="VCW17" s="916" t="s">
        <v>3816</v>
      </c>
      <c r="VCX17" s="916" t="s">
        <v>3816</v>
      </c>
      <c r="VCY17" s="916" t="s">
        <v>3816</v>
      </c>
      <c r="VCZ17" s="916" t="s">
        <v>3816</v>
      </c>
      <c r="VDA17" s="916" t="s">
        <v>3816</v>
      </c>
      <c r="VDB17" s="916" t="s">
        <v>3816</v>
      </c>
      <c r="VDC17" s="916" t="s">
        <v>3816</v>
      </c>
      <c r="VDD17" s="916" t="s">
        <v>3816</v>
      </c>
      <c r="VDE17" s="916" t="s">
        <v>3816</v>
      </c>
      <c r="VDF17" s="916" t="s">
        <v>3816</v>
      </c>
      <c r="VDG17" s="916" t="s">
        <v>3816</v>
      </c>
      <c r="VDH17" s="916" t="s">
        <v>3816</v>
      </c>
      <c r="VDI17" s="916" t="s">
        <v>3816</v>
      </c>
      <c r="VDJ17" s="916" t="s">
        <v>3816</v>
      </c>
      <c r="VDK17" s="916" t="s">
        <v>3816</v>
      </c>
      <c r="VDL17" s="916" t="s">
        <v>3816</v>
      </c>
      <c r="VDM17" s="916" t="s">
        <v>3816</v>
      </c>
      <c r="VDN17" s="916" t="s">
        <v>3816</v>
      </c>
      <c r="VDO17" s="916" t="s">
        <v>3816</v>
      </c>
      <c r="VDP17" s="916" t="s">
        <v>3816</v>
      </c>
      <c r="VDQ17" s="916" t="s">
        <v>3816</v>
      </c>
      <c r="VDR17" s="916" t="s">
        <v>3816</v>
      </c>
      <c r="VDS17" s="916" t="s">
        <v>3816</v>
      </c>
      <c r="VDT17" s="916" t="s">
        <v>3816</v>
      </c>
      <c r="VDU17" s="916" t="s">
        <v>3816</v>
      </c>
      <c r="VDV17" s="916" t="s">
        <v>3816</v>
      </c>
      <c r="VDW17" s="916" t="s">
        <v>3816</v>
      </c>
      <c r="VDX17" s="916" t="s">
        <v>3816</v>
      </c>
      <c r="VDY17" s="916" t="s">
        <v>3816</v>
      </c>
      <c r="VDZ17" s="916" t="s">
        <v>3816</v>
      </c>
      <c r="VEA17" s="916" t="s">
        <v>3816</v>
      </c>
      <c r="VEB17" s="916" t="s">
        <v>3816</v>
      </c>
      <c r="VEC17" s="916" t="s">
        <v>3816</v>
      </c>
      <c r="VED17" s="916" t="s">
        <v>3816</v>
      </c>
      <c r="VEE17" s="916" t="s">
        <v>3816</v>
      </c>
      <c r="VEF17" s="916" t="s">
        <v>3816</v>
      </c>
      <c r="VEG17" s="916" t="s">
        <v>3816</v>
      </c>
      <c r="VEH17" s="916" t="s">
        <v>3816</v>
      </c>
      <c r="VEI17" s="916" t="s">
        <v>3816</v>
      </c>
      <c r="VEJ17" s="916" t="s">
        <v>3816</v>
      </c>
      <c r="VEK17" s="916" t="s">
        <v>3816</v>
      </c>
      <c r="VEL17" s="916" t="s">
        <v>3816</v>
      </c>
      <c r="VEM17" s="916" t="s">
        <v>3816</v>
      </c>
      <c r="VEN17" s="916" t="s">
        <v>3816</v>
      </c>
      <c r="VEO17" s="916" t="s">
        <v>3816</v>
      </c>
      <c r="VEP17" s="916" t="s">
        <v>3816</v>
      </c>
      <c r="VEQ17" s="916" t="s">
        <v>3816</v>
      </c>
      <c r="VER17" s="916" t="s">
        <v>3816</v>
      </c>
      <c r="VES17" s="916" t="s">
        <v>3816</v>
      </c>
      <c r="VET17" s="916" t="s">
        <v>3816</v>
      </c>
      <c r="VEU17" s="916" t="s">
        <v>3816</v>
      </c>
      <c r="VEV17" s="916" t="s">
        <v>3816</v>
      </c>
      <c r="VEW17" s="916" t="s">
        <v>3816</v>
      </c>
      <c r="VEX17" s="916" t="s">
        <v>3816</v>
      </c>
      <c r="VEY17" s="916" t="s">
        <v>3816</v>
      </c>
      <c r="VEZ17" s="916" t="s">
        <v>3816</v>
      </c>
      <c r="VFA17" s="916" t="s">
        <v>3816</v>
      </c>
      <c r="VFB17" s="916" t="s">
        <v>3816</v>
      </c>
      <c r="VFC17" s="916" t="s">
        <v>3816</v>
      </c>
      <c r="VFD17" s="916" t="s">
        <v>3816</v>
      </c>
      <c r="VFE17" s="916" t="s">
        <v>3816</v>
      </c>
      <c r="VFF17" s="916" t="s">
        <v>3816</v>
      </c>
      <c r="VFG17" s="916" t="s">
        <v>3816</v>
      </c>
      <c r="VFH17" s="916" t="s">
        <v>3816</v>
      </c>
      <c r="VFI17" s="916" t="s">
        <v>3816</v>
      </c>
      <c r="VFJ17" s="916" t="s">
        <v>3816</v>
      </c>
      <c r="VFK17" s="916" t="s">
        <v>3816</v>
      </c>
      <c r="VFL17" s="916" t="s">
        <v>3816</v>
      </c>
      <c r="VFM17" s="916" t="s">
        <v>3816</v>
      </c>
      <c r="VFN17" s="916" t="s">
        <v>3816</v>
      </c>
      <c r="VFO17" s="916" t="s">
        <v>3816</v>
      </c>
      <c r="VFP17" s="916" t="s">
        <v>3816</v>
      </c>
      <c r="VFQ17" s="916" t="s">
        <v>3816</v>
      </c>
      <c r="VFR17" s="916" t="s">
        <v>3816</v>
      </c>
      <c r="VFS17" s="916" t="s">
        <v>3816</v>
      </c>
      <c r="VFT17" s="916" t="s">
        <v>3816</v>
      </c>
      <c r="VFU17" s="916" t="s">
        <v>3816</v>
      </c>
      <c r="VFV17" s="916" t="s">
        <v>3816</v>
      </c>
      <c r="VFW17" s="916" t="s">
        <v>3816</v>
      </c>
      <c r="VFX17" s="916" t="s">
        <v>3816</v>
      </c>
      <c r="VFY17" s="916" t="s">
        <v>3816</v>
      </c>
      <c r="VFZ17" s="916" t="s">
        <v>3816</v>
      </c>
      <c r="VGA17" s="916" t="s">
        <v>3816</v>
      </c>
      <c r="VGB17" s="916" t="s">
        <v>3816</v>
      </c>
      <c r="VGC17" s="916" t="s">
        <v>3816</v>
      </c>
      <c r="VGD17" s="916" t="s">
        <v>3816</v>
      </c>
      <c r="VGE17" s="916" t="s">
        <v>3816</v>
      </c>
      <c r="VGF17" s="916" t="s">
        <v>3816</v>
      </c>
      <c r="VGG17" s="916" t="s">
        <v>3816</v>
      </c>
      <c r="VGH17" s="916" t="s">
        <v>3816</v>
      </c>
      <c r="VGI17" s="916" t="s">
        <v>3816</v>
      </c>
      <c r="VGJ17" s="916" t="s">
        <v>3816</v>
      </c>
      <c r="VGK17" s="916" t="s">
        <v>3816</v>
      </c>
      <c r="VGL17" s="916" t="s">
        <v>3816</v>
      </c>
      <c r="VGM17" s="916" t="s">
        <v>3816</v>
      </c>
      <c r="VGN17" s="916" t="s">
        <v>3816</v>
      </c>
      <c r="VGO17" s="916" t="s">
        <v>3816</v>
      </c>
      <c r="VGP17" s="916" t="s">
        <v>3816</v>
      </c>
      <c r="VGQ17" s="916" t="s">
        <v>3816</v>
      </c>
      <c r="VGR17" s="916" t="s">
        <v>3816</v>
      </c>
      <c r="VGS17" s="916" t="s">
        <v>3816</v>
      </c>
      <c r="VGT17" s="916" t="s">
        <v>3816</v>
      </c>
      <c r="VGU17" s="916" t="s">
        <v>3816</v>
      </c>
      <c r="VGV17" s="916" t="s">
        <v>3816</v>
      </c>
      <c r="VGW17" s="916" t="s">
        <v>3816</v>
      </c>
      <c r="VGX17" s="916" t="s">
        <v>3816</v>
      </c>
      <c r="VGY17" s="916" t="s">
        <v>3816</v>
      </c>
      <c r="VGZ17" s="916" t="s">
        <v>3816</v>
      </c>
      <c r="VHA17" s="916" t="s">
        <v>3816</v>
      </c>
      <c r="VHB17" s="916" t="s">
        <v>3816</v>
      </c>
      <c r="VHC17" s="916" t="s">
        <v>3816</v>
      </c>
      <c r="VHD17" s="916" t="s">
        <v>3816</v>
      </c>
      <c r="VHE17" s="916" t="s">
        <v>3816</v>
      </c>
      <c r="VHF17" s="916" t="s">
        <v>3816</v>
      </c>
      <c r="VHG17" s="916" t="s">
        <v>3816</v>
      </c>
      <c r="VHH17" s="916" t="s">
        <v>3816</v>
      </c>
      <c r="VHI17" s="916" t="s">
        <v>3816</v>
      </c>
      <c r="VHJ17" s="916" t="s">
        <v>3816</v>
      </c>
      <c r="VHK17" s="916" t="s">
        <v>3816</v>
      </c>
      <c r="VHL17" s="916" t="s">
        <v>3816</v>
      </c>
      <c r="VHM17" s="916" t="s">
        <v>3816</v>
      </c>
      <c r="VHN17" s="916" t="s">
        <v>3816</v>
      </c>
      <c r="VHO17" s="916" t="s">
        <v>3816</v>
      </c>
      <c r="VHP17" s="916" t="s">
        <v>3816</v>
      </c>
      <c r="VHQ17" s="916" t="s">
        <v>3816</v>
      </c>
      <c r="VHR17" s="916" t="s">
        <v>3816</v>
      </c>
      <c r="VHS17" s="916" t="s">
        <v>3816</v>
      </c>
      <c r="VHT17" s="916" t="s">
        <v>3816</v>
      </c>
      <c r="VHU17" s="916" t="s">
        <v>3816</v>
      </c>
      <c r="VHV17" s="916" t="s">
        <v>3816</v>
      </c>
      <c r="VHW17" s="916" t="s">
        <v>3816</v>
      </c>
      <c r="VHX17" s="916" t="s">
        <v>3816</v>
      </c>
      <c r="VHY17" s="916" t="s">
        <v>3816</v>
      </c>
      <c r="VHZ17" s="916" t="s">
        <v>3816</v>
      </c>
      <c r="VIA17" s="916" t="s">
        <v>3816</v>
      </c>
      <c r="VIB17" s="916" t="s">
        <v>3816</v>
      </c>
      <c r="VIC17" s="916" t="s">
        <v>3816</v>
      </c>
      <c r="VID17" s="916" t="s">
        <v>3816</v>
      </c>
      <c r="VIE17" s="916" t="s">
        <v>3816</v>
      </c>
      <c r="VIF17" s="916" t="s">
        <v>3816</v>
      </c>
      <c r="VIG17" s="916" t="s">
        <v>3816</v>
      </c>
      <c r="VIH17" s="916" t="s">
        <v>3816</v>
      </c>
      <c r="VII17" s="916" t="s">
        <v>3816</v>
      </c>
      <c r="VIJ17" s="916" t="s">
        <v>3816</v>
      </c>
      <c r="VIK17" s="916" t="s">
        <v>3816</v>
      </c>
      <c r="VIL17" s="916" t="s">
        <v>3816</v>
      </c>
      <c r="VIM17" s="916" t="s">
        <v>3816</v>
      </c>
      <c r="VIN17" s="916" t="s">
        <v>3816</v>
      </c>
      <c r="VIO17" s="916" t="s">
        <v>3816</v>
      </c>
      <c r="VIP17" s="916" t="s">
        <v>3816</v>
      </c>
      <c r="VIQ17" s="916" t="s">
        <v>3816</v>
      </c>
      <c r="VIR17" s="916" t="s">
        <v>3816</v>
      </c>
      <c r="VIS17" s="916" t="s">
        <v>3816</v>
      </c>
      <c r="VIT17" s="916" t="s">
        <v>3816</v>
      </c>
      <c r="VIU17" s="916" t="s">
        <v>3816</v>
      </c>
      <c r="VIV17" s="916" t="s">
        <v>3816</v>
      </c>
      <c r="VIW17" s="916" t="s">
        <v>3816</v>
      </c>
      <c r="VIX17" s="916" t="s">
        <v>3816</v>
      </c>
      <c r="VIY17" s="916" t="s">
        <v>3816</v>
      </c>
      <c r="VIZ17" s="916" t="s">
        <v>3816</v>
      </c>
      <c r="VJA17" s="916" t="s">
        <v>3816</v>
      </c>
      <c r="VJB17" s="916" t="s">
        <v>3816</v>
      </c>
      <c r="VJC17" s="916" t="s">
        <v>3816</v>
      </c>
      <c r="VJD17" s="916" t="s">
        <v>3816</v>
      </c>
      <c r="VJE17" s="916" t="s">
        <v>3816</v>
      </c>
      <c r="VJF17" s="916" t="s">
        <v>3816</v>
      </c>
      <c r="VJG17" s="916" t="s">
        <v>3816</v>
      </c>
      <c r="VJH17" s="916" t="s">
        <v>3816</v>
      </c>
      <c r="VJI17" s="916" t="s">
        <v>3816</v>
      </c>
      <c r="VJJ17" s="916" t="s">
        <v>3816</v>
      </c>
      <c r="VJK17" s="916" t="s">
        <v>3816</v>
      </c>
      <c r="VJL17" s="916" t="s">
        <v>3816</v>
      </c>
      <c r="VJM17" s="916" t="s">
        <v>3816</v>
      </c>
      <c r="VJN17" s="916" t="s">
        <v>3816</v>
      </c>
      <c r="VJO17" s="916" t="s">
        <v>3816</v>
      </c>
      <c r="VJP17" s="916" t="s">
        <v>3816</v>
      </c>
      <c r="VJQ17" s="916" t="s">
        <v>3816</v>
      </c>
      <c r="VJR17" s="916" t="s">
        <v>3816</v>
      </c>
      <c r="VJS17" s="916" t="s">
        <v>3816</v>
      </c>
      <c r="VJT17" s="916" t="s">
        <v>3816</v>
      </c>
      <c r="VJU17" s="916" t="s">
        <v>3816</v>
      </c>
      <c r="VJV17" s="916" t="s">
        <v>3816</v>
      </c>
      <c r="VJW17" s="916" t="s">
        <v>3816</v>
      </c>
      <c r="VJX17" s="916" t="s">
        <v>3816</v>
      </c>
      <c r="VJY17" s="916" t="s">
        <v>3816</v>
      </c>
      <c r="VJZ17" s="916" t="s">
        <v>3816</v>
      </c>
      <c r="VKA17" s="916" t="s">
        <v>3816</v>
      </c>
      <c r="VKB17" s="916" t="s">
        <v>3816</v>
      </c>
      <c r="VKC17" s="916" t="s">
        <v>3816</v>
      </c>
      <c r="VKD17" s="916" t="s">
        <v>3816</v>
      </c>
      <c r="VKE17" s="916" t="s">
        <v>3816</v>
      </c>
      <c r="VKF17" s="916" t="s">
        <v>3816</v>
      </c>
      <c r="VKG17" s="916" t="s">
        <v>3816</v>
      </c>
      <c r="VKH17" s="916" t="s">
        <v>3816</v>
      </c>
      <c r="VKI17" s="916" t="s">
        <v>3816</v>
      </c>
      <c r="VKJ17" s="916" t="s">
        <v>3816</v>
      </c>
      <c r="VKK17" s="916" t="s">
        <v>3816</v>
      </c>
      <c r="VKL17" s="916" t="s">
        <v>3816</v>
      </c>
      <c r="VKM17" s="916" t="s">
        <v>3816</v>
      </c>
      <c r="VKN17" s="916" t="s">
        <v>3816</v>
      </c>
      <c r="VKO17" s="916" t="s">
        <v>3816</v>
      </c>
      <c r="VKP17" s="916" t="s">
        <v>3816</v>
      </c>
      <c r="VKQ17" s="916" t="s">
        <v>3816</v>
      </c>
      <c r="VKR17" s="916" t="s">
        <v>3816</v>
      </c>
      <c r="VKS17" s="916" t="s">
        <v>3816</v>
      </c>
      <c r="VKT17" s="916" t="s">
        <v>3816</v>
      </c>
      <c r="VKU17" s="916" t="s">
        <v>3816</v>
      </c>
      <c r="VKV17" s="916" t="s">
        <v>3816</v>
      </c>
      <c r="VKW17" s="916" t="s">
        <v>3816</v>
      </c>
      <c r="VKX17" s="916" t="s">
        <v>3816</v>
      </c>
      <c r="VKY17" s="916" t="s">
        <v>3816</v>
      </c>
      <c r="VKZ17" s="916" t="s">
        <v>3816</v>
      </c>
      <c r="VLA17" s="916" t="s">
        <v>3816</v>
      </c>
      <c r="VLB17" s="916" t="s">
        <v>3816</v>
      </c>
      <c r="VLC17" s="916" t="s">
        <v>3816</v>
      </c>
      <c r="VLD17" s="916" t="s">
        <v>3816</v>
      </c>
      <c r="VLE17" s="916" t="s">
        <v>3816</v>
      </c>
      <c r="VLF17" s="916" t="s">
        <v>3816</v>
      </c>
      <c r="VLG17" s="916" t="s">
        <v>3816</v>
      </c>
      <c r="VLH17" s="916" t="s">
        <v>3816</v>
      </c>
      <c r="VLI17" s="916" t="s">
        <v>3816</v>
      </c>
      <c r="VLJ17" s="916" t="s">
        <v>3816</v>
      </c>
      <c r="VLK17" s="916" t="s">
        <v>3816</v>
      </c>
      <c r="VLL17" s="916" t="s">
        <v>3816</v>
      </c>
      <c r="VLM17" s="916" t="s">
        <v>3816</v>
      </c>
      <c r="VLN17" s="916" t="s">
        <v>3816</v>
      </c>
      <c r="VLO17" s="916" t="s">
        <v>3816</v>
      </c>
      <c r="VLP17" s="916" t="s">
        <v>3816</v>
      </c>
      <c r="VLQ17" s="916" t="s">
        <v>3816</v>
      </c>
      <c r="VLR17" s="916" t="s">
        <v>3816</v>
      </c>
      <c r="VLS17" s="916" t="s">
        <v>3816</v>
      </c>
      <c r="VLT17" s="916" t="s">
        <v>3816</v>
      </c>
      <c r="VLU17" s="916" t="s">
        <v>3816</v>
      </c>
      <c r="VLV17" s="916" t="s">
        <v>3816</v>
      </c>
      <c r="VLW17" s="916" t="s">
        <v>3816</v>
      </c>
      <c r="VLX17" s="916" t="s">
        <v>3816</v>
      </c>
      <c r="VLY17" s="916" t="s">
        <v>3816</v>
      </c>
      <c r="VLZ17" s="916" t="s">
        <v>3816</v>
      </c>
      <c r="VMA17" s="916" t="s">
        <v>3816</v>
      </c>
      <c r="VMB17" s="916" t="s">
        <v>3816</v>
      </c>
      <c r="VMC17" s="916" t="s">
        <v>3816</v>
      </c>
      <c r="VMD17" s="916" t="s">
        <v>3816</v>
      </c>
      <c r="VME17" s="916" t="s">
        <v>3816</v>
      </c>
      <c r="VMF17" s="916" t="s">
        <v>3816</v>
      </c>
      <c r="VMG17" s="916" t="s">
        <v>3816</v>
      </c>
      <c r="VMH17" s="916" t="s">
        <v>3816</v>
      </c>
      <c r="VMI17" s="916" t="s">
        <v>3816</v>
      </c>
      <c r="VMJ17" s="916" t="s">
        <v>3816</v>
      </c>
      <c r="VMK17" s="916" t="s">
        <v>3816</v>
      </c>
      <c r="VML17" s="916" t="s">
        <v>3816</v>
      </c>
      <c r="VMM17" s="916" t="s">
        <v>3816</v>
      </c>
      <c r="VMN17" s="916" t="s">
        <v>3816</v>
      </c>
      <c r="VMO17" s="916" t="s">
        <v>3816</v>
      </c>
      <c r="VMP17" s="916" t="s">
        <v>3816</v>
      </c>
      <c r="VMQ17" s="916" t="s">
        <v>3816</v>
      </c>
      <c r="VMR17" s="916" t="s">
        <v>3816</v>
      </c>
      <c r="VMS17" s="916" t="s">
        <v>3816</v>
      </c>
      <c r="VMT17" s="916" t="s">
        <v>3816</v>
      </c>
      <c r="VMU17" s="916" t="s">
        <v>3816</v>
      </c>
      <c r="VMV17" s="916" t="s">
        <v>3816</v>
      </c>
      <c r="VMW17" s="916" t="s">
        <v>3816</v>
      </c>
      <c r="VMX17" s="916" t="s">
        <v>3816</v>
      </c>
      <c r="VMY17" s="916" t="s">
        <v>3816</v>
      </c>
      <c r="VMZ17" s="916" t="s">
        <v>3816</v>
      </c>
      <c r="VNA17" s="916" t="s">
        <v>3816</v>
      </c>
      <c r="VNB17" s="916" t="s">
        <v>3816</v>
      </c>
      <c r="VNC17" s="916" t="s">
        <v>3816</v>
      </c>
      <c r="VND17" s="916" t="s">
        <v>3816</v>
      </c>
      <c r="VNE17" s="916" t="s">
        <v>3816</v>
      </c>
      <c r="VNF17" s="916" t="s">
        <v>3816</v>
      </c>
      <c r="VNG17" s="916" t="s">
        <v>3816</v>
      </c>
      <c r="VNH17" s="916" t="s">
        <v>3816</v>
      </c>
      <c r="VNI17" s="916" t="s">
        <v>3816</v>
      </c>
      <c r="VNJ17" s="916" t="s">
        <v>3816</v>
      </c>
      <c r="VNK17" s="916" t="s">
        <v>3816</v>
      </c>
      <c r="VNL17" s="916" t="s">
        <v>3816</v>
      </c>
      <c r="VNM17" s="916" t="s">
        <v>3816</v>
      </c>
      <c r="VNN17" s="916" t="s">
        <v>3816</v>
      </c>
      <c r="VNO17" s="916" t="s">
        <v>3816</v>
      </c>
      <c r="VNP17" s="916" t="s">
        <v>3816</v>
      </c>
      <c r="VNQ17" s="916" t="s">
        <v>3816</v>
      </c>
      <c r="VNR17" s="916" t="s">
        <v>3816</v>
      </c>
      <c r="VNS17" s="916" t="s">
        <v>3816</v>
      </c>
      <c r="VNT17" s="916" t="s">
        <v>3816</v>
      </c>
      <c r="VNU17" s="916" t="s">
        <v>3816</v>
      </c>
      <c r="VNV17" s="916" t="s">
        <v>3816</v>
      </c>
      <c r="VNW17" s="916" t="s">
        <v>3816</v>
      </c>
      <c r="VNX17" s="916" t="s">
        <v>3816</v>
      </c>
      <c r="VNY17" s="916" t="s">
        <v>3816</v>
      </c>
      <c r="VNZ17" s="916" t="s">
        <v>3816</v>
      </c>
      <c r="VOA17" s="916" t="s">
        <v>3816</v>
      </c>
      <c r="VOB17" s="916" t="s">
        <v>3816</v>
      </c>
      <c r="VOC17" s="916" t="s">
        <v>3816</v>
      </c>
      <c r="VOD17" s="916" t="s">
        <v>3816</v>
      </c>
      <c r="VOE17" s="916" t="s">
        <v>3816</v>
      </c>
      <c r="VOF17" s="916" t="s">
        <v>3816</v>
      </c>
      <c r="VOG17" s="916" t="s">
        <v>3816</v>
      </c>
      <c r="VOH17" s="916" t="s">
        <v>3816</v>
      </c>
      <c r="VOI17" s="916" t="s">
        <v>3816</v>
      </c>
      <c r="VOJ17" s="916" t="s">
        <v>3816</v>
      </c>
      <c r="VOK17" s="916" t="s">
        <v>3816</v>
      </c>
      <c r="VOL17" s="916" t="s">
        <v>3816</v>
      </c>
      <c r="VOM17" s="916" t="s">
        <v>3816</v>
      </c>
      <c r="VON17" s="916" t="s">
        <v>3816</v>
      </c>
      <c r="VOO17" s="916" t="s">
        <v>3816</v>
      </c>
      <c r="VOP17" s="916" t="s">
        <v>3816</v>
      </c>
      <c r="VOQ17" s="916" t="s">
        <v>3816</v>
      </c>
      <c r="VOR17" s="916" t="s">
        <v>3816</v>
      </c>
      <c r="VOS17" s="916" t="s">
        <v>3816</v>
      </c>
      <c r="VOT17" s="916" t="s">
        <v>3816</v>
      </c>
      <c r="VOU17" s="916" t="s">
        <v>3816</v>
      </c>
      <c r="VOV17" s="916" t="s">
        <v>3816</v>
      </c>
      <c r="VOW17" s="916" t="s">
        <v>3816</v>
      </c>
      <c r="VOX17" s="916" t="s">
        <v>3816</v>
      </c>
      <c r="VOY17" s="916" t="s">
        <v>3816</v>
      </c>
      <c r="VOZ17" s="916" t="s">
        <v>3816</v>
      </c>
      <c r="VPA17" s="916" t="s">
        <v>3816</v>
      </c>
      <c r="VPB17" s="916" t="s">
        <v>3816</v>
      </c>
      <c r="VPC17" s="916" t="s">
        <v>3816</v>
      </c>
      <c r="VPD17" s="916" t="s">
        <v>3816</v>
      </c>
      <c r="VPE17" s="916" t="s">
        <v>3816</v>
      </c>
      <c r="VPF17" s="916" t="s">
        <v>3816</v>
      </c>
      <c r="VPG17" s="916" t="s">
        <v>3816</v>
      </c>
      <c r="VPH17" s="916" t="s">
        <v>3816</v>
      </c>
      <c r="VPI17" s="916" t="s">
        <v>3816</v>
      </c>
      <c r="VPJ17" s="916" t="s">
        <v>3816</v>
      </c>
      <c r="VPK17" s="916" t="s">
        <v>3816</v>
      </c>
      <c r="VPL17" s="916" t="s">
        <v>3816</v>
      </c>
      <c r="VPM17" s="916" t="s">
        <v>3816</v>
      </c>
      <c r="VPN17" s="916" t="s">
        <v>3816</v>
      </c>
      <c r="VPO17" s="916" t="s">
        <v>3816</v>
      </c>
      <c r="VPP17" s="916" t="s">
        <v>3816</v>
      </c>
      <c r="VPQ17" s="916" t="s">
        <v>3816</v>
      </c>
      <c r="VPR17" s="916" t="s">
        <v>3816</v>
      </c>
      <c r="VPS17" s="916" t="s">
        <v>3816</v>
      </c>
      <c r="VPT17" s="916" t="s">
        <v>3816</v>
      </c>
      <c r="VPU17" s="916" t="s">
        <v>3816</v>
      </c>
      <c r="VPV17" s="916" t="s">
        <v>3816</v>
      </c>
      <c r="VPW17" s="916" t="s">
        <v>3816</v>
      </c>
      <c r="VPX17" s="916" t="s">
        <v>3816</v>
      </c>
      <c r="VPY17" s="916" t="s">
        <v>3816</v>
      </c>
      <c r="VPZ17" s="916" t="s">
        <v>3816</v>
      </c>
      <c r="VQA17" s="916" t="s">
        <v>3816</v>
      </c>
      <c r="VQB17" s="916" t="s">
        <v>3816</v>
      </c>
      <c r="VQC17" s="916" t="s">
        <v>3816</v>
      </c>
      <c r="VQD17" s="916" t="s">
        <v>3816</v>
      </c>
      <c r="VQE17" s="916" t="s">
        <v>3816</v>
      </c>
      <c r="VQF17" s="916" t="s">
        <v>3816</v>
      </c>
      <c r="VQG17" s="916" t="s">
        <v>3816</v>
      </c>
      <c r="VQH17" s="916" t="s">
        <v>3816</v>
      </c>
      <c r="VQI17" s="916" t="s">
        <v>3816</v>
      </c>
      <c r="VQJ17" s="916" t="s">
        <v>3816</v>
      </c>
      <c r="VQK17" s="916" t="s">
        <v>3816</v>
      </c>
      <c r="VQL17" s="916" t="s">
        <v>3816</v>
      </c>
      <c r="VQM17" s="916" t="s">
        <v>3816</v>
      </c>
      <c r="VQN17" s="916" t="s">
        <v>3816</v>
      </c>
      <c r="VQO17" s="916" t="s">
        <v>3816</v>
      </c>
      <c r="VQP17" s="916" t="s">
        <v>3816</v>
      </c>
      <c r="VQQ17" s="916" t="s">
        <v>3816</v>
      </c>
      <c r="VQR17" s="916" t="s">
        <v>3816</v>
      </c>
      <c r="VQS17" s="916" t="s">
        <v>3816</v>
      </c>
      <c r="VQT17" s="916" t="s">
        <v>3816</v>
      </c>
      <c r="VQU17" s="916" t="s">
        <v>3816</v>
      </c>
      <c r="VQV17" s="916" t="s">
        <v>3816</v>
      </c>
      <c r="VQW17" s="916" t="s">
        <v>3816</v>
      </c>
      <c r="VQX17" s="916" t="s">
        <v>3816</v>
      </c>
      <c r="VQY17" s="916" t="s">
        <v>3816</v>
      </c>
      <c r="VQZ17" s="916" t="s">
        <v>3816</v>
      </c>
      <c r="VRA17" s="916" t="s">
        <v>3816</v>
      </c>
      <c r="VRB17" s="916" t="s">
        <v>3816</v>
      </c>
      <c r="VRC17" s="916" t="s">
        <v>3816</v>
      </c>
      <c r="VRD17" s="916" t="s">
        <v>3816</v>
      </c>
      <c r="VRE17" s="916" t="s">
        <v>3816</v>
      </c>
      <c r="VRF17" s="916" t="s">
        <v>3816</v>
      </c>
      <c r="VRG17" s="916" t="s">
        <v>3816</v>
      </c>
      <c r="VRH17" s="916" t="s">
        <v>3816</v>
      </c>
      <c r="VRI17" s="916" t="s">
        <v>3816</v>
      </c>
      <c r="VRJ17" s="916" t="s">
        <v>3816</v>
      </c>
      <c r="VRK17" s="916" t="s">
        <v>3816</v>
      </c>
      <c r="VRL17" s="916" t="s">
        <v>3816</v>
      </c>
      <c r="VRM17" s="916" t="s">
        <v>3816</v>
      </c>
      <c r="VRN17" s="916" t="s">
        <v>3816</v>
      </c>
      <c r="VRO17" s="916" t="s">
        <v>3816</v>
      </c>
      <c r="VRP17" s="916" t="s">
        <v>3816</v>
      </c>
      <c r="VRQ17" s="916" t="s">
        <v>3816</v>
      </c>
      <c r="VRR17" s="916" t="s">
        <v>3816</v>
      </c>
      <c r="VRS17" s="916" t="s">
        <v>3816</v>
      </c>
      <c r="VRT17" s="916" t="s">
        <v>3816</v>
      </c>
      <c r="VRU17" s="916" t="s">
        <v>3816</v>
      </c>
      <c r="VRV17" s="916" t="s">
        <v>3816</v>
      </c>
      <c r="VRW17" s="916" t="s">
        <v>3816</v>
      </c>
      <c r="VRX17" s="916" t="s">
        <v>3816</v>
      </c>
      <c r="VRY17" s="916" t="s">
        <v>3816</v>
      </c>
      <c r="VRZ17" s="916" t="s">
        <v>3816</v>
      </c>
      <c r="VSA17" s="916" t="s">
        <v>3816</v>
      </c>
      <c r="VSB17" s="916" t="s">
        <v>3816</v>
      </c>
      <c r="VSC17" s="916" t="s">
        <v>3816</v>
      </c>
      <c r="VSD17" s="916" t="s">
        <v>3816</v>
      </c>
      <c r="VSE17" s="916" t="s">
        <v>3816</v>
      </c>
      <c r="VSF17" s="916" t="s">
        <v>3816</v>
      </c>
      <c r="VSG17" s="916" t="s">
        <v>3816</v>
      </c>
      <c r="VSH17" s="916" t="s">
        <v>3816</v>
      </c>
      <c r="VSI17" s="916" t="s">
        <v>3816</v>
      </c>
      <c r="VSJ17" s="916" t="s">
        <v>3816</v>
      </c>
      <c r="VSK17" s="916" t="s">
        <v>3816</v>
      </c>
      <c r="VSL17" s="916" t="s">
        <v>3816</v>
      </c>
      <c r="VSM17" s="916" t="s">
        <v>3816</v>
      </c>
      <c r="VSN17" s="916" t="s">
        <v>3816</v>
      </c>
      <c r="VSO17" s="916" t="s">
        <v>3816</v>
      </c>
      <c r="VSP17" s="916" t="s">
        <v>3816</v>
      </c>
      <c r="VSQ17" s="916" t="s">
        <v>3816</v>
      </c>
      <c r="VSR17" s="916" t="s">
        <v>3816</v>
      </c>
      <c r="VSS17" s="916" t="s">
        <v>3816</v>
      </c>
      <c r="VST17" s="916" t="s">
        <v>3816</v>
      </c>
      <c r="VSU17" s="916" t="s">
        <v>3816</v>
      </c>
      <c r="VSV17" s="916" t="s">
        <v>3816</v>
      </c>
      <c r="VSW17" s="916" t="s">
        <v>3816</v>
      </c>
      <c r="VSX17" s="916" t="s">
        <v>3816</v>
      </c>
      <c r="VSY17" s="916" t="s">
        <v>3816</v>
      </c>
      <c r="VSZ17" s="916" t="s">
        <v>3816</v>
      </c>
      <c r="VTA17" s="916" t="s">
        <v>3816</v>
      </c>
      <c r="VTB17" s="916" t="s">
        <v>3816</v>
      </c>
      <c r="VTC17" s="916" t="s">
        <v>3816</v>
      </c>
      <c r="VTD17" s="916" t="s">
        <v>3816</v>
      </c>
      <c r="VTE17" s="916" t="s">
        <v>3816</v>
      </c>
      <c r="VTF17" s="916" t="s">
        <v>3816</v>
      </c>
      <c r="VTG17" s="916" t="s">
        <v>3816</v>
      </c>
      <c r="VTH17" s="916" t="s">
        <v>3816</v>
      </c>
      <c r="VTI17" s="916" t="s">
        <v>3816</v>
      </c>
      <c r="VTJ17" s="916" t="s">
        <v>3816</v>
      </c>
      <c r="VTK17" s="916" t="s">
        <v>3816</v>
      </c>
      <c r="VTL17" s="916" t="s">
        <v>3816</v>
      </c>
      <c r="VTM17" s="916" t="s">
        <v>3816</v>
      </c>
      <c r="VTN17" s="916" t="s">
        <v>3816</v>
      </c>
      <c r="VTO17" s="916" t="s">
        <v>3816</v>
      </c>
      <c r="VTP17" s="916" t="s">
        <v>3816</v>
      </c>
      <c r="VTQ17" s="916" t="s">
        <v>3816</v>
      </c>
      <c r="VTR17" s="916" t="s">
        <v>3816</v>
      </c>
      <c r="VTS17" s="916" t="s">
        <v>3816</v>
      </c>
      <c r="VTT17" s="916" t="s">
        <v>3816</v>
      </c>
      <c r="VTU17" s="916" t="s">
        <v>3816</v>
      </c>
      <c r="VTV17" s="916" t="s">
        <v>3816</v>
      </c>
      <c r="VTW17" s="916" t="s">
        <v>3816</v>
      </c>
      <c r="VTX17" s="916" t="s">
        <v>3816</v>
      </c>
      <c r="VTY17" s="916" t="s">
        <v>3816</v>
      </c>
      <c r="VTZ17" s="916" t="s">
        <v>3816</v>
      </c>
      <c r="VUA17" s="916" t="s">
        <v>3816</v>
      </c>
      <c r="VUB17" s="916" t="s">
        <v>3816</v>
      </c>
      <c r="VUC17" s="916" t="s">
        <v>3816</v>
      </c>
      <c r="VUD17" s="916" t="s">
        <v>3816</v>
      </c>
      <c r="VUE17" s="916" t="s">
        <v>3816</v>
      </c>
      <c r="VUF17" s="916" t="s">
        <v>3816</v>
      </c>
      <c r="VUG17" s="916" t="s">
        <v>3816</v>
      </c>
      <c r="VUH17" s="916" t="s">
        <v>3816</v>
      </c>
      <c r="VUI17" s="916" t="s">
        <v>3816</v>
      </c>
      <c r="VUJ17" s="916" t="s">
        <v>3816</v>
      </c>
      <c r="VUK17" s="916" t="s">
        <v>3816</v>
      </c>
      <c r="VUL17" s="916" t="s">
        <v>3816</v>
      </c>
      <c r="VUM17" s="916" t="s">
        <v>3816</v>
      </c>
      <c r="VUN17" s="916" t="s">
        <v>3816</v>
      </c>
      <c r="VUO17" s="916" t="s">
        <v>3816</v>
      </c>
      <c r="VUP17" s="916" t="s">
        <v>3816</v>
      </c>
      <c r="VUQ17" s="916" t="s">
        <v>3816</v>
      </c>
      <c r="VUR17" s="916" t="s">
        <v>3816</v>
      </c>
      <c r="VUS17" s="916" t="s">
        <v>3816</v>
      </c>
      <c r="VUT17" s="916" t="s">
        <v>3816</v>
      </c>
      <c r="VUU17" s="916" t="s">
        <v>3816</v>
      </c>
      <c r="VUV17" s="916" t="s">
        <v>3816</v>
      </c>
      <c r="VUW17" s="916" t="s">
        <v>3816</v>
      </c>
      <c r="VUX17" s="916" t="s">
        <v>3816</v>
      </c>
      <c r="VUY17" s="916" t="s">
        <v>3816</v>
      </c>
      <c r="VUZ17" s="916" t="s">
        <v>3816</v>
      </c>
      <c r="VVA17" s="916" t="s">
        <v>3816</v>
      </c>
      <c r="VVB17" s="916" t="s">
        <v>3816</v>
      </c>
      <c r="VVC17" s="916" t="s">
        <v>3816</v>
      </c>
      <c r="VVD17" s="916" t="s">
        <v>3816</v>
      </c>
      <c r="VVE17" s="916" t="s">
        <v>3816</v>
      </c>
      <c r="VVF17" s="916" t="s">
        <v>3816</v>
      </c>
      <c r="VVG17" s="916" t="s">
        <v>3816</v>
      </c>
      <c r="VVH17" s="916" t="s">
        <v>3816</v>
      </c>
      <c r="VVI17" s="916" t="s">
        <v>3816</v>
      </c>
      <c r="VVJ17" s="916" t="s">
        <v>3816</v>
      </c>
      <c r="VVK17" s="916" t="s">
        <v>3816</v>
      </c>
      <c r="VVL17" s="916" t="s">
        <v>3816</v>
      </c>
      <c r="VVM17" s="916" t="s">
        <v>3816</v>
      </c>
      <c r="VVN17" s="916" t="s">
        <v>3816</v>
      </c>
      <c r="VVO17" s="916" t="s">
        <v>3816</v>
      </c>
      <c r="VVP17" s="916" t="s">
        <v>3816</v>
      </c>
      <c r="VVQ17" s="916" t="s">
        <v>3816</v>
      </c>
      <c r="VVR17" s="916" t="s">
        <v>3816</v>
      </c>
      <c r="VVS17" s="916" t="s">
        <v>3816</v>
      </c>
      <c r="VVT17" s="916" t="s">
        <v>3816</v>
      </c>
      <c r="VVU17" s="916" t="s">
        <v>3816</v>
      </c>
      <c r="VVV17" s="916" t="s">
        <v>3816</v>
      </c>
      <c r="VVW17" s="916" t="s">
        <v>3816</v>
      </c>
      <c r="VVX17" s="916" t="s">
        <v>3816</v>
      </c>
      <c r="VVY17" s="916" t="s">
        <v>3816</v>
      </c>
      <c r="VVZ17" s="916" t="s">
        <v>3816</v>
      </c>
      <c r="VWA17" s="916" t="s">
        <v>3816</v>
      </c>
      <c r="VWB17" s="916" t="s">
        <v>3816</v>
      </c>
      <c r="VWC17" s="916" t="s">
        <v>3816</v>
      </c>
      <c r="VWD17" s="916" t="s">
        <v>3816</v>
      </c>
      <c r="VWE17" s="916" t="s">
        <v>3816</v>
      </c>
      <c r="VWF17" s="916" t="s">
        <v>3816</v>
      </c>
      <c r="VWG17" s="916" t="s">
        <v>3816</v>
      </c>
      <c r="VWH17" s="916" t="s">
        <v>3816</v>
      </c>
      <c r="VWI17" s="916" t="s">
        <v>3816</v>
      </c>
      <c r="VWJ17" s="916" t="s">
        <v>3816</v>
      </c>
      <c r="VWK17" s="916" t="s">
        <v>3816</v>
      </c>
      <c r="VWL17" s="916" t="s">
        <v>3816</v>
      </c>
      <c r="VWM17" s="916" t="s">
        <v>3816</v>
      </c>
      <c r="VWN17" s="916" t="s">
        <v>3816</v>
      </c>
      <c r="VWO17" s="916" t="s">
        <v>3816</v>
      </c>
      <c r="VWP17" s="916" t="s">
        <v>3816</v>
      </c>
      <c r="VWQ17" s="916" t="s">
        <v>3816</v>
      </c>
      <c r="VWR17" s="916" t="s">
        <v>3816</v>
      </c>
      <c r="VWS17" s="916" t="s">
        <v>3816</v>
      </c>
      <c r="VWT17" s="916" t="s">
        <v>3816</v>
      </c>
      <c r="VWU17" s="916" t="s">
        <v>3816</v>
      </c>
      <c r="VWV17" s="916" t="s">
        <v>3816</v>
      </c>
      <c r="VWW17" s="916" t="s">
        <v>3816</v>
      </c>
      <c r="VWX17" s="916" t="s">
        <v>3816</v>
      </c>
      <c r="VWY17" s="916" t="s">
        <v>3816</v>
      </c>
      <c r="VWZ17" s="916" t="s">
        <v>3816</v>
      </c>
      <c r="VXA17" s="916" t="s">
        <v>3816</v>
      </c>
      <c r="VXB17" s="916" t="s">
        <v>3816</v>
      </c>
      <c r="VXC17" s="916" t="s">
        <v>3816</v>
      </c>
      <c r="VXD17" s="916" t="s">
        <v>3816</v>
      </c>
      <c r="VXE17" s="916" t="s">
        <v>3816</v>
      </c>
      <c r="VXF17" s="916" t="s">
        <v>3816</v>
      </c>
      <c r="VXG17" s="916" t="s">
        <v>3816</v>
      </c>
      <c r="VXH17" s="916" t="s">
        <v>3816</v>
      </c>
      <c r="VXI17" s="916" t="s">
        <v>3816</v>
      </c>
      <c r="VXJ17" s="916" t="s">
        <v>3816</v>
      </c>
      <c r="VXK17" s="916" t="s">
        <v>3816</v>
      </c>
      <c r="VXL17" s="916" t="s">
        <v>3816</v>
      </c>
      <c r="VXM17" s="916" t="s">
        <v>3816</v>
      </c>
      <c r="VXN17" s="916" t="s">
        <v>3816</v>
      </c>
      <c r="VXO17" s="916" t="s">
        <v>3816</v>
      </c>
      <c r="VXP17" s="916" t="s">
        <v>3816</v>
      </c>
      <c r="VXQ17" s="916" t="s">
        <v>3816</v>
      </c>
      <c r="VXR17" s="916" t="s">
        <v>3816</v>
      </c>
      <c r="VXS17" s="916" t="s">
        <v>3816</v>
      </c>
      <c r="VXT17" s="916" t="s">
        <v>3816</v>
      </c>
      <c r="VXU17" s="916" t="s">
        <v>3816</v>
      </c>
      <c r="VXV17" s="916" t="s">
        <v>3816</v>
      </c>
      <c r="VXW17" s="916" t="s">
        <v>3816</v>
      </c>
      <c r="VXX17" s="916" t="s">
        <v>3816</v>
      </c>
      <c r="VXY17" s="916" t="s">
        <v>3816</v>
      </c>
      <c r="VXZ17" s="916" t="s">
        <v>3816</v>
      </c>
      <c r="VYA17" s="916" t="s">
        <v>3816</v>
      </c>
      <c r="VYB17" s="916" t="s">
        <v>3816</v>
      </c>
      <c r="VYC17" s="916" t="s">
        <v>3816</v>
      </c>
      <c r="VYD17" s="916" t="s">
        <v>3816</v>
      </c>
      <c r="VYE17" s="916" t="s">
        <v>3816</v>
      </c>
      <c r="VYF17" s="916" t="s">
        <v>3816</v>
      </c>
      <c r="VYG17" s="916" t="s">
        <v>3816</v>
      </c>
      <c r="VYH17" s="916" t="s">
        <v>3816</v>
      </c>
      <c r="VYI17" s="916" t="s">
        <v>3816</v>
      </c>
      <c r="VYJ17" s="916" t="s">
        <v>3816</v>
      </c>
      <c r="VYK17" s="916" t="s">
        <v>3816</v>
      </c>
      <c r="VYL17" s="916" t="s">
        <v>3816</v>
      </c>
      <c r="VYM17" s="916" t="s">
        <v>3816</v>
      </c>
      <c r="VYN17" s="916" t="s">
        <v>3816</v>
      </c>
      <c r="VYO17" s="916" t="s">
        <v>3816</v>
      </c>
      <c r="VYP17" s="916" t="s">
        <v>3816</v>
      </c>
      <c r="VYQ17" s="916" t="s">
        <v>3816</v>
      </c>
      <c r="VYR17" s="916" t="s">
        <v>3816</v>
      </c>
      <c r="VYS17" s="916" t="s">
        <v>3816</v>
      </c>
      <c r="VYT17" s="916" t="s">
        <v>3816</v>
      </c>
      <c r="VYU17" s="916" t="s">
        <v>3816</v>
      </c>
      <c r="VYV17" s="916" t="s">
        <v>3816</v>
      </c>
      <c r="VYW17" s="916" t="s">
        <v>3816</v>
      </c>
      <c r="VYX17" s="916" t="s">
        <v>3816</v>
      </c>
      <c r="VYY17" s="916" t="s">
        <v>3816</v>
      </c>
      <c r="VYZ17" s="916" t="s">
        <v>3816</v>
      </c>
      <c r="VZA17" s="916" t="s">
        <v>3816</v>
      </c>
      <c r="VZB17" s="916" t="s">
        <v>3816</v>
      </c>
      <c r="VZC17" s="916" t="s">
        <v>3816</v>
      </c>
      <c r="VZD17" s="916" t="s">
        <v>3816</v>
      </c>
      <c r="VZE17" s="916" t="s">
        <v>3816</v>
      </c>
      <c r="VZF17" s="916" t="s">
        <v>3816</v>
      </c>
      <c r="VZG17" s="916" t="s">
        <v>3816</v>
      </c>
      <c r="VZH17" s="916" t="s">
        <v>3816</v>
      </c>
      <c r="VZI17" s="916" t="s">
        <v>3816</v>
      </c>
      <c r="VZJ17" s="916" t="s">
        <v>3816</v>
      </c>
      <c r="VZK17" s="916" t="s">
        <v>3816</v>
      </c>
      <c r="VZL17" s="916" t="s">
        <v>3816</v>
      </c>
      <c r="VZM17" s="916" t="s">
        <v>3816</v>
      </c>
      <c r="VZN17" s="916" t="s">
        <v>3816</v>
      </c>
      <c r="VZO17" s="916" t="s">
        <v>3816</v>
      </c>
      <c r="VZP17" s="916" t="s">
        <v>3816</v>
      </c>
      <c r="VZQ17" s="916" t="s">
        <v>3816</v>
      </c>
      <c r="VZR17" s="916" t="s">
        <v>3816</v>
      </c>
      <c r="VZS17" s="916" t="s">
        <v>3816</v>
      </c>
      <c r="VZT17" s="916" t="s">
        <v>3816</v>
      </c>
      <c r="VZU17" s="916" t="s">
        <v>3816</v>
      </c>
      <c r="VZV17" s="916" t="s">
        <v>3816</v>
      </c>
      <c r="VZW17" s="916" t="s">
        <v>3816</v>
      </c>
      <c r="VZX17" s="916" t="s">
        <v>3816</v>
      </c>
      <c r="VZY17" s="916" t="s">
        <v>3816</v>
      </c>
      <c r="VZZ17" s="916" t="s">
        <v>3816</v>
      </c>
      <c r="WAA17" s="916" t="s">
        <v>3816</v>
      </c>
      <c r="WAB17" s="916" t="s">
        <v>3816</v>
      </c>
      <c r="WAC17" s="916" t="s">
        <v>3816</v>
      </c>
      <c r="WAD17" s="916" t="s">
        <v>3816</v>
      </c>
      <c r="WAE17" s="916" t="s">
        <v>3816</v>
      </c>
      <c r="WAF17" s="916" t="s">
        <v>3816</v>
      </c>
      <c r="WAG17" s="916" t="s">
        <v>3816</v>
      </c>
      <c r="WAH17" s="916" t="s">
        <v>3816</v>
      </c>
      <c r="WAI17" s="916" t="s">
        <v>3816</v>
      </c>
      <c r="WAJ17" s="916" t="s">
        <v>3816</v>
      </c>
      <c r="WAK17" s="916" t="s">
        <v>3816</v>
      </c>
      <c r="WAL17" s="916" t="s">
        <v>3816</v>
      </c>
      <c r="WAM17" s="916" t="s">
        <v>3816</v>
      </c>
      <c r="WAN17" s="916" t="s">
        <v>3816</v>
      </c>
      <c r="WAO17" s="916" t="s">
        <v>3816</v>
      </c>
      <c r="WAP17" s="916" t="s">
        <v>3816</v>
      </c>
      <c r="WAQ17" s="916" t="s">
        <v>3816</v>
      </c>
      <c r="WAR17" s="916" t="s">
        <v>3816</v>
      </c>
      <c r="WAS17" s="916" t="s">
        <v>3816</v>
      </c>
      <c r="WAT17" s="916" t="s">
        <v>3816</v>
      </c>
      <c r="WAU17" s="916" t="s">
        <v>3816</v>
      </c>
      <c r="WAV17" s="916" t="s">
        <v>3816</v>
      </c>
      <c r="WAW17" s="916" t="s">
        <v>3816</v>
      </c>
      <c r="WAX17" s="916" t="s">
        <v>3816</v>
      </c>
      <c r="WAY17" s="916" t="s">
        <v>3816</v>
      </c>
      <c r="WAZ17" s="916" t="s">
        <v>3816</v>
      </c>
      <c r="WBA17" s="916" t="s">
        <v>3816</v>
      </c>
      <c r="WBB17" s="916" t="s">
        <v>3816</v>
      </c>
      <c r="WBC17" s="916" t="s">
        <v>3816</v>
      </c>
      <c r="WBD17" s="916" t="s">
        <v>3816</v>
      </c>
      <c r="WBE17" s="916" t="s">
        <v>3816</v>
      </c>
      <c r="WBF17" s="916" t="s">
        <v>3816</v>
      </c>
      <c r="WBG17" s="916" t="s">
        <v>3816</v>
      </c>
      <c r="WBH17" s="916" t="s">
        <v>3816</v>
      </c>
      <c r="WBI17" s="916" t="s">
        <v>3816</v>
      </c>
      <c r="WBJ17" s="916" t="s">
        <v>3816</v>
      </c>
      <c r="WBK17" s="916" t="s">
        <v>3816</v>
      </c>
      <c r="WBL17" s="916" t="s">
        <v>3816</v>
      </c>
      <c r="WBM17" s="916" t="s">
        <v>3816</v>
      </c>
      <c r="WBN17" s="916" t="s">
        <v>3816</v>
      </c>
      <c r="WBO17" s="916" t="s">
        <v>3816</v>
      </c>
      <c r="WBP17" s="916" t="s">
        <v>3816</v>
      </c>
      <c r="WBQ17" s="916" t="s">
        <v>3816</v>
      </c>
      <c r="WBR17" s="916" t="s">
        <v>3816</v>
      </c>
      <c r="WBS17" s="916" t="s">
        <v>3816</v>
      </c>
      <c r="WBT17" s="916" t="s">
        <v>3816</v>
      </c>
      <c r="WBU17" s="916" t="s">
        <v>3816</v>
      </c>
      <c r="WBV17" s="916" t="s">
        <v>3816</v>
      </c>
      <c r="WBW17" s="916" t="s">
        <v>3816</v>
      </c>
      <c r="WBX17" s="916" t="s">
        <v>3816</v>
      </c>
      <c r="WBY17" s="916" t="s">
        <v>3816</v>
      </c>
      <c r="WBZ17" s="916" t="s">
        <v>3816</v>
      </c>
      <c r="WCA17" s="916" t="s">
        <v>3816</v>
      </c>
      <c r="WCB17" s="916" t="s">
        <v>3816</v>
      </c>
      <c r="WCC17" s="916" t="s">
        <v>3816</v>
      </c>
      <c r="WCD17" s="916" t="s">
        <v>3816</v>
      </c>
      <c r="WCE17" s="916" t="s">
        <v>3816</v>
      </c>
      <c r="WCF17" s="916" t="s">
        <v>3816</v>
      </c>
      <c r="WCG17" s="916" t="s">
        <v>3816</v>
      </c>
      <c r="WCH17" s="916" t="s">
        <v>3816</v>
      </c>
      <c r="WCI17" s="916" t="s">
        <v>3816</v>
      </c>
      <c r="WCJ17" s="916" t="s">
        <v>3816</v>
      </c>
      <c r="WCK17" s="916" t="s">
        <v>3816</v>
      </c>
      <c r="WCL17" s="916" t="s">
        <v>3816</v>
      </c>
      <c r="WCM17" s="916" t="s">
        <v>3816</v>
      </c>
      <c r="WCN17" s="916" t="s">
        <v>3816</v>
      </c>
      <c r="WCO17" s="916" t="s">
        <v>3816</v>
      </c>
      <c r="WCP17" s="916" t="s">
        <v>3816</v>
      </c>
      <c r="WCQ17" s="916" t="s">
        <v>3816</v>
      </c>
      <c r="WCR17" s="916" t="s">
        <v>3816</v>
      </c>
      <c r="WCS17" s="916" t="s">
        <v>3816</v>
      </c>
      <c r="WCT17" s="916" t="s">
        <v>3816</v>
      </c>
      <c r="WCU17" s="916" t="s">
        <v>3816</v>
      </c>
      <c r="WCV17" s="916" t="s">
        <v>3816</v>
      </c>
      <c r="WCW17" s="916" t="s">
        <v>3816</v>
      </c>
      <c r="WCX17" s="916" t="s">
        <v>3816</v>
      </c>
      <c r="WCY17" s="916" t="s">
        <v>3816</v>
      </c>
      <c r="WCZ17" s="916" t="s">
        <v>3816</v>
      </c>
      <c r="WDA17" s="916" t="s">
        <v>3816</v>
      </c>
      <c r="WDB17" s="916" t="s">
        <v>3816</v>
      </c>
      <c r="WDC17" s="916" t="s">
        <v>3816</v>
      </c>
      <c r="WDD17" s="916" t="s">
        <v>3816</v>
      </c>
      <c r="WDE17" s="916" t="s">
        <v>3816</v>
      </c>
      <c r="WDF17" s="916" t="s">
        <v>3816</v>
      </c>
      <c r="WDG17" s="916" t="s">
        <v>3816</v>
      </c>
      <c r="WDH17" s="916" t="s">
        <v>3816</v>
      </c>
      <c r="WDI17" s="916" t="s">
        <v>3816</v>
      </c>
      <c r="WDJ17" s="916" t="s">
        <v>3816</v>
      </c>
      <c r="WDK17" s="916" t="s">
        <v>3816</v>
      </c>
      <c r="WDL17" s="916" t="s">
        <v>3816</v>
      </c>
      <c r="WDM17" s="916" t="s">
        <v>3816</v>
      </c>
      <c r="WDN17" s="916" t="s">
        <v>3816</v>
      </c>
      <c r="WDO17" s="916" t="s">
        <v>3816</v>
      </c>
      <c r="WDP17" s="916" t="s">
        <v>3816</v>
      </c>
      <c r="WDQ17" s="916" t="s">
        <v>3816</v>
      </c>
      <c r="WDR17" s="916" t="s">
        <v>3816</v>
      </c>
      <c r="WDS17" s="916" t="s">
        <v>3816</v>
      </c>
      <c r="WDT17" s="916" t="s">
        <v>3816</v>
      </c>
      <c r="WDU17" s="916" t="s">
        <v>3816</v>
      </c>
      <c r="WDV17" s="916" t="s">
        <v>3816</v>
      </c>
      <c r="WDW17" s="916" t="s">
        <v>3816</v>
      </c>
      <c r="WDX17" s="916" t="s">
        <v>3816</v>
      </c>
      <c r="WDY17" s="916" t="s">
        <v>3816</v>
      </c>
      <c r="WDZ17" s="916" t="s">
        <v>3816</v>
      </c>
      <c r="WEA17" s="916" t="s">
        <v>3816</v>
      </c>
      <c r="WEB17" s="916" t="s">
        <v>3816</v>
      </c>
      <c r="WEC17" s="916" t="s">
        <v>3816</v>
      </c>
      <c r="WED17" s="916" t="s">
        <v>3816</v>
      </c>
      <c r="WEE17" s="916" t="s">
        <v>3816</v>
      </c>
      <c r="WEF17" s="916" t="s">
        <v>3816</v>
      </c>
      <c r="WEG17" s="916" t="s">
        <v>3816</v>
      </c>
      <c r="WEH17" s="916" t="s">
        <v>3816</v>
      </c>
      <c r="WEI17" s="916" t="s">
        <v>3816</v>
      </c>
      <c r="WEJ17" s="916" t="s">
        <v>3816</v>
      </c>
      <c r="WEK17" s="916" t="s">
        <v>3816</v>
      </c>
      <c r="WEL17" s="916" t="s">
        <v>3816</v>
      </c>
      <c r="WEM17" s="916" t="s">
        <v>3816</v>
      </c>
      <c r="WEN17" s="916" t="s">
        <v>3816</v>
      </c>
      <c r="WEO17" s="916" t="s">
        <v>3816</v>
      </c>
      <c r="WEP17" s="916" t="s">
        <v>3816</v>
      </c>
      <c r="WEQ17" s="916" t="s">
        <v>3816</v>
      </c>
      <c r="WER17" s="916" t="s">
        <v>3816</v>
      </c>
      <c r="WES17" s="916" t="s">
        <v>3816</v>
      </c>
      <c r="WET17" s="916" t="s">
        <v>3816</v>
      </c>
      <c r="WEU17" s="916" t="s">
        <v>3816</v>
      </c>
      <c r="WEV17" s="916" t="s">
        <v>3816</v>
      </c>
      <c r="WEW17" s="916" t="s">
        <v>3816</v>
      </c>
      <c r="WEX17" s="916" t="s">
        <v>3816</v>
      </c>
      <c r="WEY17" s="916" t="s">
        <v>3816</v>
      </c>
      <c r="WEZ17" s="916" t="s">
        <v>3816</v>
      </c>
      <c r="WFA17" s="916" t="s">
        <v>3816</v>
      </c>
      <c r="WFB17" s="916" t="s">
        <v>3816</v>
      </c>
      <c r="WFC17" s="916" t="s">
        <v>3816</v>
      </c>
      <c r="WFD17" s="916" t="s">
        <v>3816</v>
      </c>
      <c r="WFE17" s="916" t="s">
        <v>3816</v>
      </c>
      <c r="WFF17" s="916" t="s">
        <v>3816</v>
      </c>
      <c r="WFG17" s="916" t="s">
        <v>3816</v>
      </c>
      <c r="WFH17" s="916" t="s">
        <v>3816</v>
      </c>
      <c r="WFI17" s="916" t="s">
        <v>3816</v>
      </c>
      <c r="WFJ17" s="916" t="s">
        <v>3816</v>
      </c>
      <c r="WFK17" s="916" t="s">
        <v>3816</v>
      </c>
      <c r="WFL17" s="916" t="s">
        <v>3816</v>
      </c>
      <c r="WFM17" s="916" t="s">
        <v>3816</v>
      </c>
      <c r="WFN17" s="916" t="s">
        <v>3816</v>
      </c>
      <c r="WFO17" s="916" t="s">
        <v>3816</v>
      </c>
      <c r="WFP17" s="916" t="s">
        <v>3816</v>
      </c>
      <c r="WFQ17" s="916" t="s">
        <v>3816</v>
      </c>
      <c r="WFR17" s="916" t="s">
        <v>3816</v>
      </c>
      <c r="WFS17" s="916" t="s">
        <v>3816</v>
      </c>
      <c r="WFT17" s="916" t="s">
        <v>3816</v>
      </c>
      <c r="WFU17" s="916" t="s">
        <v>3816</v>
      </c>
      <c r="WFV17" s="916" t="s">
        <v>3816</v>
      </c>
      <c r="WFW17" s="916" t="s">
        <v>3816</v>
      </c>
      <c r="WFX17" s="916" t="s">
        <v>3816</v>
      </c>
      <c r="WFY17" s="916" t="s">
        <v>3816</v>
      </c>
      <c r="WFZ17" s="916" t="s">
        <v>3816</v>
      </c>
      <c r="WGA17" s="916" t="s">
        <v>3816</v>
      </c>
      <c r="WGB17" s="916" t="s">
        <v>3816</v>
      </c>
      <c r="WGC17" s="916" t="s">
        <v>3816</v>
      </c>
      <c r="WGD17" s="916" t="s">
        <v>3816</v>
      </c>
      <c r="WGE17" s="916" t="s">
        <v>3816</v>
      </c>
      <c r="WGF17" s="916" t="s">
        <v>3816</v>
      </c>
      <c r="WGG17" s="916" t="s">
        <v>3816</v>
      </c>
      <c r="WGH17" s="916" t="s">
        <v>3816</v>
      </c>
      <c r="WGI17" s="916" t="s">
        <v>3816</v>
      </c>
      <c r="WGJ17" s="916" t="s">
        <v>3816</v>
      </c>
      <c r="WGK17" s="916" t="s">
        <v>3816</v>
      </c>
      <c r="WGL17" s="916" t="s">
        <v>3816</v>
      </c>
      <c r="WGM17" s="916" t="s">
        <v>3816</v>
      </c>
      <c r="WGN17" s="916" t="s">
        <v>3816</v>
      </c>
      <c r="WGO17" s="916" t="s">
        <v>3816</v>
      </c>
      <c r="WGP17" s="916" t="s">
        <v>3816</v>
      </c>
      <c r="WGQ17" s="916" t="s">
        <v>3816</v>
      </c>
      <c r="WGR17" s="916" t="s">
        <v>3816</v>
      </c>
      <c r="WGS17" s="916" t="s">
        <v>3816</v>
      </c>
      <c r="WGT17" s="916" t="s">
        <v>3816</v>
      </c>
      <c r="WGU17" s="916" t="s">
        <v>3816</v>
      </c>
      <c r="WGV17" s="916" t="s">
        <v>3816</v>
      </c>
      <c r="WGW17" s="916" t="s">
        <v>3816</v>
      </c>
      <c r="WGX17" s="916" t="s">
        <v>3816</v>
      </c>
      <c r="WGY17" s="916" t="s">
        <v>3816</v>
      </c>
      <c r="WGZ17" s="916" t="s">
        <v>3816</v>
      </c>
      <c r="WHA17" s="916" t="s">
        <v>3816</v>
      </c>
      <c r="WHB17" s="916" t="s">
        <v>3816</v>
      </c>
      <c r="WHC17" s="916" t="s">
        <v>3816</v>
      </c>
      <c r="WHD17" s="916" t="s">
        <v>3816</v>
      </c>
      <c r="WHE17" s="916" t="s">
        <v>3816</v>
      </c>
      <c r="WHF17" s="916" t="s">
        <v>3816</v>
      </c>
      <c r="WHG17" s="916" t="s">
        <v>3816</v>
      </c>
      <c r="WHH17" s="916" t="s">
        <v>3816</v>
      </c>
      <c r="WHI17" s="916" t="s">
        <v>3816</v>
      </c>
      <c r="WHJ17" s="916" t="s">
        <v>3816</v>
      </c>
      <c r="WHK17" s="916" t="s">
        <v>3816</v>
      </c>
      <c r="WHL17" s="916" t="s">
        <v>3816</v>
      </c>
      <c r="WHM17" s="916" t="s">
        <v>3816</v>
      </c>
      <c r="WHN17" s="916" t="s">
        <v>3816</v>
      </c>
      <c r="WHO17" s="916" t="s">
        <v>3816</v>
      </c>
      <c r="WHP17" s="916" t="s">
        <v>3816</v>
      </c>
      <c r="WHQ17" s="916" t="s">
        <v>3816</v>
      </c>
      <c r="WHR17" s="916" t="s">
        <v>3816</v>
      </c>
      <c r="WHS17" s="916" t="s">
        <v>3816</v>
      </c>
      <c r="WHT17" s="916" t="s">
        <v>3816</v>
      </c>
      <c r="WHU17" s="916" t="s">
        <v>3816</v>
      </c>
      <c r="WHV17" s="916" t="s">
        <v>3816</v>
      </c>
      <c r="WHW17" s="916" t="s">
        <v>3816</v>
      </c>
      <c r="WHX17" s="916" t="s">
        <v>3816</v>
      </c>
      <c r="WHY17" s="916" t="s">
        <v>3816</v>
      </c>
      <c r="WHZ17" s="916" t="s">
        <v>3816</v>
      </c>
      <c r="WIA17" s="916" t="s">
        <v>3816</v>
      </c>
      <c r="WIB17" s="916" t="s">
        <v>3816</v>
      </c>
      <c r="WIC17" s="916" t="s">
        <v>3816</v>
      </c>
      <c r="WID17" s="916" t="s">
        <v>3816</v>
      </c>
      <c r="WIE17" s="916" t="s">
        <v>3816</v>
      </c>
      <c r="WIF17" s="916" t="s">
        <v>3816</v>
      </c>
      <c r="WIG17" s="916" t="s">
        <v>3816</v>
      </c>
      <c r="WIH17" s="916" t="s">
        <v>3816</v>
      </c>
      <c r="WII17" s="916" t="s">
        <v>3816</v>
      </c>
      <c r="WIJ17" s="916" t="s">
        <v>3816</v>
      </c>
      <c r="WIK17" s="916" t="s">
        <v>3816</v>
      </c>
      <c r="WIL17" s="916" t="s">
        <v>3816</v>
      </c>
      <c r="WIM17" s="916" t="s">
        <v>3816</v>
      </c>
      <c r="WIN17" s="916" t="s">
        <v>3816</v>
      </c>
      <c r="WIO17" s="916" t="s">
        <v>3816</v>
      </c>
      <c r="WIP17" s="916" t="s">
        <v>3816</v>
      </c>
      <c r="WIQ17" s="916" t="s">
        <v>3816</v>
      </c>
      <c r="WIR17" s="916" t="s">
        <v>3816</v>
      </c>
      <c r="WIS17" s="916" t="s">
        <v>3816</v>
      </c>
      <c r="WIT17" s="916" t="s">
        <v>3816</v>
      </c>
      <c r="WIU17" s="916" t="s">
        <v>3816</v>
      </c>
      <c r="WIV17" s="916" t="s">
        <v>3816</v>
      </c>
      <c r="WIW17" s="916" t="s">
        <v>3816</v>
      </c>
      <c r="WIX17" s="916" t="s">
        <v>3816</v>
      </c>
      <c r="WIY17" s="916" t="s">
        <v>3816</v>
      </c>
      <c r="WIZ17" s="916" t="s">
        <v>3816</v>
      </c>
      <c r="WJA17" s="916" t="s">
        <v>3816</v>
      </c>
      <c r="WJB17" s="916" t="s">
        <v>3816</v>
      </c>
      <c r="WJC17" s="916" t="s">
        <v>3816</v>
      </c>
      <c r="WJD17" s="916" t="s">
        <v>3816</v>
      </c>
      <c r="WJE17" s="916" t="s">
        <v>3816</v>
      </c>
      <c r="WJF17" s="916" t="s">
        <v>3816</v>
      </c>
      <c r="WJG17" s="916" t="s">
        <v>3816</v>
      </c>
      <c r="WJH17" s="916" t="s">
        <v>3816</v>
      </c>
      <c r="WJI17" s="916" t="s">
        <v>3816</v>
      </c>
      <c r="WJJ17" s="916" t="s">
        <v>3816</v>
      </c>
      <c r="WJK17" s="916" t="s">
        <v>3816</v>
      </c>
      <c r="WJL17" s="916" t="s">
        <v>3816</v>
      </c>
      <c r="WJM17" s="916" t="s">
        <v>3816</v>
      </c>
      <c r="WJN17" s="916" t="s">
        <v>3816</v>
      </c>
      <c r="WJO17" s="916" t="s">
        <v>3816</v>
      </c>
      <c r="WJP17" s="916" t="s">
        <v>3816</v>
      </c>
      <c r="WJQ17" s="916" t="s">
        <v>3816</v>
      </c>
      <c r="WJR17" s="916" t="s">
        <v>3816</v>
      </c>
      <c r="WJS17" s="916" t="s">
        <v>3816</v>
      </c>
      <c r="WJT17" s="916" t="s">
        <v>3816</v>
      </c>
      <c r="WJU17" s="916" t="s">
        <v>3816</v>
      </c>
      <c r="WJV17" s="916" t="s">
        <v>3816</v>
      </c>
      <c r="WJW17" s="916" t="s">
        <v>3816</v>
      </c>
      <c r="WJX17" s="916" t="s">
        <v>3816</v>
      </c>
      <c r="WJY17" s="916" t="s">
        <v>3816</v>
      </c>
      <c r="WJZ17" s="916" t="s">
        <v>3816</v>
      </c>
      <c r="WKA17" s="916" t="s">
        <v>3816</v>
      </c>
      <c r="WKB17" s="916" t="s">
        <v>3816</v>
      </c>
      <c r="WKC17" s="916" t="s">
        <v>3816</v>
      </c>
      <c r="WKD17" s="916" t="s">
        <v>3816</v>
      </c>
      <c r="WKE17" s="916" t="s">
        <v>3816</v>
      </c>
      <c r="WKF17" s="916" t="s">
        <v>3816</v>
      </c>
      <c r="WKG17" s="916" t="s">
        <v>3816</v>
      </c>
      <c r="WKH17" s="916" t="s">
        <v>3816</v>
      </c>
      <c r="WKI17" s="916" t="s">
        <v>3816</v>
      </c>
      <c r="WKJ17" s="916" t="s">
        <v>3816</v>
      </c>
      <c r="WKK17" s="916" t="s">
        <v>3816</v>
      </c>
      <c r="WKL17" s="916" t="s">
        <v>3816</v>
      </c>
      <c r="WKM17" s="916" t="s">
        <v>3816</v>
      </c>
      <c r="WKN17" s="916" t="s">
        <v>3816</v>
      </c>
      <c r="WKO17" s="916" t="s">
        <v>3816</v>
      </c>
      <c r="WKP17" s="916" t="s">
        <v>3816</v>
      </c>
      <c r="WKQ17" s="916" t="s">
        <v>3816</v>
      </c>
      <c r="WKR17" s="916" t="s">
        <v>3816</v>
      </c>
      <c r="WKS17" s="916" t="s">
        <v>3816</v>
      </c>
      <c r="WKT17" s="916" t="s">
        <v>3816</v>
      </c>
      <c r="WKU17" s="916" t="s">
        <v>3816</v>
      </c>
      <c r="WKV17" s="916" t="s">
        <v>3816</v>
      </c>
      <c r="WKW17" s="916" t="s">
        <v>3816</v>
      </c>
      <c r="WKX17" s="916" t="s">
        <v>3816</v>
      </c>
      <c r="WKY17" s="916" t="s">
        <v>3816</v>
      </c>
      <c r="WKZ17" s="916" t="s">
        <v>3816</v>
      </c>
      <c r="WLA17" s="916" t="s">
        <v>3816</v>
      </c>
      <c r="WLB17" s="916" t="s">
        <v>3816</v>
      </c>
      <c r="WLC17" s="916" t="s">
        <v>3816</v>
      </c>
      <c r="WLD17" s="916" t="s">
        <v>3816</v>
      </c>
      <c r="WLE17" s="916" t="s">
        <v>3816</v>
      </c>
      <c r="WLF17" s="916" t="s">
        <v>3816</v>
      </c>
      <c r="WLG17" s="916" t="s">
        <v>3816</v>
      </c>
      <c r="WLH17" s="916" t="s">
        <v>3816</v>
      </c>
      <c r="WLI17" s="916" t="s">
        <v>3816</v>
      </c>
      <c r="WLJ17" s="916" t="s">
        <v>3816</v>
      </c>
      <c r="WLK17" s="916" t="s">
        <v>3816</v>
      </c>
      <c r="WLL17" s="916" t="s">
        <v>3816</v>
      </c>
      <c r="WLM17" s="916" t="s">
        <v>3816</v>
      </c>
      <c r="WLN17" s="916" t="s">
        <v>3816</v>
      </c>
      <c r="WLO17" s="916" t="s">
        <v>3816</v>
      </c>
      <c r="WLP17" s="916" t="s">
        <v>3816</v>
      </c>
      <c r="WLQ17" s="916" t="s">
        <v>3816</v>
      </c>
      <c r="WLR17" s="916" t="s">
        <v>3816</v>
      </c>
      <c r="WLS17" s="916" t="s">
        <v>3816</v>
      </c>
      <c r="WLT17" s="916" t="s">
        <v>3816</v>
      </c>
      <c r="WLU17" s="916" t="s">
        <v>3816</v>
      </c>
      <c r="WLV17" s="916" t="s">
        <v>3816</v>
      </c>
      <c r="WLW17" s="916" t="s">
        <v>3816</v>
      </c>
      <c r="WLX17" s="916" t="s">
        <v>3816</v>
      </c>
      <c r="WLY17" s="916" t="s">
        <v>3816</v>
      </c>
      <c r="WLZ17" s="916" t="s">
        <v>3816</v>
      </c>
      <c r="WMA17" s="916" t="s">
        <v>3816</v>
      </c>
      <c r="WMB17" s="916" t="s">
        <v>3816</v>
      </c>
      <c r="WMC17" s="916" t="s">
        <v>3816</v>
      </c>
      <c r="WMD17" s="916" t="s">
        <v>3816</v>
      </c>
      <c r="WME17" s="916" t="s">
        <v>3816</v>
      </c>
      <c r="WMF17" s="916" t="s">
        <v>3816</v>
      </c>
      <c r="WMG17" s="916" t="s">
        <v>3816</v>
      </c>
      <c r="WMH17" s="916" t="s">
        <v>3816</v>
      </c>
      <c r="WMI17" s="916" t="s">
        <v>3816</v>
      </c>
      <c r="WMJ17" s="916" t="s">
        <v>3816</v>
      </c>
      <c r="WMK17" s="916" t="s">
        <v>3816</v>
      </c>
      <c r="WML17" s="916" t="s">
        <v>3816</v>
      </c>
      <c r="WMM17" s="916" t="s">
        <v>3816</v>
      </c>
      <c r="WMN17" s="916" t="s">
        <v>3816</v>
      </c>
      <c r="WMO17" s="916" t="s">
        <v>3816</v>
      </c>
      <c r="WMP17" s="916" t="s">
        <v>3816</v>
      </c>
      <c r="WMQ17" s="916" t="s">
        <v>3816</v>
      </c>
      <c r="WMR17" s="916" t="s">
        <v>3816</v>
      </c>
      <c r="WMS17" s="916" t="s">
        <v>3816</v>
      </c>
      <c r="WMT17" s="916" t="s">
        <v>3816</v>
      </c>
      <c r="WMU17" s="916" t="s">
        <v>3816</v>
      </c>
      <c r="WMV17" s="916" t="s">
        <v>3816</v>
      </c>
      <c r="WMW17" s="916" t="s">
        <v>3816</v>
      </c>
      <c r="WMX17" s="916" t="s">
        <v>3816</v>
      </c>
      <c r="WMY17" s="916" t="s">
        <v>3816</v>
      </c>
      <c r="WMZ17" s="916" t="s">
        <v>3816</v>
      </c>
      <c r="WNA17" s="916" t="s">
        <v>3816</v>
      </c>
      <c r="WNB17" s="916" t="s">
        <v>3816</v>
      </c>
      <c r="WNC17" s="916" t="s">
        <v>3816</v>
      </c>
      <c r="WND17" s="916" t="s">
        <v>3816</v>
      </c>
      <c r="WNE17" s="916" t="s">
        <v>3816</v>
      </c>
      <c r="WNF17" s="916" t="s">
        <v>3816</v>
      </c>
      <c r="WNG17" s="916" t="s">
        <v>3816</v>
      </c>
      <c r="WNH17" s="916" t="s">
        <v>3816</v>
      </c>
      <c r="WNI17" s="916" t="s">
        <v>3816</v>
      </c>
      <c r="WNJ17" s="916" t="s">
        <v>3816</v>
      </c>
      <c r="WNK17" s="916" t="s">
        <v>3816</v>
      </c>
      <c r="WNL17" s="916" t="s">
        <v>3816</v>
      </c>
      <c r="WNM17" s="916" t="s">
        <v>3816</v>
      </c>
      <c r="WNN17" s="916" t="s">
        <v>3816</v>
      </c>
      <c r="WNO17" s="916" t="s">
        <v>3816</v>
      </c>
      <c r="WNP17" s="916" t="s">
        <v>3816</v>
      </c>
      <c r="WNQ17" s="916" t="s">
        <v>3816</v>
      </c>
      <c r="WNR17" s="916" t="s">
        <v>3816</v>
      </c>
      <c r="WNS17" s="916" t="s">
        <v>3816</v>
      </c>
      <c r="WNT17" s="916" t="s">
        <v>3816</v>
      </c>
      <c r="WNU17" s="916" t="s">
        <v>3816</v>
      </c>
      <c r="WNV17" s="916" t="s">
        <v>3816</v>
      </c>
      <c r="WNW17" s="916" t="s">
        <v>3816</v>
      </c>
      <c r="WNX17" s="916" t="s">
        <v>3816</v>
      </c>
      <c r="WNY17" s="916" t="s">
        <v>3816</v>
      </c>
      <c r="WNZ17" s="916" t="s">
        <v>3816</v>
      </c>
      <c r="WOA17" s="916" t="s">
        <v>3816</v>
      </c>
      <c r="WOB17" s="916" t="s">
        <v>3816</v>
      </c>
      <c r="WOC17" s="916" t="s">
        <v>3816</v>
      </c>
      <c r="WOD17" s="916" t="s">
        <v>3816</v>
      </c>
      <c r="WOE17" s="916" t="s">
        <v>3816</v>
      </c>
      <c r="WOF17" s="916" t="s">
        <v>3816</v>
      </c>
      <c r="WOG17" s="916" t="s">
        <v>3816</v>
      </c>
      <c r="WOH17" s="916" t="s">
        <v>3816</v>
      </c>
      <c r="WOI17" s="916" t="s">
        <v>3816</v>
      </c>
      <c r="WOJ17" s="916" t="s">
        <v>3816</v>
      </c>
      <c r="WOK17" s="916" t="s">
        <v>3816</v>
      </c>
      <c r="WOL17" s="916" t="s">
        <v>3816</v>
      </c>
      <c r="WOM17" s="916" t="s">
        <v>3816</v>
      </c>
      <c r="WON17" s="916" t="s">
        <v>3816</v>
      </c>
      <c r="WOO17" s="916" t="s">
        <v>3816</v>
      </c>
      <c r="WOP17" s="916" t="s">
        <v>3816</v>
      </c>
      <c r="WOQ17" s="916" t="s">
        <v>3816</v>
      </c>
      <c r="WOR17" s="916" t="s">
        <v>3816</v>
      </c>
      <c r="WOS17" s="916" t="s">
        <v>3816</v>
      </c>
      <c r="WOT17" s="916" t="s">
        <v>3816</v>
      </c>
      <c r="WOU17" s="916" t="s">
        <v>3816</v>
      </c>
      <c r="WOV17" s="916" t="s">
        <v>3816</v>
      </c>
      <c r="WOW17" s="916" t="s">
        <v>3816</v>
      </c>
      <c r="WOX17" s="916" t="s">
        <v>3816</v>
      </c>
      <c r="WOY17" s="916" t="s">
        <v>3816</v>
      </c>
      <c r="WOZ17" s="916" t="s">
        <v>3816</v>
      </c>
      <c r="WPA17" s="916" t="s">
        <v>3816</v>
      </c>
      <c r="WPB17" s="916" t="s">
        <v>3816</v>
      </c>
      <c r="WPC17" s="916" t="s">
        <v>3816</v>
      </c>
      <c r="WPD17" s="916" t="s">
        <v>3816</v>
      </c>
      <c r="WPE17" s="916" t="s">
        <v>3816</v>
      </c>
      <c r="WPF17" s="916" t="s">
        <v>3816</v>
      </c>
      <c r="WPG17" s="916" t="s">
        <v>3816</v>
      </c>
      <c r="WPH17" s="916" t="s">
        <v>3816</v>
      </c>
      <c r="WPI17" s="916" t="s">
        <v>3816</v>
      </c>
      <c r="WPJ17" s="916" t="s">
        <v>3816</v>
      </c>
      <c r="WPK17" s="916" t="s">
        <v>3816</v>
      </c>
      <c r="WPL17" s="916" t="s">
        <v>3816</v>
      </c>
      <c r="WPM17" s="916" t="s">
        <v>3816</v>
      </c>
      <c r="WPN17" s="916" t="s">
        <v>3816</v>
      </c>
      <c r="WPO17" s="916" t="s">
        <v>3816</v>
      </c>
      <c r="WPP17" s="916" t="s">
        <v>3816</v>
      </c>
      <c r="WPQ17" s="916" t="s">
        <v>3816</v>
      </c>
      <c r="WPR17" s="916" t="s">
        <v>3816</v>
      </c>
      <c r="WPS17" s="916" t="s">
        <v>3816</v>
      </c>
      <c r="WPT17" s="916" t="s">
        <v>3816</v>
      </c>
      <c r="WPU17" s="916" t="s">
        <v>3816</v>
      </c>
      <c r="WPV17" s="916" t="s">
        <v>3816</v>
      </c>
      <c r="WPW17" s="916" t="s">
        <v>3816</v>
      </c>
      <c r="WPX17" s="916" t="s">
        <v>3816</v>
      </c>
      <c r="WPY17" s="916" t="s">
        <v>3816</v>
      </c>
      <c r="WPZ17" s="916" t="s">
        <v>3816</v>
      </c>
      <c r="WQA17" s="916" t="s">
        <v>3816</v>
      </c>
      <c r="WQB17" s="916" t="s">
        <v>3816</v>
      </c>
      <c r="WQC17" s="916" t="s">
        <v>3816</v>
      </c>
      <c r="WQD17" s="916" t="s">
        <v>3816</v>
      </c>
      <c r="WQE17" s="916" t="s">
        <v>3816</v>
      </c>
      <c r="WQF17" s="916" t="s">
        <v>3816</v>
      </c>
      <c r="WQG17" s="916" t="s">
        <v>3816</v>
      </c>
      <c r="WQH17" s="916" t="s">
        <v>3816</v>
      </c>
      <c r="WQI17" s="916" t="s">
        <v>3816</v>
      </c>
      <c r="WQJ17" s="916" t="s">
        <v>3816</v>
      </c>
      <c r="WQK17" s="916" t="s">
        <v>3816</v>
      </c>
      <c r="WQL17" s="916" t="s">
        <v>3816</v>
      </c>
      <c r="WQM17" s="916" t="s">
        <v>3816</v>
      </c>
      <c r="WQN17" s="916" t="s">
        <v>3816</v>
      </c>
      <c r="WQO17" s="916" t="s">
        <v>3816</v>
      </c>
      <c r="WQP17" s="916" t="s">
        <v>3816</v>
      </c>
      <c r="WQQ17" s="916" t="s">
        <v>3816</v>
      </c>
      <c r="WQR17" s="916" t="s">
        <v>3816</v>
      </c>
      <c r="WQS17" s="916" t="s">
        <v>3816</v>
      </c>
      <c r="WQT17" s="916" t="s">
        <v>3816</v>
      </c>
      <c r="WQU17" s="916" t="s">
        <v>3816</v>
      </c>
      <c r="WQV17" s="916" t="s">
        <v>3816</v>
      </c>
      <c r="WQW17" s="916" t="s">
        <v>3816</v>
      </c>
      <c r="WQX17" s="916" t="s">
        <v>3816</v>
      </c>
      <c r="WQY17" s="916" t="s">
        <v>3816</v>
      </c>
      <c r="WQZ17" s="916" t="s">
        <v>3816</v>
      </c>
      <c r="WRA17" s="916" t="s">
        <v>3816</v>
      </c>
      <c r="WRB17" s="916" t="s">
        <v>3816</v>
      </c>
      <c r="WRC17" s="916" t="s">
        <v>3816</v>
      </c>
      <c r="WRD17" s="916" t="s">
        <v>3816</v>
      </c>
      <c r="WRE17" s="916" t="s">
        <v>3816</v>
      </c>
      <c r="WRF17" s="916" t="s">
        <v>3816</v>
      </c>
      <c r="WRG17" s="916" t="s">
        <v>3816</v>
      </c>
      <c r="WRH17" s="916" t="s">
        <v>3816</v>
      </c>
      <c r="WRI17" s="916" t="s">
        <v>3816</v>
      </c>
      <c r="WRJ17" s="916" t="s">
        <v>3816</v>
      </c>
      <c r="WRK17" s="916" t="s">
        <v>3816</v>
      </c>
      <c r="WRL17" s="916" t="s">
        <v>3816</v>
      </c>
      <c r="WRM17" s="916" t="s">
        <v>3816</v>
      </c>
      <c r="WRN17" s="916" t="s">
        <v>3816</v>
      </c>
      <c r="WRO17" s="916" t="s">
        <v>3816</v>
      </c>
      <c r="WRP17" s="916" t="s">
        <v>3816</v>
      </c>
      <c r="WRQ17" s="916" t="s">
        <v>3816</v>
      </c>
      <c r="WRR17" s="916" t="s">
        <v>3816</v>
      </c>
      <c r="WRS17" s="916" t="s">
        <v>3816</v>
      </c>
      <c r="WRT17" s="916" t="s">
        <v>3816</v>
      </c>
      <c r="WRU17" s="916" t="s">
        <v>3816</v>
      </c>
      <c r="WRV17" s="916" t="s">
        <v>3816</v>
      </c>
      <c r="WRW17" s="916" t="s">
        <v>3816</v>
      </c>
      <c r="WRX17" s="916" t="s">
        <v>3816</v>
      </c>
      <c r="WRY17" s="916" t="s">
        <v>3816</v>
      </c>
      <c r="WRZ17" s="916" t="s">
        <v>3816</v>
      </c>
      <c r="WSA17" s="916" t="s">
        <v>3816</v>
      </c>
      <c r="WSB17" s="916" t="s">
        <v>3816</v>
      </c>
      <c r="WSC17" s="916" t="s">
        <v>3816</v>
      </c>
      <c r="WSD17" s="916" t="s">
        <v>3816</v>
      </c>
      <c r="WSE17" s="916" t="s">
        <v>3816</v>
      </c>
      <c r="WSF17" s="916" t="s">
        <v>3816</v>
      </c>
      <c r="WSG17" s="916" t="s">
        <v>3816</v>
      </c>
      <c r="WSH17" s="916" t="s">
        <v>3816</v>
      </c>
      <c r="WSI17" s="916" t="s">
        <v>3816</v>
      </c>
      <c r="WSJ17" s="916" t="s">
        <v>3816</v>
      </c>
      <c r="WSK17" s="916" t="s">
        <v>3816</v>
      </c>
      <c r="WSL17" s="916" t="s">
        <v>3816</v>
      </c>
      <c r="WSM17" s="916" t="s">
        <v>3816</v>
      </c>
      <c r="WSN17" s="916" t="s">
        <v>3816</v>
      </c>
      <c r="WSO17" s="916" t="s">
        <v>3816</v>
      </c>
      <c r="WSP17" s="916" t="s">
        <v>3816</v>
      </c>
      <c r="WSQ17" s="916" t="s">
        <v>3816</v>
      </c>
      <c r="WSR17" s="916" t="s">
        <v>3816</v>
      </c>
      <c r="WSS17" s="916" t="s">
        <v>3816</v>
      </c>
      <c r="WST17" s="916" t="s">
        <v>3816</v>
      </c>
      <c r="WSU17" s="916" t="s">
        <v>3816</v>
      </c>
      <c r="WSV17" s="916" t="s">
        <v>3816</v>
      </c>
      <c r="WSW17" s="916" t="s">
        <v>3816</v>
      </c>
      <c r="WSX17" s="916" t="s">
        <v>3816</v>
      </c>
      <c r="WSY17" s="916" t="s">
        <v>3816</v>
      </c>
      <c r="WSZ17" s="916" t="s">
        <v>3816</v>
      </c>
      <c r="WTA17" s="916" t="s">
        <v>3816</v>
      </c>
      <c r="WTB17" s="916" t="s">
        <v>3816</v>
      </c>
      <c r="WTC17" s="916" t="s">
        <v>3816</v>
      </c>
      <c r="WTD17" s="916" t="s">
        <v>3816</v>
      </c>
      <c r="WTE17" s="916" t="s">
        <v>3816</v>
      </c>
      <c r="WTF17" s="916" t="s">
        <v>3816</v>
      </c>
      <c r="WTG17" s="916" t="s">
        <v>3816</v>
      </c>
      <c r="WTH17" s="916" t="s">
        <v>3816</v>
      </c>
      <c r="WTI17" s="916" t="s">
        <v>3816</v>
      </c>
      <c r="WTJ17" s="916" t="s">
        <v>3816</v>
      </c>
      <c r="WTK17" s="916" t="s">
        <v>3816</v>
      </c>
      <c r="WTL17" s="916" t="s">
        <v>3816</v>
      </c>
      <c r="WTM17" s="916" t="s">
        <v>3816</v>
      </c>
      <c r="WTN17" s="916" t="s">
        <v>3816</v>
      </c>
      <c r="WTO17" s="916" t="s">
        <v>3816</v>
      </c>
      <c r="WTP17" s="916" t="s">
        <v>3816</v>
      </c>
      <c r="WTQ17" s="916" t="s">
        <v>3816</v>
      </c>
      <c r="WTR17" s="916" t="s">
        <v>3816</v>
      </c>
      <c r="WTS17" s="916" t="s">
        <v>3816</v>
      </c>
      <c r="WTT17" s="916" t="s">
        <v>3816</v>
      </c>
      <c r="WTU17" s="916" t="s">
        <v>3816</v>
      </c>
      <c r="WTV17" s="916" t="s">
        <v>3816</v>
      </c>
      <c r="WTW17" s="916" t="s">
        <v>3816</v>
      </c>
      <c r="WTX17" s="916" t="s">
        <v>3816</v>
      </c>
      <c r="WTY17" s="916" t="s">
        <v>3816</v>
      </c>
      <c r="WTZ17" s="916" t="s">
        <v>3816</v>
      </c>
      <c r="WUA17" s="916" t="s">
        <v>3816</v>
      </c>
      <c r="WUB17" s="916" t="s">
        <v>3816</v>
      </c>
      <c r="WUC17" s="916" t="s">
        <v>3816</v>
      </c>
      <c r="WUD17" s="916" t="s">
        <v>3816</v>
      </c>
      <c r="WUE17" s="916" t="s">
        <v>3816</v>
      </c>
      <c r="WUF17" s="916" t="s">
        <v>3816</v>
      </c>
      <c r="WUG17" s="916" t="s">
        <v>3816</v>
      </c>
      <c r="WUH17" s="916" t="s">
        <v>3816</v>
      </c>
      <c r="WUI17" s="916" t="s">
        <v>3816</v>
      </c>
      <c r="WUJ17" s="916" t="s">
        <v>3816</v>
      </c>
      <c r="WUK17" s="916" t="s">
        <v>3816</v>
      </c>
      <c r="WUL17" s="916" t="s">
        <v>3816</v>
      </c>
      <c r="WUM17" s="916" t="s">
        <v>3816</v>
      </c>
      <c r="WUN17" s="916" t="s">
        <v>3816</v>
      </c>
      <c r="WUO17" s="916" t="s">
        <v>3816</v>
      </c>
      <c r="WUP17" s="916" t="s">
        <v>3816</v>
      </c>
      <c r="WUQ17" s="916" t="s">
        <v>3816</v>
      </c>
      <c r="WUR17" s="916" t="s">
        <v>3816</v>
      </c>
      <c r="WUS17" s="916" t="s">
        <v>3816</v>
      </c>
      <c r="WUT17" s="916" t="s">
        <v>3816</v>
      </c>
      <c r="WUU17" s="916" t="s">
        <v>3816</v>
      </c>
      <c r="WUV17" s="916" t="s">
        <v>3816</v>
      </c>
      <c r="WUW17" s="916" t="s">
        <v>3816</v>
      </c>
      <c r="WUX17" s="916" t="s">
        <v>3816</v>
      </c>
      <c r="WUY17" s="916" t="s">
        <v>3816</v>
      </c>
      <c r="WUZ17" s="916" t="s">
        <v>3816</v>
      </c>
      <c r="WVA17" s="916" t="s">
        <v>3816</v>
      </c>
      <c r="WVB17" s="916" t="s">
        <v>3816</v>
      </c>
      <c r="WVC17" s="916" t="s">
        <v>3816</v>
      </c>
      <c r="WVD17" s="916" t="s">
        <v>3816</v>
      </c>
      <c r="WVE17" s="916" t="s">
        <v>3816</v>
      </c>
      <c r="WVF17" s="916" t="s">
        <v>3816</v>
      </c>
      <c r="WVG17" s="916" t="s">
        <v>3816</v>
      </c>
      <c r="WVH17" s="916" t="s">
        <v>3816</v>
      </c>
      <c r="WVI17" s="916" t="s">
        <v>3816</v>
      </c>
      <c r="WVJ17" s="916" t="s">
        <v>3816</v>
      </c>
      <c r="WVK17" s="916" t="s">
        <v>3816</v>
      </c>
      <c r="WVL17" s="916" t="s">
        <v>3816</v>
      </c>
      <c r="WVM17" s="916" t="s">
        <v>3816</v>
      </c>
      <c r="WVN17" s="916" t="s">
        <v>3816</v>
      </c>
      <c r="WVO17" s="916" t="s">
        <v>3816</v>
      </c>
      <c r="WVP17" s="916" t="s">
        <v>3816</v>
      </c>
      <c r="WVQ17" s="916" t="s">
        <v>3816</v>
      </c>
      <c r="WVR17" s="916" t="s">
        <v>3816</v>
      </c>
      <c r="WVS17" s="916" t="s">
        <v>3816</v>
      </c>
      <c r="WVT17" s="916" t="s">
        <v>3816</v>
      </c>
      <c r="WVU17" s="916" t="s">
        <v>3816</v>
      </c>
      <c r="WVV17" s="916" t="s">
        <v>3816</v>
      </c>
      <c r="WVW17" s="916" t="s">
        <v>3816</v>
      </c>
      <c r="WVX17" s="916" t="s">
        <v>3816</v>
      </c>
      <c r="WVY17" s="916" t="s">
        <v>3816</v>
      </c>
      <c r="WVZ17" s="916" t="s">
        <v>3816</v>
      </c>
      <c r="WWA17" s="916" t="s">
        <v>3816</v>
      </c>
      <c r="WWB17" s="916" t="s">
        <v>3816</v>
      </c>
      <c r="WWC17" s="916" t="s">
        <v>3816</v>
      </c>
      <c r="WWD17" s="916" t="s">
        <v>3816</v>
      </c>
      <c r="WWE17" s="916" t="s">
        <v>3816</v>
      </c>
      <c r="WWF17" s="916" t="s">
        <v>3816</v>
      </c>
      <c r="WWG17" s="916" t="s">
        <v>3816</v>
      </c>
      <c r="WWH17" s="916" t="s">
        <v>3816</v>
      </c>
      <c r="WWI17" s="916" t="s">
        <v>3816</v>
      </c>
      <c r="WWJ17" s="916" t="s">
        <v>3816</v>
      </c>
      <c r="WWK17" s="916" t="s">
        <v>3816</v>
      </c>
      <c r="WWL17" s="916" t="s">
        <v>3816</v>
      </c>
      <c r="WWM17" s="916" t="s">
        <v>3816</v>
      </c>
      <c r="WWN17" s="916" t="s">
        <v>3816</v>
      </c>
      <c r="WWO17" s="916" t="s">
        <v>3816</v>
      </c>
      <c r="WWP17" s="916" t="s">
        <v>3816</v>
      </c>
      <c r="WWQ17" s="916" t="s">
        <v>3816</v>
      </c>
      <c r="WWR17" s="916" t="s">
        <v>3816</v>
      </c>
      <c r="WWS17" s="916" t="s">
        <v>3816</v>
      </c>
      <c r="WWT17" s="916" t="s">
        <v>3816</v>
      </c>
      <c r="WWU17" s="916" t="s">
        <v>3816</v>
      </c>
      <c r="WWV17" s="916" t="s">
        <v>3816</v>
      </c>
      <c r="WWW17" s="916" t="s">
        <v>3816</v>
      </c>
      <c r="WWX17" s="916" t="s">
        <v>3816</v>
      </c>
      <c r="WWY17" s="916" t="s">
        <v>3816</v>
      </c>
      <c r="WWZ17" s="916" t="s">
        <v>3816</v>
      </c>
      <c r="WXA17" s="916" t="s">
        <v>3816</v>
      </c>
      <c r="WXB17" s="916" t="s">
        <v>3816</v>
      </c>
      <c r="WXC17" s="916" t="s">
        <v>3816</v>
      </c>
      <c r="WXD17" s="916" t="s">
        <v>3816</v>
      </c>
      <c r="WXE17" s="916" t="s">
        <v>3816</v>
      </c>
      <c r="WXF17" s="916" t="s">
        <v>3816</v>
      </c>
      <c r="WXG17" s="916" t="s">
        <v>3816</v>
      </c>
      <c r="WXH17" s="916" t="s">
        <v>3816</v>
      </c>
      <c r="WXI17" s="916" t="s">
        <v>3816</v>
      </c>
      <c r="WXJ17" s="916" t="s">
        <v>3816</v>
      </c>
      <c r="WXK17" s="916" t="s">
        <v>3816</v>
      </c>
      <c r="WXL17" s="916" t="s">
        <v>3816</v>
      </c>
      <c r="WXM17" s="916" t="s">
        <v>3816</v>
      </c>
      <c r="WXN17" s="916" t="s">
        <v>3816</v>
      </c>
      <c r="WXO17" s="916" t="s">
        <v>3816</v>
      </c>
      <c r="WXP17" s="916" t="s">
        <v>3816</v>
      </c>
      <c r="WXQ17" s="916" t="s">
        <v>3816</v>
      </c>
      <c r="WXR17" s="916" t="s">
        <v>3816</v>
      </c>
      <c r="WXS17" s="916" t="s">
        <v>3816</v>
      </c>
      <c r="WXT17" s="916" t="s">
        <v>3816</v>
      </c>
      <c r="WXU17" s="916" t="s">
        <v>3816</v>
      </c>
      <c r="WXV17" s="916" t="s">
        <v>3816</v>
      </c>
      <c r="WXW17" s="916" t="s">
        <v>3816</v>
      </c>
      <c r="WXX17" s="916" t="s">
        <v>3816</v>
      </c>
      <c r="WXY17" s="916" t="s">
        <v>3816</v>
      </c>
      <c r="WXZ17" s="916" t="s">
        <v>3816</v>
      </c>
      <c r="WYA17" s="916" t="s">
        <v>3816</v>
      </c>
      <c r="WYB17" s="916" t="s">
        <v>3816</v>
      </c>
      <c r="WYC17" s="916" t="s">
        <v>3816</v>
      </c>
      <c r="WYD17" s="916" t="s">
        <v>3816</v>
      </c>
      <c r="WYE17" s="916" t="s">
        <v>3816</v>
      </c>
      <c r="WYF17" s="916" t="s">
        <v>3816</v>
      </c>
      <c r="WYG17" s="916" t="s">
        <v>3816</v>
      </c>
      <c r="WYH17" s="916" t="s">
        <v>3816</v>
      </c>
      <c r="WYI17" s="916" t="s">
        <v>3816</v>
      </c>
      <c r="WYJ17" s="916" t="s">
        <v>3816</v>
      </c>
      <c r="WYK17" s="916" t="s">
        <v>3816</v>
      </c>
      <c r="WYL17" s="916" t="s">
        <v>3816</v>
      </c>
      <c r="WYM17" s="916" t="s">
        <v>3816</v>
      </c>
      <c r="WYN17" s="916" t="s">
        <v>3816</v>
      </c>
      <c r="WYO17" s="916" t="s">
        <v>3816</v>
      </c>
      <c r="WYP17" s="916" t="s">
        <v>3816</v>
      </c>
      <c r="WYQ17" s="916" t="s">
        <v>3816</v>
      </c>
      <c r="WYR17" s="916" t="s">
        <v>3816</v>
      </c>
      <c r="WYS17" s="916" t="s">
        <v>3816</v>
      </c>
      <c r="WYT17" s="916" t="s">
        <v>3816</v>
      </c>
      <c r="WYU17" s="916" t="s">
        <v>3816</v>
      </c>
      <c r="WYV17" s="916" t="s">
        <v>3816</v>
      </c>
      <c r="WYW17" s="916" t="s">
        <v>3816</v>
      </c>
      <c r="WYX17" s="916" t="s">
        <v>3816</v>
      </c>
      <c r="WYY17" s="916" t="s">
        <v>3816</v>
      </c>
      <c r="WYZ17" s="916" t="s">
        <v>3816</v>
      </c>
      <c r="WZA17" s="916" t="s">
        <v>3816</v>
      </c>
      <c r="WZB17" s="916" t="s">
        <v>3816</v>
      </c>
      <c r="WZC17" s="916" t="s">
        <v>3816</v>
      </c>
      <c r="WZD17" s="916" t="s">
        <v>3816</v>
      </c>
      <c r="WZE17" s="916" t="s">
        <v>3816</v>
      </c>
      <c r="WZF17" s="916" t="s">
        <v>3816</v>
      </c>
      <c r="WZG17" s="916" t="s">
        <v>3816</v>
      </c>
      <c r="WZH17" s="916" t="s">
        <v>3816</v>
      </c>
      <c r="WZI17" s="916" t="s">
        <v>3816</v>
      </c>
      <c r="WZJ17" s="916" t="s">
        <v>3816</v>
      </c>
      <c r="WZK17" s="916" t="s">
        <v>3816</v>
      </c>
      <c r="WZL17" s="916" t="s">
        <v>3816</v>
      </c>
      <c r="WZM17" s="916" t="s">
        <v>3816</v>
      </c>
      <c r="WZN17" s="916" t="s">
        <v>3816</v>
      </c>
      <c r="WZO17" s="916" t="s">
        <v>3816</v>
      </c>
      <c r="WZP17" s="916" t="s">
        <v>3816</v>
      </c>
      <c r="WZQ17" s="916" t="s">
        <v>3816</v>
      </c>
      <c r="WZR17" s="916" t="s">
        <v>3816</v>
      </c>
      <c r="WZS17" s="916" t="s">
        <v>3816</v>
      </c>
      <c r="WZT17" s="916" t="s">
        <v>3816</v>
      </c>
      <c r="WZU17" s="916" t="s">
        <v>3816</v>
      </c>
      <c r="WZV17" s="916" t="s">
        <v>3816</v>
      </c>
      <c r="WZW17" s="916" t="s">
        <v>3816</v>
      </c>
      <c r="WZX17" s="916" t="s">
        <v>3816</v>
      </c>
      <c r="WZY17" s="916" t="s">
        <v>3816</v>
      </c>
      <c r="WZZ17" s="916" t="s">
        <v>3816</v>
      </c>
      <c r="XAA17" s="916" t="s">
        <v>3816</v>
      </c>
      <c r="XAB17" s="916" t="s">
        <v>3816</v>
      </c>
      <c r="XAC17" s="916" t="s">
        <v>3816</v>
      </c>
      <c r="XAD17" s="916" t="s">
        <v>3816</v>
      </c>
      <c r="XAE17" s="916" t="s">
        <v>3816</v>
      </c>
      <c r="XAF17" s="916" t="s">
        <v>3816</v>
      </c>
      <c r="XAG17" s="916" t="s">
        <v>3816</v>
      </c>
      <c r="XAH17" s="916" t="s">
        <v>3816</v>
      </c>
      <c r="XAI17" s="916" t="s">
        <v>3816</v>
      </c>
      <c r="XAJ17" s="916" t="s">
        <v>3816</v>
      </c>
      <c r="XAK17" s="916" t="s">
        <v>3816</v>
      </c>
      <c r="XAL17" s="916" t="s">
        <v>3816</v>
      </c>
      <c r="XAM17" s="916" t="s">
        <v>3816</v>
      </c>
      <c r="XAN17" s="916" t="s">
        <v>3816</v>
      </c>
      <c r="XAO17" s="916" t="s">
        <v>3816</v>
      </c>
      <c r="XAP17" s="916" t="s">
        <v>3816</v>
      </c>
      <c r="XAQ17" s="916" t="s">
        <v>3816</v>
      </c>
      <c r="XAR17" s="916" t="s">
        <v>3816</v>
      </c>
      <c r="XAS17" s="916" t="s">
        <v>3816</v>
      </c>
      <c r="XAT17" s="916" t="s">
        <v>3816</v>
      </c>
      <c r="XAU17" s="916" t="s">
        <v>3816</v>
      </c>
      <c r="XAV17" s="916" t="s">
        <v>3816</v>
      </c>
      <c r="XAW17" s="916" t="s">
        <v>3816</v>
      </c>
      <c r="XAX17" s="916" t="s">
        <v>3816</v>
      </c>
      <c r="XAY17" s="916" t="s">
        <v>3816</v>
      </c>
      <c r="XAZ17" s="916" t="s">
        <v>3816</v>
      </c>
      <c r="XBA17" s="916" t="s">
        <v>3816</v>
      </c>
      <c r="XBB17" s="916" t="s">
        <v>3816</v>
      </c>
      <c r="XBC17" s="916" t="s">
        <v>3816</v>
      </c>
      <c r="XBD17" s="916" t="s">
        <v>3816</v>
      </c>
      <c r="XBE17" s="916" t="s">
        <v>3816</v>
      </c>
      <c r="XBF17" s="916" t="s">
        <v>3816</v>
      </c>
      <c r="XBG17" s="916" t="s">
        <v>3816</v>
      </c>
      <c r="XBH17" s="916" t="s">
        <v>3816</v>
      </c>
      <c r="XBI17" s="916" t="s">
        <v>3816</v>
      </c>
      <c r="XBJ17" s="916" t="s">
        <v>3816</v>
      </c>
      <c r="XBK17" s="916" t="s">
        <v>3816</v>
      </c>
      <c r="XBL17" s="916" t="s">
        <v>3816</v>
      </c>
      <c r="XBM17" s="916" t="s">
        <v>3816</v>
      </c>
      <c r="XBN17" s="916" t="s">
        <v>3816</v>
      </c>
      <c r="XBO17" s="916" t="s">
        <v>3816</v>
      </c>
      <c r="XBP17" s="916" t="s">
        <v>3816</v>
      </c>
      <c r="XBQ17" s="916" t="s">
        <v>3816</v>
      </c>
      <c r="XBR17" s="916" t="s">
        <v>3816</v>
      </c>
      <c r="XBS17" s="916" t="s">
        <v>3816</v>
      </c>
      <c r="XBT17" s="916" t="s">
        <v>3816</v>
      </c>
      <c r="XBU17" s="916" t="s">
        <v>3816</v>
      </c>
      <c r="XBV17" s="916" t="s">
        <v>3816</v>
      </c>
      <c r="XBW17" s="916" t="s">
        <v>3816</v>
      </c>
      <c r="XBX17" s="916" t="s">
        <v>3816</v>
      </c>
      <c r="XBY17" s="916" t="s">
        <v>3816</v>
      </c>
      <c r="XBZ17" s="916" t="s">
        <v>3816</v>
      </c>
      <c r="XCA17" s="916" t="s">
        <v>3816</v>
      </c>
      <c r="XCB17" s="916" t="s">
        <v>3816</v>
      </c>
      <c r="XCC17" s="916" t="s">
        <v>3816</v>
      </c>
      <c r="XCD17" s="916" t="s">
        <v>3816</v>
      </c>
      <c r="XCE17" s="916" t="s">
        <v>3816</v>
      </c>
      <c r="XCF17" s="916" t="s">
        <v>3816</v>
      </c>
      <c r="XCG17" s="916" t="s">
        <v>3816</v>
      </c>
      <c r="XCH17" s="916" t="s">
        <v>3816</v>
      </c>
      <c r="XCI17" s="916" t="s">
        <v>3816</v>
      </c>
      <c r="XCJ17" s="916" t="s">
        <v>3816</v>
      </c>
      <c r="XCK17" s="916" t="s">
        <v>3816</v>
      </c>
      <c r="XCL17" s="916" t="s">
        <v>3816</v>
      </c>
      <c r="XCM17" s="916" t="s">
        <v>3816</v>
      </c>
      <c r="XCN17" s="916" t="s">
        <v>3816</v>
      </c>
      <c r="XCO17" s="916" t="s">
        <v>3816</v>
      </c>
      <c r="XCP17" s="916" t="s">
        <v>3816</v>
      </c>
      <c r="XCQ17" s="916" t="s">
        <v>3816</v>
      </c>
      <c r="XCR17" s="916" t="s">
        <v>3816</v>
      </c>
      <c r="XCS17" s="916" t="s">
        <v>3816</v>
      </c>
      <c r="XCT17" s="916" t="s">
        <v>3816</v>
      </c>
      <c r="XCU17" s="916" t="s">
        <v>3816</v>
      </c>
      <c r="XCV17" s="916" t="s">
        <v>3816</v>
      </c>
      <c r="XCW17" s="916" t="s">
        <v>3816</v>
      </c>
      <c r="XCX17" s="916" t="s">
        <v>3816</v>
      </c>
      <c r="XCY17" s="916" t="s">
        <v>3816</v>
      </c>
      <c r="XCZ17" s="916" t="s">
        <v>3816</v>
      </c>
      <c r="XDA17" s="916" t="s">
        <v>3816</v>
      </c>
      <c r="XDB17" s="916" t="s">
        <v>3816</v>
      </c>
      <c r="XDC17" s="916" t="s">
        <v>3816</v>
      </c>
      <c r="XDD17" s="916" t="s">
        <v>3816</v>
      </c>
      <c r="XDE17" s="916" t="s">
        <v>3816</v>
      </c>
      <c r="XDF17" s="916" t="s">
        <v>3816</v>
      </c>
      <c r="XDG17" s="916" t="s">
        <v>3816</v>
      </c>
      <c r="XDH17" s="916" t="s">
        <v>3816</v>
      </c>
      <c r="XDI17" s="916" t="s">
        <v>3816</v>
      </c>
      <c r="XDJ17" s="916" t="s">
        <v>3816</v>
      </c>
      <c r="XDK17" s="916" t="s">
        <v>3816</v>
      </c>
      <c r="XDL17" s="916" t="s">
        <v>3816</v>
      </c>
      <c r="XDM17" s="916" t="s">
        <v>3816</v>
      </c>
      <c r="XDN17" s="916" t="s">
        <v>3816</v>
      </c>
      <c r="XDO17" s="916" t="s">
        <v>3816</v>
      </c>
      <c r="XDP17" s="916" t="s">
        <v>3816</v>
      </c>
      <c r="XDQ17" s="916" t="s">
        <v>3816</v>
      </c>
      <c r="XDR17" s="916" t="s">
        <v>3816</v>
      </c>
      <c r="XDS17" s="916" t="s">
        <v>3816</v>
      </c>
      <c r="XDT17" s="916" t="s">
        <v>3816</v>
      </c>
      <c r="XDU17" s="916" t="s">
        <v>3816</v>
      </c>
      <c r="XDV17" s="916" t="s">
        <v>3816</v>
      </c>
      <c r="XDW17" s="916" t="s">
        <v>3816</v>
      </c>
      <c r="XDX17" s="916" t="s">
        <v>3816</v>
      </c>
      <c r="XDY17" s="916" t="s">
        <v>3816</v>
      </c>
      <c r="XDZ17" s="916" t="s">
        <v>3816</v>
      </c>
      <c r="XEA17" s="916" t="s">
        <v>3816</v>
      </c>
      <c r="XEB17" s="916" t="s">
        <v>3816</v>
      </c>
      <c r="XEC17" s="916" t="s">
        <v>3816</v>
      </c>
    </row>
    <row r="18" spans="1:16357" s="908" customFormat="1" ht="120" customHeight="1">
      <c r="A18" s="912">
        <f t="shared" si="0"/>
        <v>4</v>
      </c>
      <c r="B18" s="902" t="s">
        <v>3860</v>
      </c>
      <c r="C18" s="902" t="s">
        <v>511</v>
      </c>
      <c r="D18" s="902" t="s">
        <v>3861</v>
      </c>
      <c r="E18" s="902" t="s">
        <v>3862</v>
      </c>
      <c r="F18" s="918">
        <v>44438</v>
      </c>
      <c r="G18" s="902"/>
      <c r="H18" s="902" t="s">
        <v>10</v>
      </c>
      <c r="I18" s="1086"/>
      <c r="J18" s="919">
        <v>1</v>
      </c>
      <c r="K18" s="903">
        <v>6</v>
      </c>
      <c r="L18" s="902">
        <v>0</v>
      </c>
      <c r="M18" s="902"/>
      <c r="N18" s="902"/>
      <c r="O18" s="903" t="s">
        <v>3863</v>
      </c>
      <c r="P18" s="926"/>
      <c r="Q18" s="903"/>
    </row>
    <row r="19" spans="1:16357" s="908" customFormat="1" ht="120" customHeight="1">
      <c r="A19" s="912">
        <f t="shared" si="0"/>
        <v>5</v>
      </c>
      <c r="B19" s="902" t="s">
        <v>3864</v>
      </c>
      <c r="C19" s="902" t="s">
        <v>511</v>
      </c>
      <c r="D19" s="902" t="s">
        <v>3865</v>
      </c>
      <c r="E19" s="902" t="s">
        <v>3866</v>
      </c>
      <c r="F19" s="918">
        <v>44571</v>
      </c>
      <c r="G19" s="902"/>
      <c r="H19" s="902" t="s">
        <v>10</v>
      </c>
      <c r="I19" s="1086"/>
      <c r="J19" s="919">
        <v>1</v>
      </c>
      <c r="K19" s="903">
        <v>6</v>
      </c>
      <c r="L19" s="902">
        <v>0</v>
      </c>
      <c r="M19" s="902"/>
      <c r="N19" s="902"/>
      <c r="O19" s="903" t="s">
        <v>3867</v>
      </c>
      <c r="P19" s="926"/>
      <c r="Q19" s="903"/>
    </row>
    <row r="20" spans="1:16357" s="908" customFormat="1" ht="120" customHeight="1">
      <c r="A20" s="912">
        <f t="shared" si="0"/>
        <v>6</v>
      </c>
      <c r="B20" s="902" t="s">
        <v>3868</v>
      </c>
      <c r="C20" s="902" t="s">
        <v>511</v>
      </c>
      <c r="D20" s="902" t="s">
        <v>3865</v>
      </c>
      <c r="E20" s="902" t="s">
        <v>3866</v>
      </c>
      <c r="F20" s="918">
        <v>44571</v>
      </c>
      <c r="G20" s="902"/>
      <c r="H20" s="902" t="s">
        <v>10</v>
      </c>
      <c r="I20" s="1086"/>
      <c r="J20" s="919">
        <v>1</v>
      </c>
      <c r="K20" s="903">
        <v>6</v>
      </c>
      <c r="L20" s="902">
        <v>0</v>
      </c>
      <c r="M20" s="902"/>
      <c r="N20" s="902"/>
      <c r="O20" s="903" t="s">
        <v>3867</v>
      </c>
      <c r="P20" s="926"/>
      <c r="Q20" s="903"/>
    </row>
    <row r="21" spans="1:16357" s="908" customFormat="1" ht="120" customHeight="1">
      <c r="A21" s="912">
        <f t="shared" si="0"/>
        <v>7</v>
      </c>
      <c r="B21" s="902" t="s">
        <v>3869</v>
      </c>
      <c r="C21" s="902" t="s">
        <v>511</v>
      </c>
      <c r="D21" s="902" t="s">
        <v>3870</v>
      </c>
      <c r="E21" s="902" t="s">
        <v>3871</v>
      </c>
      <c r="F21" s="918">
        <v>44377</v>
      </c>
      <c r="G21" s="902"/>
      <c r="H21" s="902" t="s">
        <v>10</v>
      </c>
      <c r="I21" s="1086"/>
      <c r="J21" s="919">
        <v>1</v>
      </c>
      <c r="K21" s="903">
        <v>6</v>
      </c>
      <c r="L21" s="902">
        <v>0</v>
      </c>
      <c r="M21" s="902"/>
      <c r="N21" s="902"/>
      <c r="O21" s="903" t="s">
        <v>3872</v>
      </c>
      <c r="P21" s="926"/>
      <c r="Q21" s="903"/>
    </row>
    <row r="22" spans="1:16357" s="908" customFormat="1" ht="120" customHeight="1">
      <c r="A22" s="912">
        <f t="shared" si="0"/>
        <v>8</v>
      </c>
      <c r="B22" s="902" t="s">
        <v>3873</v>
      </c>
      <c r="C22" s="902" t="s">
        <v>511</v>
      </c>
      <c r="D22" s="902" t="s">
        <v>3874</v>
      </c>
      <c r="E22" s="902" t="s">
        <v>3875</v>
      </c>
      <c r="F22" s="918">
        <v>44429</v>
      </c>
      <c r="G22" s="902"/>
      <c r="H22" s="902" t="s">
        <v>10</v>
      </c>
      <c r="I22" s="1086"/>
      <c r="J22" s="919">
        <v>1</v>
      </c>
      <c r="K22" s="903">
        <v>6</v>
      </c>
      <c r="L22" s="902">
        <v>0</v>
      </c>
      <c r="M22" s="902"/>
      <c r="N22" s="902"/>
      <c r="O22" s="903" t="s">
        <v>3872</v>
      </c>
      <c r="P22" s="926"/>
      <c r="Q22" s="903"/>
    </row>
    <row r="23" spans="1:16357" s="908" customFormat="1" ht="120" customHeight="1">
      <c r="A23" s="912">
        <f t="shared" si="0"/>
        <v>9</v>
      </c>
      <c r="B23" s="902" t="s">
        <v>3876</v>
      </c>
      <c r="C23" s="902" t="s">
        <v>511</v>
      </c>
      <c r="D23" s="902" t="s">
        <v>3877</v>
      </c>
      <c r="E23" s="902" t="s">
        <v>3878</v>
      </c>
      <c r="F23" s="918">
        <v>44468</v>
      </c>
      <c r="G23" s="902"/>
      <c r="H23" s="902" t="s">
        <v>10</v>
      </c>
      <c r="I23" s="1086"/>
      <c r="J23" s="919">
        <v>1</v>
      </c>
      <c r="K23" s="903">
        <v>7</v>
      </c>
      <c r="L23" s="902">
        <v>0</v>
      </c>
      <c r="M23" s="902"/>
      <c r="N23" s="902"/>
      <c r="O23" s="903" t="s">
        <v>3879</v>
      </c>
      <c r="P23" s="926"/>
      <c r="Q23" s="903"/>
    </row>
    <row r="24" spans="1:16357" s="908" customFormat="1" ht="120" customHeight="1">
      <c r="A24" s="912">
        <f t="shared" si="0"/>
        <v>10</v>
      </c>
      <c r="B24" s="903" t="s">
        <v>3880</v>
      </c>
      <c r="C24" s="910" t="s">
        <v>511</v>
      </c>
      <c r="D24" s="902" t="s">
        <v>3881</v>
      </c>
      <c r="E24" s="913" t="s">
        <v>3882</v>
      </c>
      <c r="F24" s="929">
        <v>44575</v>
      </c>
      <c r="G24" s="929"/>
      <c r="H24" s="902" t="s">
        <v>10</v>
      </c>
      <c r="I24" s="1086"/>
      <c r="J24" s="910">
        <v>1</v>
      </c>
      <c r="K24" s="910">
        <v>8</v>
      </c>
      <c r="L24" s="910">
        <v>0</v>
      </c>
      <c r="M24" s="910"/>
      <c r="N24" s="910"/>
      <c r="O24" s="903" t="s">
        <v>3879</v>
      </c>
      <c r="P24" s="920"/>
      <c r="Q24" s="903"/>
    </row>
    <row r="25" spans="1:16357" s="908" customFormat="1" ht="120" customHeight="1">
      <c r="A25" s="912">
        <f t="shared" si="0"/>
        <v>11</v>
      </c>
      <c r="B25" s="902" t="s">
        <v>3883</v>
      </c>
      <c r="C25" s="902" t="s">
        <v>27</v>
      </c>
      <c r="D25" s="902" t="s">
        <v>3884</v>
      </c>
      <c r="E25" s="902" t="s">
        <v>3885</v>
      </c>
      <c r="F25" s="918">
        <v>44659</v>
      </c>
      <c r="G25" s="902"/>
      <c r="H25" s="902" t="s">
        <v>10</v>
      </c>
      <c r="I25" s="1086"/>
      <c r="J25" s="919">
        <v>1</v>
      </c>
      <c r="K25" s="903">
        <v>6</v>
      </c>
      <c r="L25" s="902">
        <v>0</v>
      </c>
      <c r="M25" s="902"/>
      <c r="N25" s="902"/>
      <c r="O25" s="903" t="s">
        <v>3886</v>
      </c>
      <c r="P25" s="926"/>
      <c r="Q25" s="903"/>
    </row>
    <row r="26" spans="1:16357" s="908" customFormat="1" ht="120" customHeight="1">
      <c r="A26" s="912">
        <f t="shared" si="0"/>
        <v>12</v>
      </c>
      <c r="B26" s="902" t="s">
        <v>3887</v>
      </c>
      <c r="C26" s="902" t="s">
        <v>27</v>
      </c>
      <c r="D26" s="902" t="s">
        <v>3888</v>
      </c>
      <c r="E26" s="902" t="s">
        <v>3889</v>
      </c>
      <c r="F26" s="918">
        <v>44664</v>
      </c>
      <c r="G26" s="902"/>
      <c r="H26" s="902" t="s">
        <v>10</v>
      </c>
      <c r="I26" s="1086"/>
      <c r="J26" s="919">
        <v>1</v>
      </c>
      <c r="K26" s="903">
        <v>6</v>
      </c>
      <c r="L26" s="902" t="s">
        <v>1658</v>
      </c>
      <c r="M26" s="902"/>
      <c r="N26" s="902"/>
      <c r="O26" s="903" t="s">
        <v>3890</v>
      </c>
      <c r="P26" s="920"/>
      <c r="Q26" s="903"/>
    </row>
    <row r="27" spans="1:16357" s="908" customFormat="1" ht="120" customHeight="1">
      <c r="A27" s="912">
        <f t="shared" si="0"/>
        <v>13</v>
      </c>
      <c r="B27" s="902" t="s">
        <v>3891</v>
      </c>
      <c r="C27" s="902" t="s">
        <v>27</v>
      </c>
      <c r="D27" s="902" t="s">
        <v>3833</v>
      </c>
      <c r="E27" s="902" t="s">
        <v>3834</v>
      </c>
      <c r="F27" s="918">
        <v>44482</v>
      </c>
      <c r="G27" s="902"/>
      <c r="H27" s="902" t="s">
        <v>10</v>
      </c>
      <c r="I27" s="1086"/>
      <c r="J27" s="919">
        <v>1</v>
      </c>
      <c r="K27" s="903">
        <v>6</v>
      </c>
      <c r="L27" s="902">
        <v>0</v>
      </c>
      <c r="M27" s="902"/>
      <c r="N27" s="902"/>
      <c r="O27" s="903" t="s">
        <v>3892</v>
      </c>
      <c r="P27" s="926"/>
      <c r="Q27" s="903"/>
    </row>
    <row r="28" spans="1:16357" s="908" customFormat="1" ht="120" customHeight="1">
      <c r="A28" s="912">
        <f t="shared" si="0"/>
        <v>14</v>
      </c>
      <c r="B28" s="903" t="s">
        <v>3893</v>
      </c>
      <c r="C28" s="910" t="s">
        <v>27</v>
      </c>
      <c r="D28" s="903" t="s">
        <v>3894</v>
      </c>
      <c r="E28" s="902" t="s">
        <v>1184</v>
      </c>
      <c r="F28" s="914">
        <v>44351</v>
      </c>
      <c r="G28" s="915"/>
      <c r="H28" s="902" t="s">
        <v>10</v>
      </c>
      <c r="I28" s="1086"/>
      <c r="J28" s="903">
        <v>1</v>
      </c>
      <c r="K28" s="903">
        <v>6</v>
      </c>
      <c r="L28" s="903">
        <v>0</v>
      </c>
      <c r="M28" s="903"/>
      <c r="N28" s="903"/>
      <c r="O28" s="916"/>
      <c r="P28" s="916"/>
      <c r="Q28" s="917"/>
    </row>
    <row r="29" spans="1:16357" s="908" customFormat="1" ht="120" customHeight="1">
      <c r="A29" s="912">
        <f t="shared" si="0"/>
        <v>15</v>
      </c>
      <c r="B29" s="902" t="s">
        <v>3895</v>
      </c>
      <c r="C29" s="902" t="s">
        <v>15</v>
      </c>
      <c r="D29" s="902" t="s">
        <v>3896</v>
      </c>
      <c r="E29" s="902" t="s">
        <v>3897</v>
      </c>
      <c r="F29" s="918">
        <v>40233</v>
      </c>
      <c r="G29" s="903" t="s">
        <v>3898</v>
      </c>
      <c r="H29" s="902" t="s">
        <v>10</v>
      </c>
      <c r="I29" s="1086"/>
      <c r="J29" s="919">
        <v>1</v>
      </c>
      <c r="K29" s="903">
        <v>6</v>
      </c>
      <c r="L29" s="902" t="s">
        <v>975</v>
      </c>
      <c r="M29" s="902"/>
      <c r="N29" s="902"/>
      <c r="O29" s="903" t="s">
        <v>3899</v>
      </c>
      <c r="P29" s="926"/>
      <c r="Q29" s="903"/>
    </row>
    <row r="30" spans="1:16357" s="908" customFormat="1" ht="120" customHeight="1">
      <c r="A30" s="912">
        <f t="shared" si="0"/>
        <v>16</v>
      </c>
      <c r="B30" s="903" t="s">
        <v>3900</v>
      </c>
      <c r="C30" s="910" t="s">
        <v>15</v>
      </c>
      <c r="D30" s="902" t="s">
        <v>3901</v>
      </c>
      <c r="E30" s="913" t="s">
        <v>3902</v>
      </c>
      <c r="F30" s="918">
        <v>41999</v>
      </c>
      <c r="G30" s="903" t="s">
        <v>3903</v>
      </c>
      <c r="H30" s="910" t="s">
        <v>10</v>
      </c>
      <c r="I30" s="1085"/>
      <c r="J30" s="910">
        <v>1</v>
      </c>
      <c r="K30" s="910">
        <v>6</v>
      </c>
      <c r="L30" s="910">
        <v>1</v>
      </c>
      <c r="M30" s="910"/>
      <c r="N30" s="910"/>
      <c r="O30" s="910"/>
      <c r="P30" s="920"/>
      <c r="Q30" s="903"/>
    </row>
    <row r="31" spans="1:16357" s="908" customFormat="1" ht="120" customHeight="1">
      <c r="A31" s="912">
        <f t="shared" si="0"/>
        <v>17</v>
      </c>
      <c r="B31" s="902" t="s">
        <v>3904</v>
      </c>
      <c r="C31" s="902" t="s">
        <v>15</v>
      </c>
      <c r="D31" s="902" t="s">
        <v>3905</v>
      </c>
      <c r="E31" s="902" t="s">
        <v>3906</v>
      </c>
      <c r="F31" s="918">
        <v>37452</v>
      </c>
      <c r="G31" s="902" t="s">
        <v>3907</v>
      </c>
      <c r="H31" s="902" t="s">
        <v>10</v>
      </c>
      <c r="I31" s="1086"/>
      <c r="J31" s="919">
        <v>1</v>
      </c>
      <c r="K31" s="903">
        <v>6</v>
      </c>
      <c r="L31" s="902" t="s">
        <v>975</v>
      </c>
      <c r="M31" s="902"/>
      <c r="N31" s="902"/>
      <c r="O31" s="903" t="s">
        <v>3899</v>
      </c>
      <c r="P31" s="920"/>
      <c r="Q31" s="903"/>
    </row>
    <row r="32" spans="1:16357" s="908" customFormat="1" ht="120" customHeight="1">
      <c r="A32" s="912">
        <f t="shared" si="0"/>
        <v>18</v>
      </c>
      <c r="B32" s="902" t="s">
        <v>3908</v>
      </c>
      <c r="C32" s="902" t="s">
        <v>15</v>
      </c>
      <c r="D32" s="902" t="s">
        <v>3909</v>
      </c>
      <c r="E32" s="902" t="s">
        <v>3910</v>
      </c>
      <c r="F32" s="918">
        <v>38376</v>
      </c>
      <c r="G32" s="918" t="s">
        <v>136</v>
      </c>
      <c r="H32" s="902" t="s">
        <v>10</v>
      </c>
      <c r="I32" s="1086"/>
      <c r="J32" s="919">
        <v>1</v>
      </c>
      <c r="K32" s="903">
        <v>8</v>
      </c>
      <c r="L32" s="902" t="s">
        <v>975</v>
      </c>
      <c r="M32" s="902"/>
      <c r="N32" s="902"/>
      <c r="O32" s="903" t="s">
        <v>3857</v>
      </c>
      <c r="P32" s="920"/>
      <c r="Q32" s="903"/>
    </row>
    <row r="33" spans="1:16357" s="908" customFormat="1" ht="120" customHeight="1">
      <c r="A33" s="912">
        <f t="shared" si="0"/>
        <v>19</v>
      </c>
      <c r="B33" s="902" t="s">
        <v>3911</v>
      </c>
      <c r="C33" s="902" t="s">
        <v>15</v>
      </c>
      <c r="D33" s="902" t="s">
        <v>3909</v>
      </c>
      <c r="E33" s="902" t="s">
        <v>3910</v>
      </c>
      <c r="F33" s="918">
        <v>38376</v>
      </c>
      <c r="G33" s="918" t="s">
        <v>136</v>
      </c>
      <c r="H33" s="902" t="s">
        <v>10</v>
      </c>
      <c r="I33" s="1086"/>
      <c r="J33" s="919">
        <v>4</v>
      </c>
      <c r="K33" s="903">
        <v>20</v>
      </c>
      <c r="L33" s="902">
        <v>1</v>
      </c>
      <c r="M33" s="902"/>
      <c r="N33" s="902"/>
      <c r="O33" s="903" t="s">
        <v>3879</v>
      </c>
      <c r="P33" s="926"/>
      <c r="Q33" s="903"/>
    </row>
    <row r="34" spans="1:16357" s="908" customFormat="1" ht="120" customHeight="1">
      <c r="A34" s="912">
        <f t="shared" si="0"/>
        <v>20</v>
      </c>
      <c r="B34" s="902" t="s">
        <v>3912</v>
      </c>
      <c r="C34" s="902" t="s">
        <v>15</v>
      </c>
      <c r="D34" s="902" t="s">
        <v>3913</v>
      </c>
      <c r="E34" s="902" t="s">
        <v>3914</v>
      </c>
      <c r="F34" s="918">
        <v>42885</v>
      </c>
      <c r="G34" s="918" t="s">
        <v>1479</v>
      </c>
      <c r="H34" s="902" t="s">
        <v>10</v>
      </c>
      <c r="I34" s="1086"/>
      <c r="J34" s="919">
        <v>1</v>
      </c>
      <c r="K34" s="903">
        <v>6</v>
      </c>
      <c r="L34" s="902" t="s">
        <v>975</v>
      </c>
      <c r="M34" s="902"/>
      <c r="N34" s="902"/>
      <c r="O34" s="903" t="s">
        <v>3857</v>
      </c>
      <c r="P34" s="920"/>
      <c r="Q34" s="903"/>
    </row>
    <row r="35" spans="1:16357" s="908" customFormat="1" ht="120" customHeight="1">
      <c r="A35" s="912">
        <f t="shared" si="0"/>
        <v>21</v>
      </c>
      <c r="B35" s="902" t="s">
        <v>3915</v>
      </c>
      <c r="C35" s="902" t="s">
        <v>15</v>
      </c>
      <c r="D35" s="902" t="s">
        <v>3916</v>
      </c>
      <c r="E35" s="902" t="s">
        <v>3917</v>
      </c>
      <c r="F35" s="918">
        <v>43355</v>
      </c>
      <c r="G35" s="918" t="s">
        <v>63</v>
      </c>
      <c r="H35" s="902" t="s">
        <v>10</v>
      </c>
      <c r="I35" s="1086"/>
      <c r="J35" s="919">
        <v>1</v>
      </c>
      <c r="K35" s="903">
        <v>6</v>
      </c>
      <c r="L35" s="902">
        <v>1</v>
      </c>
      <c r="M35" s="902"/>
      <c r="N35" s="902"/>
      <c r="O35" s="903" t="s">
        <v>3857</v>
      </c>
      <c r="P35" s="920"/>
      <c r="Q35" s="903"/>
    </row>
    <row r="36" spans="1:16357" s="908" customFormat="1" ht="120" customHeight="1">
      <c r="A36" s="912">
        <f t="shared" si="0"/>
        <v>22</v>
      </c>
      <c r="B36" s="902" t="s">
        <v>3918</v>
      </c>
      <c r="C36" s="902" t="s">
        <v>15</v>
      </c>
      <c r="D36" s="902" t="s">
        <v>3916</v>
      </c>
      <c r="E36" s="902" t="s">
        <v>3917</v>
      </c>
      <c r="F36" s="918">
        <v>43355</v>
      </c>
      <c r="G36" s="918" t="s">
        <v>63</v>
      </c>
      <c r="H36" s="902" t="s">
        <v>10</v>
      </c>
      <c r="I36" s="1086"/>
      <c r="J36" s="919">
        <v>2</v>
      </c>
      <c r="K36" s="903">
        <v>16</v>
      </c>
      <c r="L36" s="902">
        <v>1</v>
      </c>
      <c r="M36" s="902"/>
      <c r="N36" s="902"/>
      <c r="O36" s="903" t="s">
        <v>3919</v>
      </c>
      <c r="P36" s="926"/>
      <c r="Q36" s="903"/>
    </row>
    <row r="37" spans="1:16357" s="908" customFormat="1" ht="120" customHeight="1">
      <c r="A37" s="912">
        <f t="shared" si="0"/>
        <v>23</v>
      </c>
      <c r="B37" s="902" t="s">
        <v>3920</v>
      </c>
      <c r="C37" s="902" t="s">
        <v>15</v>
      </c>
      <c r="D37" s="902" t="s">
        <v>3921</v>
      </c>
      <c r="E37" s="902" t="s">
        <v>3922</v>
      </c>
      <c r="F37" s="918">
        <v>42626</v>
      </c>
      <c r="G37" s="903" t="s">
        <v>3898</v>
      </c>
      <c r="H37" s="902" t="s">
        <v>10</v>
      </c>
      <c r="I37" s="1086"/>
      <c r="J37" s="919">
        <v>1</v>
      </c>
      <c r="K37" s="903">
        <v>6</v>
      </c>
      <c r="L37" s="902" t="s">
        <v>975</v>
      </c>
      <c r="M37" s="902"/>
      <c r="N37" s="902"/>
      <c r="O37" s="903" t="s">
        <v>3857</v>
      </c>
      <c r="P37" s="926"/>
      <c r="Q37" s="903" t="s">
        <v>3923</v>
      </c>
    </row>
    <row r="38" spans="1:16357" s="908" customFormat="1" ht="120" customHeight="1">
      <c r="A38" s="912">
        <f t="shared" si="0"/>
        <v>24</v>
      </c>
      <c r="B38" s="902" t="s">
        <v>3924</v>
      </c>
      <c r="C38" s="902" t="s">
        <v>15</v>
      </c>
      <c r="D38" s="902" t="s">
        <v>3925</v>
      </c>
      <c r="E38" s="902" t="s">
        <v>3926</v>
      </c>
      <c r="F38" s="918">
        <v>43972</v>
      </c>
      <c r="G38" s="902" t="s">
        <v>3927</v>
      </c>
      <c r="H38" s="902" t="s">
        <v>10</v>
      </c>
      <c r="I38" s="1086"/>
      <c r="J38" s="919">
        <v>1</v>
      </c>
      <c r="K38" s="903">
        <v>6</v>
      </c>
      <c r="L38" s="902" t="s">
        <v>975</v>
      </c>
      <c r="M38" s="902"/>
      <c r="N38" s="902"/>
      <c r="O38" s="903" t="s">
        <v>3890</v>
      </c>
      <c r="P38" s="926"/>
      <c r="Q38" s="903"/>
    </row>
    <row r="39" spans="1:16357" s="908" customFormat="1" ht="120" customHeight="1">
      <c r="A39" s="912">
        <f t="shared" si="0"/>
        <v>25</v>
      </c>
      <c r="B39" s="902" t="s">
        <v>3928</v>
      </c>
      <c r="C39" s="902" t="s">
        <v>15</v>
      </c>
      <c r="D39" s="902" t="s">
        <v>2928</v>
      </c>
      <c r="E39" s="902" t="s">
        <v>2927</v>
      </c>
      <c r="F39" s="918">
        <v>39233</v>
      </c>
      <c r="G39" s="902" t="s">
        <v>3929</v>
      </c>
      <c r="H39" s="902" t="s">
        <v>10</v>
      </c>
      <c r="I39" s="1086"/>
      <c r="J39" s="919">
        <v>1</v>
      </c>
      <c r="K39" s="903">
        <v>6</v>
      </c>
      <c r="L39" s="902" t="s">
        <v>975</v>
      </c>
      <c r="M39" s="902"/>
      <c r="N39" s="902"/>
      <c r="O39" s="903" t="s">
        <v>3890</v>
      </c>
      <c r="P39" s="916"/>
      <c r="Q39" s="903"/>
      <c r="R39" s="927"/>
      <c r="S39" s="927"/>
      <c r="T39" s="927"/>
      <c r="U39" s="927"/>
      <c r="V39" s="927"/>
      <c r="W39" s="927"/>
      <c r="X39" s="927"/>
      <c r="Y39" s="927"/>
      <c r="Z39" s="927"/>
      <c r="AA39" s="927"/>
      <c r="AB39" s="927"/>
      <c r="AC39" s="927"/>
      <c r="AD39" s="927"/>
      <c r="AE39" s="927"/>
      <c r="AF39" s="927"/>
      <c r="AG39" s="927"/>
      <c r="AH39" s="927"/>
      <c r="AI39" s="927"/>
      <c r="AJ39" s="927"/>
      <c r="AK39" s="927"/>
      <c r="AL39" s="927"/>
      <c r="AM39" s="927"/>
      <c r="AN39" s="927"/>
      <c r="AO39" s="927"/>
      <c r="AP39" s="927"/>
      <c r="AQ39" s="927"/>
      <c r="AR39" s="927"/>
      <c r="AS39" s="927"/>
      <c r="AT39" s="927"/>
      <c r="AU39" s="927"/>
      <c r="AV39" s="927" t="s">
        <v>3816</v>
      </c>
      <c r="AW39" s="927" t="s">
        <v>3816</v>
      </c>
      <c r="AX39" s="927" t="s">
        <v>3816</v>
      </c>
      <c r="AY39" s="927" t="s">
        <v>3816</v>
      </c>
      <c r="AZ39" s="927" t="s">
        <v>3816</v>
      </c>
      <c r="BA39" s="927" t="s">
        <v>3816</v>
      </c>
      <c r="BB39" s="927" t="s">
        <v>3816</v>
      </c>
      <c r="BC39" s="927" t="s">
        <v>3816</v>
      </c>
      <c r="BD39" s="927" t="s">
        <v>3816</v>
      </c>
      <c r="BE39" s="927" t="s">
        <v>3816</v>
      </c>
      <c r="BF39" s="927" t="s">
        <v>3816</v>
      </c>
      <c r="BG39" s="927" t="s">
        <v>3816</v>
      </c>
      <c r="BH39" s="927" t="s">
        <v>3816</v>
      </c>
      <c r="BI39" s="927" t="s">
        <v>3816</v>
      </c>
      <c r="BJ39" s="927" t="s">
        <v>3816</v>
      </c>
      <c r="BK39" s="927" t="s">
        <v>3816</v>
      </c>
      <c r="BL39" s="927" t="s">
        <v>3816</v>
      </c>
      <c r="BM39" s="927" t="s">
        <v>3816</v>
      </c>
      <c r="BN39" s="927" t="s">
        <v>3816</v>
      </c>
      <c r="BO39" s="927" t="s">
        <v>3816</v>
      </c>
      <c r="BP39" s="927" t="s">
        <v>3816</v>
      </c>
      <c r="BQ39" s="927" t="s">
        <v>3816</v>
      </c>
      <c r="BR39" s="927" t="s">
        <v>3816</v>
      </c>
      <c r="BS39" s="927" t="s">
        <v>3816</v>
      </c>
      <c r="BT39" s="927" t="s">
        <v>3816</v>
      </c>
      <c r="BU39" s="927" t="s">
        <v>3816</v>
      </c>
      <c r="BV39" s="927" t="s">
        <v>3816</v>
      </c>
      <c r="BW39" s="927" t="s">
        <v>3816</v>
      </c>
      <c r="BX39" s="927" t="s">
        <v>3816</v>
      </c>
      <c r="BY39" s="927" t="s">
        <v>3816</v>
      </c>
      <c r="BZ39" s="927" t="s">
        <v>3816</v>
      </c>
      <c r="CA39" s="927" t="s">
        <v>3816</v>
      </c>
      <c r="CB39" s="927" t="s">
        <v>3816</v>
      </c>
      <c r="CC39" s="927" t="s">
        <v>3816</v>
      </c>
      <c r="CD39" s="927" t="s">
        <v>3816</v>
      </c>
      <c r="CE39" s="927" t="s">
        <v>3816</v>
      </c>
      <c r="CF39" s="927" t="s">
        <v>3816</v>
      </c>
      <c r="CG39" s="927" t="s">
        <v>3816</v>
      </c>
      <c r="CH39" s="927" t="s">
        <v>3816</v>
      </c>
      <c r="CI39" s="927" t="s">
        <v>3816</v>
      </c>
      <c r="CJ39" s="927" t="s">
        <v>3816</v>
      </c>
      <c r="CK39" s="927" t="s">
        <v>3816</v>
      </c>
      <c r="CL39" s="927" t="s">
        <v>3816</v>
      </c>
      <c r="CM39" s="927" t="s">
        <v>3816</v>
      </c>
      <c r="CN39" s="927" t="s">
        <v>3816</v>
      </c>
      <c r="CO39" s="927" t="s">
        <v>3816</v>
      </c>
      <c r="CP39" s="927" t="s">
        <v>3816</v>
      </c>
      <c r="CQ39" s="927" t="s">
        <v>3816</v>
      </c>
      <c r="CR39" s="927" t="s">
        <v>3816</v>
      </c>
      <c r="CS39" s="927" t="s">
        <v>3816</v>
      </c>
      <c r="CT39" s="927" t="s">
        <v>3816</v>
      </c>
      <c r="CU39" s="927" t="s">
        <v>3816</v>
      </c>
      <c r="CV39" s="927" t="s">
        <v>3816</v>
      </c>
      <c r="CW39" s="927" t="s">
        <v>3816</v>
      </c>
      <c r="CX39" s="927" t="s">
        <v>3816</v>
      </c>
      <c r="CY39" s="927" t="s">
        <v>3816</v>
      </c>
      <c r="CZ39" s="927" t="s">
        <v>3816</v>
      </c>
      <c r="DA39" s="927" t="s">
        <v>3816</v>
      </c>
      <c r="DB39" s="927" t="s">
        <v>3816</v>
      </c>
      <c r="DC39" s="927" t="s">
        <v>3816</v>
      </c>
      <c r="DD39" s="927" t="s">
        <v>3816</v>
      </c>
      <c r="DE39" s="927" t="s">
        <v>3816</v>
      </c>
      <c r="DF39" s="927" t="s">
        <v>3816</v>
      </c>
      <c r="DG39" s="927" t="s">
        <v>3816</v>
      </c>
      <c r="DH39" s="927" t="s">
        <v>3816</v>
      </c>
      <c r="DI39" s="927" t="s">
        <v>3816</v>
      </c>
      <c r="DJ39" s="927" t="s">
        <v>3816</v>
      </c>
      <c r="DK39" s="927" t="s">
        <v>3816</v>
      </c>
      <c r="DL39" s="927" t="s">
        <v>3816</v>
      </c>
      <c r="DM39" s="927" t="s">
        <v>3816</v>
      </c>
      <c r="DN39" s="927" t="s">
        <v>3816</v>
      </c>
      <c r="DO39" s="927" t="s">
        <v>3816</v>
      </c>
      <c r="DP39" s="927" t="s">
        <v>3816</v>
      </c>
      <c r="DQ39" s="927" t="s">
        <v>3816</v>
      </c>
      <c r="DR39" s="927" t="s">
        <v>3816</v>
      </c>
      <c r="DS39" s="927" t="s">
        <v>3816</v>
      </c>
      <c r="DT39" s="927" t="s">
        <v>3816</v>
      </c>
      <c r="DU39" s="927" t="s">
        <v>3816</v>
      </c>
      <c r="DV39" s="927" t="s">
        <v>3816</v>
      </c>
      <c r="DW39" s="927" t="s">
        <v>3816</v>
      </c>
      <c r="DX39" s="927" t="s">
        <v>3816</v>
      </c>
      <c r="DY39" s="927" t="s">
        <v>3816</v>
      </c>
      <c r="DZ39" s="927" t="s">
        <v>3816</v>
      </c>
      <c r="EA39" s="927" t="s">
        <v>3816</v>
      </c>
      <c r="EB39" s="927" t="s">
        <v>3816</v>
      </c>
      <c r="EC39" s="927" t="s">
        <v>3816</v>
      </c>
      <c r="ED39" s="927" t="s">
        <v>3816</v>
      </c>
      <c r="EE39" s="927" t="s">
        <v>3816</v>
      </c>
      <c r="EF39" s="927" t="s">
        <v>3816</v>
      </c>
      <c r="EG39" s="927" t="s">
        <v>3816</v>
      </c>
      <c r="EH39" s="927" t="s">
        <v>3816</v>
      </c>
      <c r="EI39" s="927" t="s">
        <v>3816</v>
      </c>
      <c r="EJ39" s="927" t="s">
        <v>3816</v>
      </c>
      <c r="EK39" s="927" t="s">
        <v>3816</v>
      </c>
      <c r="EL39" s="927" t="s">
        <v>3816</v>
      </c>
      <c r="EM39" s="927" t="s">
        <v>3816</v>
      </c>
      <c r="EN39" s="927" t="s">
        <v>3816</v>
      </c>
      <c r="EO39" s="927" t="s">
        <v>3816</v>
      </c>
      <c r="EP39" s="927" t="s">
        <v>3816</v>
      </c>
      <c r="EQ39" s="927" t="s">
        <v>3816</v>
      </c>
      <c r="ER39" s="927" t="s">
        <v>3816</v>
      </c>
      <c r="ES39" s="927" t="s">
        <v>3816</v>
      </c>
      <c r="ET39" s="927" t="s">
        <v>3816</v>
      </c>
      <c r="EU39" s="927" t="s">
        <v>3816</v>
      </c>
      <c r="EV39" s="927" t="s">
        <v>3816</v>
      </c>
      <c r="EW39" s="927" t="s">
        <v>3816</v>
      </c>
      <c r="EX39" s="927" t="s">
        <v>3816</v>
      </c>
      <c r="EY39" s="927" t="s">
        <v>3816</v>
      </c>
      <c r="EZ39" s="927" t="s">
        <v>3816</v>
      </c>
      <c r="FA39" s="927" t="s">
        <v>3816</v>
      </c>
      <c r="FB39" s="927" t="s">
        <v>3816</v>
      </c>
      <c r="FC39" s="927" t="s">
        <v>3816</v>
      </c>
      <c r="FD39" s="927" t="s">
        <v>3816</v>
      </c>
      <c r="FE39" s="927" t="s">
        <v>3816</v>
      </c>
      <c r="FF39" s="927" t="s">
        <v>3816</v>
      </c>
      <c r="FG39" s="927" t="s">
        <v>3816</v>
      </c>
      <c r="FH39" s="927" t="s">
        <v>3816</v>
      </c>
      <c r="FI39" s="927" t="s">
        <v>3816</v>
      </c>
      <c r="FJ39" s="927" t="s">
        <v>3816</v>
      </c>
      <c r="FK39" s="927" t="s">
        <v>3816</v>
      </c>
      <c r="FL39" s="927" t="s">
        <v>3816</v>
      </c>
      <c r="FM39" s="927" t="s">
        <v>3816</v>
      </c>
      <c r="FN39" s="927" t="s">
        <v>3816</v>
      </c>
      <c r="FO39" s="927" t="s">
        <v>3816</v>
      </c>
      <c r="FP39" s="927" t="s">
        <v>3816</v>
      </c>
      <c r="FQ39" s="927" t="s">
        <v>3816</v>
      </c>
      <c r="FR39" s="927" t="s">
        <v>3816</v>
      </c>
      <c r="FS39" s="927" t="s">
        <v>3816</v>
      </c>
      <c r="FT39" s="927" t="s">
        <v>3816</v>
      </c>
      <c r="FU39" s="927" t="s">
        <v>3816</v>
      </c>
      <c r="FV39" s="927" t="s">
        <v>3816</v>
      </c>
      <c r="FW39" s="927" t="s">
        <v>3816</v>
      </c>
      <c r="FX39" s="927" t="s">
        <v>3816</v>
      </c>
      <c r="FY39" s="927" t="s">
        <v>3816</v>
      </c>
      <c r="FZ39" s="927" t="s">
        <v>3816</v>
      </c>
      <c r="GA39" s="927" t="s">
        <v>3816</v>
      </c>
      <c r="GB39" s="927" t="s">
        <v>3816</v>
      </c>
      <c r="GC39" s="927" t="s">
        <v>3816</v>
      </c>
      <c r="GD39" s="927" t="s">
        <v>3816</v>
      </c>
      <c r="GE39" s="927" t="s">
        <v>3816</v>
      </c>
      <c r="GF39" s="927" t="s">
        <v>3816</v>
      </c>
      <c r="GG39" s="927" t="s">
        <v>3816</v>
      </c>
      <c r="GH39" s="927" t="s">
        <v>3816</v>
      </c>
      <c r="GI39" s="927" t="s">
        <v>3816</v>
      </c>
      <c r="GJ39" s="927" t="s">
        <v>3816</v>
      </c>
      <c r="GK39" s="927" t="s">
        <v>3816</v>
      </c>
      <c r="GL39" s="927" t="s">
        <v>3816</v>
      </c>
      <c r="GM39" s="927" t="s">
        <v>3816</v>
      </c>
      <c r="GN39" s="927" t="s">
        <v>3816</v>
      </c>
      <c r="GO39" s="927" t="s">
        <v>3816</v>
      </c>
      <c r="GP39" s="927" t="s">
        <v>3816</v>
      </c>
      <c r="GQ39" s="927" t="s">
        <v>3816</v>
      </c>
      <c r="GR39" s="927" t="s">
        <v>3816</v>
      </c>
      <c r="GS39" s="927" t="s">
        <v>3816</v>
      </c>
      <c r="GT39" s="927" t="s">
        <v>3816</v>
      </c>
      <c r="GU39" s="927" t="s">
        <v>3816</v>
      </c>
      <c r="GV39" s="927" t="s">
        <v>3816</v>
      </c>
      <c r="GW39" s="927" t="s">
        <v>3816</v>
      </c>
      <c r="GX39" s="927" t="s">
        <v>3816</v>
      </c>
      <c r="GY39" s="927" t="s">
        <v>3816</v>
      </c>
      <c r="GZ39" s="927" t="s">
        <v>3816</v>
      </c>
      <c r="HA39" s="927" t="s">
        <v>3816</v>
      </c>
      <c r="HB39" s="927" t="s">
        <v>3816</v>
      </c>
      <c r="HC39" s="927" t="s">
        <v>3816</v>
      </c>
      <c r="HD39" s="927" t="s">
        <v>3816</v>
      </c>
      <c r="HE39" s="927" t="s">
        <v>3816</v>
      </c>
      <c r="HF39" s="927" t="s">
        <v>3816</v>
      </c>
      <c r="HG39" s="927" t="s">
        <v>3816</v>
      </c>
      <c r="HH39" s="927" t="s">
        <v>3816</v>
      </c>
      <c r="HI39" s="927" t="s">
        <v>3816</v>
      </c>
      <c r="HJ39" s="927" t="s">
        <v>3816</v>
      </c>
      <c r="HK39" s="927" t="s">
        <v>3816</v>
      </c>
      <c r="HL39" s="927" t="s">
        <v>3816</v>
      </c>
      <c r="HM39" s="927" t="s">
        <v>3816</v>
      </c>
      <c r="HN39" s="927" t="s">
        <v>3816</v>
      </c>
      <c r="HO39" s="927" t="s">
        <v>3816</v>
      </c>
      <c r="HP39" s="927" t="s">
        <v>3816</v>
      </c>
      <c r="HQ39" s="927" t="s">
        <v>3816</v>
      </c>
      <c r="HR39" s="927" t="s">
        <v>3816</v>
      </c>
      <c r="HS39" s="927" t="s">
        <v>3816</v>
      </c>
      <c r="HT39" s="927" t="s">
        <v>3816</v>
      </c>
      <c r="HU39" s="927" t="s">
        <v>3816</v>
      </c>
      <c r="HV39" s="927" t="s">
        <v>3816</v>
      </c>
      <c r="HW39" s="927" t="s">
        <v>3816</v>
      </c>
      <c r="HX39" s="927" t="s">
        <v>3816</v>
      </c>
      <c r="HY39" s="927" t="s">
        <v>3816</v>
      </c>
      <c r="HZ39" s="927" t="s">
        <v>3816</v>
      </c>
      <c r="IA39" s="927" t="s">
        <v>3816</v>
      </c>
      <c r="IB39" s="927" t="s">
        <v>3816</v>
      </c>
      <c r="IC39" s="927" t="s">
        <v>3816</v>
      </c>
      <c r="ID39" s="927" t="s">
        <v>3816</v>
      </c>
      <c r="IE39" s="927" t="s">
        <v>3816</v>
      </c>
      <c r="IF39" s="927" t="s">
        <v>3816</v>
      </c>
      <c r="IG39" s="927" t="s">
        <v>3816</v>
      </c>
      <c r="IH39" s="927" t="s">
        <v>3816</v>
      </c>
      <c r="II39" s="927" t="s">
        <v>3816</v>
      </c>
      <c r="IJ39" s="927" t="s">
        <v>3816</v>
      </c>
      <c r="IK39" s="927" t="s">
        <v>3816</v>
      </c>
      <c r="IL39" s="927" t="s">
        <v>3816</v>
      </c>
      <c r="IM39" s="927" t="s">
        <v>3816</v>
      </c>
      <c r="IN39" s="927" t="s">
        <v>3816</v>
      </c>
      <c r="IO39" s="927" t="s">
        <v>3816</v>
      </c>
      <c r="IP39" s="927" t="s">
        <v>3816</v>
      </c>
      <c r="IQ39" s="927" t="s">
        <v>3816</v>
      </c>
      <c r="IR39" s="927" t="s">
        <v>3816</v>
      </c>
      <c r="IS39" s="927" t="s">
        <v>3816</v>
      </c>
      <c r="IT39" s="927" t="s">
        <v>3816</v>
      </c>
      <c r="IU39" s="927" t="s">
        <v>3816</v>
      </c>
      <c r="IV39" s="927" t="s">
        <v>3816</v>
      </c>
      <c r="IW39" s="927" t="s">
        <v>3816</v>
      </c>
      <c r="IX39" s="927" t="s">
        <v>3816</v>
      </c>
      <c r="IY39" s="927" t="s">
        <v>3816</v>
      </c>
      <c r="IZ39" s="927" t="s">
        <v>3816</v>
      </c>
      <c r="JA39" s="927" t="s">
        <v>3816</v>
      </c>
      <c r="JB39" s="927" t="s">
        <v>3816</v>
      </c>
      <c r="JC39" s="927" t="s">
        <v>3816</v>
      </c>
      <c r="JD39" s="927" t="s">
        <v>3816</v>
      </c>
      <c r="JE39" s="927" t="s">
        <v>3816</v>
      </c>
      <c r="JF39" s="927" t="s">
        <v>3816</v>
      </c>
      <c r="JG39" s="927" t="s">
        <v>3816</v>
      </c>
      <c r="JH39" s="927" t="s">
        <v>3816</v>
      </c>
      <c r="JI39" s="927" t="s">
        <v>3816</v>
      </c>
      <c r="JJ39" s="927" t="s">
        <v>3816</v>
      </c>
      <c r="JK39" s="927" t="s">
        <v>3816</v>
      </c>
      <c r="JL39" s="927" t="s">
        <v>3816</v>
      </c>
      <c r="JM39" s="927" t="s">
        <v>3816</v>
      </c>
      <c r="JN39" s="927" t="s">
        <v>3816</v>
      </c>
      <c r="JO39" s="927" t="s">
        <v>3816</v>
      </c>
      <c r="JP39" s="927" t="s">
        <v>3816</v>
      </c>
      <c r="JQ39" s="927" t="s">
        <v>3816</v>
      </c>
      <c r="JR39" s="927" t="s">
        <v>3816</v>
      </c>
      <c r="JS39" s="927" t="s">
        <v>3816</v>
      </c>
      <c r="JT39" s="927" t="s">
        <v>3816</v>
      </c>
      <c r="JU39" s="927" t="s">
        <v>3816</v>
      </c>
      <c r="JV39" s="927" t="s">
        <v>3816</v>
      </c>
      <c r="JW39" s="927" t="s">
        <v>3816</v>
      </c>
      <c r="JX39" s="927" t="s">
        <v>3816</v>
      </c>
      <c r="JY39" s="927" t="s">
        <v>3816</v>
      </c>
      <c r="JZ39" s="927" t="s">
        <v>3816</v>
      </c>
      <c r="KA39" s="927" t="s">
        <v>3816</v>
      </c>
      <c r="KB39" s="927" t="s">
        <v>3816</v>
      </c>
      <c r="KC39" s="927" t="s">
        <v>3816</v>
      </c>
      <c r="KD39" s="927" t="s">
        <v>3816</v>
      </c>
      <c r="KE39" s="927" t="s">
        <v>3816</v>
      </c>
      <c r="KF39" s="927" t="s">
        <v>3816</v>
      </c>
      <c r="KG39" s="927" t="s">
        <v>3816</v>
      </c>
      <c r="KH39" s="927" t="s">
        <v>3816</v>
      </c>
      <c r="KI39" s="927" t="s">
        <v>3816</v>
      </c>
      <c r="KJ39" s="927" t="s">
        <v>3816</v>
      </c>
      <c r="KK39" s="927" t="s">
        <v>3816</v>
      </c>
      <c r="KL39" s="927" t="s">
        <v>3816</v>
      </c>
      <c r="KM39" s="927" t="s">
        <v>3816</v>
      </c>
      <c r="KN39" s="927" t="s">
        <v>3816</v>
      </c>
      <c r="KO39" s="927" t="s">
        <v>3816</v>
      </c>
      <c r="KP39" s="927" t="s">
        <v>3816</v>
      </c>
      <c r="KQ39" s="927" t="s">
        <v>3816</v>
      </c>
      <c r="KR39" s="927" t="s">
        <v>3816</v>
      </c>
      <c r="KS39" s="927" t="s">
        <v>3816</v>
      </c>
      <c r="KT39" s="927" t="s">
        <v>3816</v>
      </c>
      <c r="KU39" s="927" t="s">
        <v>3816</v>
      </c>
      <c r="KV39" s="927" t="s">
        <v>3816</v>
      </c>
      <c r="KW39" s="927" t="s">
        <v>3816</v>
      </c>
      <c r="KX39" s="927" t="s">
        <v>3816</v>
      </c>
      <c r="KY39" s="927" t="s">
        <v>3816</v>
      </c>
      <c r="KZ39" s="927" t="s">
        <v>3816</v>
      </c>
      <c r="LA39" s="927" t="s">
        <v>3816</v>
      </c>
      <c r="LB39" s="927" t="s">
        <v>3816</v>
      </c>
      <c r="LC39" s="927" t="s">
        <v>3816</v>
      </c>
      <c r="LD39" s="927" t="s">
        <v>3816</v>
      </c>
      <c r="LE39" s="927" t="s">
        <v>3816</v>
      </c>
      <c r="LF39" s="927" t="s">
        <v>3816</v>
      </c>
      <c r="LG39" s="927" t="s">
        <v>3816</v>
      </c>
      <c r="LH39" s="927" t="s">
        <v>3816</v>
      </c>
      <c r="LI39" s="927" t="s">
        <v>3816</v>
      </c>
      <c r="LJ39" s="927" t="s">
        <v>3816</v>
      </c>
      <c r="LK39" s="927" t="s">
        <v>3816</v>
      </c>
      <c r="LL39" s="927" t="s">
        <v>3816</v>
      </c>
      <c r="LM39" s="927" t="s">
        <v>3816</v>
      </c>
      <c r="LN39" s="927" t="s">
        <v>3816</v>
      </c>
      <c r="LO39" s="927" t="s">
        <v>3816</v>
      </c>
      <c r="LP39" s="927" t="s">
        <v>3816</v>
      </c>
      <c r="LQ39" s="927" t="s">
        <v>3816</v>
      </c>
      <c r="LR39" s="927" t="s">
        <v>3816</v>
      </c>
      <c r="LS39" s="927" t="s">
        <v>3816</v>
      </c>
      <c r="LT39" s="927" t="s">
        <v>3816</v>
      </c>
      <c r="LU39" s="927" t="s">
        <v>3816</v>
      </c>
      <c r="LV39" s="927" t="s">
        <v>3816</v>
      </c>
      <c r="LW39" s="927" t="s">
        <v>3816</v>
      </c>
      <c r="LX39" s="927" t="s">
        <v>3816</v>
      </c>
      <c r="LY39" s="927" t="s">
        <v>3816</v>
      </c>
      <c r="LZ39" s="927" t="s">
        <v>3816</v>
      </c>
      <c r="MA39" s="927" t="s">
        <v>3816</v>
      </c>
      <c r="MB39" s="927" t="s">
        <v>3816</v>
      </c>
      <c r="MC39" s="927" t="s">
        <v>3816</v>
      </c>
      <c r="MD39" s="927" t="s">
        <v>3816</v>
      </c>
      <c r="ME39" s="927" t="s">
        <v>3816</v>
      </c>
      <c r="MF39" s="927" t="s">
        <v>3816</v>
      </c>
      <c r="MG39" s="927" t="s">
        <v>3816</v>
      </c>
      <c r="MH39" s="927" t="s">
        <v>3816</v>
      </c>
      <c r="MI39" s="927" t="s">
        <v>3816</v>
      </c>
      <c r="MJ39" s="927" t="s">
        <v>3816</v>
      </c>
      <c r="MK39" s="927" t="s">
        <v>3816</v>
      </c>
      <c r="ML39" s="927" t="s">
        <v>3816</v>
      </c>
      <c r="MM39" s="927" t="s">
        <v>3816</v>
      </c>
      <c r="MN39" s="927" t="s">
        <v>3816</v>
      </c>
      <c r="MO39" s="927" t="s">
        <v>3816</v>
      </c>
      <c r="MP39" s="927" t="s">
        <v>3816</v>
      </c>
      <c r="MQ39" s="927" t="s">
        <v>3816</v>
      </c>
      <c r="MR39" s="927" t="s">
        <v>3816</v>
      </c>
      <c r="MS39" s="927" t="s">
        <v>3816</v>
      </c>
      <c r="MT39" s="927" t="s">
        <v>3816</v>
      </c>
      <c r="MU39" s="927" t="s">
        <v>3816</v>
      </c>
      <c r="MV39" s="927" t="s">
        <v>3816</v>
      </c>
      <c r="MW39" s="927" t="s">
        <v>3816</v>
      </c>
      <c r="MX39" s="927" t="s">
        <v>3816</v>
      </c>
      <c r="MY39" s="927" t="s">
        <v>3816</v>
      </c>
      <c r="MZ39" s="927" t="s">
        <v>3816</v>
      </c>
      <c r="NA39" s="927" t="s">
        <v>3816</v>
      </c>
      <c r="NB39" s="927" t="s">
        <v>3816</v>
      </c>
      <c r="NC39" s="927" t="s">
        <v>3816</v>
      </c>
      <c r="ND39" s="927" t="s">
        <v>3816</v>
      </c>
      <c r="NE39" s="927" t="s">
        <v>3816</v>
      </c>
      <c r="NF39" s="927" t="s">
        <v>3816</v>
      </c>
      <c r="NG39" s="927" t="s">
        <v>3816</v>
      </c>
      <c r="NH39" s="927" t="s">
        <v>3816</v>
      </c>
      <c r="NI39" s="927" t="s">
        <v>3816</v>
      </c>
      <c r="NJ39" s="927" t="s">
        <v>3816</v>
      </c>
      <c r="NK39" s="927" t="s">
        <v>3816</v>
      </c>
      <c r="NL39" s="927" t="s">
        <v>3816</v>
      </c>
      <c r="NM39" s="927" t="s">
        <v>3816</v>
      </c>
      <c r="NN39" s="927" t="s">
        <v>3816</v>
      </c>
      <c r="NO39" s="927" t="s">
        <v>3816</v>
      </c>
      <c r="NP39" s="927" t="s">
        <v>3816</v>
      </c>
      <c r="NQ39" s="927" t="s">
        <v>3816</v>
      </c>
      <c r="NR39" s="927" t="s">
        <v>3816</v>
      </c>
      <c r="NS39" s="927" t="s">
        <v>3816</v>
      </c>
      <c r="NT39" s="927" t="s">
        <v>3816</v>
      </c>
      <c r="NU39" s="927" t="s">
        <v>3816</v>
      </c>
      <c r="NV39" s="927" t="s">
        <v>3816</v>
      </c>
      <c r="NW39" s="927" t="s">
        <v>3816</v>
      </c>
      <c r="NX39" s="927" t="s">
        <v>3816</v>
      </c>
      <c r="NY39" s="927" t="s">
        <v>3816</v>
      </c>
      <c r="NZ39" s="927" t="s">
        <v>3816</v>
      </c>
      <c r="OA39" s="927" t="s">
        <v>3816</v>
      </c>
      <c r="OB39" s="927" t="s">
        <v>3816</v>
      </c>
      <c r="OC39" s="927" t="s">
        <v>3816</v>
      </c>
      <c r="OD39" s="927" t="s">
        <v>3816</v>
      </c>
      <c r="OE39" s="927" t="s">
        <v>3816</v>
      </c>
      <c r="OF39" s="927" t="s">
        <v>3816</v>
      </c>
      <c r="OG39" s="927" t="s">
        <v>3816</v>
      </c>
      <c r="OH39" s="927" t="s">
        <v>3816</v>
      </c>
      <c r="OI39" s="927" t="s">
        <v>3816</v>
      </c>
      <c r="OJ39" s="927" t="s">
        <v>3816</v>
      </c>
      <c r="OK39" s="927" t="s">
        <v>3816</v>
      </c>
      <c r="OL39" s="927" t="s">
        <v>3816</v>
      </c>
      <c r="OM39" s="927" t="s">
        <v>3816</v>
      </c>
      <c r="ON39" s="927" t="s">
        <v>3816</v>
      </c>
      <c r="OO39" s="927" t="s">
        <v>3816</v>
      </c>
      <c r="OP39" s="927" t="s">
        <v>3816</v>
      </c>
      <c r="OQ39" s="927" t="s">
        <v>3816</v>
      </c>
      <c r="OR39" s="927" t="s">
        <v>3816</v>
      </c>
      <c r="OS39" s="927" t="s">
        <v>3816</v>
      </c>
      <c r="OT39" s="927" t="s">
        <v>3816</v>
      </c>
      <c r="OU39" s="927" t="s">
        <v>3816</v>
      </c>
      <c r="OV39" s="927" t="s">
        <v>3816</v>
      </c>
      <c r="OW39" s="927" t="s">
        <v>3816</v>
      </c>
      <c r="OX39" s="927" t="s">
        <v>3816</v>
      </c>
      <c r="OY39" s="927" t="s">
        <v>3816</v>
      </c>
      <c r="OZ39" s="927" t="s">
        <v>3816</v>
      </c>
      <c r="PA39" s="927" t="s">
        <v>3816</v>
      </c>
      <c r="PB39" s="927" t="s">
        <v>3816</v>
      </c>
      <c r="PC39" s="927" t="s">
        <v>3816</v>
      </c>
      <c r="PD39" s="927" t="s">
        <v>3816</v>
      </c>
      <c r="PE39" s="927" t="s">
        <v>3816</v>
      </c>
      <c r="PF39" s="927" t="s">
        <v>3816</v>
      </c>
      <c r="PG39" s="927" t="s">
        <v>3816</v>
      </c>
      <c r="PH39" s="927" t="s">
        <v>3816</v>
      </c>
      <c r="PI39" s="927" t="s">
        <v>3816</v>
      </c>
      <c r="PJ39" s="927" t="s">
        <v>3816</v>
      </c>
      <c r="PK39" s="927" t="s">
        <v>3816</v>
      </c>
      <c r="PL39" s="927" t="s">
        <v>3816</v>
      </c>
      <c r="PM39" s="927" t="s">
        <v>3816</v>
      </c>
      <c r="PN39" s="927" t="s">
        <v>3816</v>
      </c>
      <c r="PO39" s="927" t="s">
        <v>3816</v>
      </c>
      <c r="PP39" s="927" t="s">
        <v>3816</v>
      </c>
      <c r="PQ39" s="927" t="s">
        <v>3816</v>
      </c>
      <c r="PR39" s="927" t="s">
        <v>3816</v>
      </c>
      <c r="PS39" s="927" t="s">
        <v>3816</v>
      </c>
      <c r="PT39" s="927" t="s">
        <v>3816</v>
      </c>
      <c r="PU39" s="927" t="s">
        <v>3816</v>
      </c>
      <c r="PV39" s="927" t="s">
        <v>3816</v>
      </c>
      <c r="PW39" s="927" t="s">
        <v>3816</v>
      </c>
      <c r="PX39" s="927" t="s">
        <v>3816</v>
      </c>
      <c r="PY39" s="927" t="s">
        <v>3816</v>
      </c>
      <c r="PZ39" s="927" t="s">
        <v>3816</v>
      </c>
      <c r="QA39" s="927" t="s">
        <v>3816</v>
      </c>
      <c r="QB39" s="927" t="s">
        <v>3816</v>
      </c>
      <c r="QC39" s="927" t="s">
        <v>3816</v>
      </c>
      <c r="QD39" s="927" t="s">
        <v>3816</v>
      </c>
      <c r="QE39" s="927" t="s">
        <v>3816</v>
      </c>
      <c r="QF39" s="927" t="s">
        <v>3816</v>
      </c>
      <c r="QG39" s="927" t="s">
        <v>3816</v>
      </c>
      <c r="QH39" s="927" t="s">
        <v>3816</v>
      </c>
      <c r="QI39" s="927" t="s">
        <v>3816</v>
      </c>
      <c r="QJ39" s="927" t="s">
        <v>3816</v>
      </c>
      <c r="QK39" s="927" t="s">
        <v>3816</v>
      </c>
      <c r="QL39" s="927" t="s">
        <v>3816</v>
      </c>
      <c r="QM39" s="927" t="s">
        <v>3816</v>
      </c>
      <c r="QN39" s="927" t="s">
        <v>3816</v>
      </c>
      <c r="QO39" s="927" t="s">
        <v>3816</v>
      </c>
      <c r="QP39" s="927" t="s">
        <v>3816</v>
      </c>
      <c r="QQ39" s="927" t="s">
        <v>3816</v>
      </c>
      <c r="QR39" s="927" t="s">
        <v>3816</v>
      </c>
      <c r="QS39" s="927" t="s">
        <v>3816</v>
      </c>
      <c r="QT39" s="927" t="s">
        <v>3816</v>
      </c>
      <c r="QU39" s="927" t="s">
        <v>3816</v>
      </c>
      <c r="QV39" s="927" t="s">
        <v>3816</v>
      </c>
      <c r="QW39" s="927" t="s">
        <v>3816</v>
      </c>
      <c r="QX39" s="927" t="s">
        <v>3816</v>
      </c>
      <c r="QY39" s="927" t="s">
        <v>3816</v>
      </c>
      <c r="QZ39" s="927" t="s">
        <v>3816</v>
      </c>
      <c r="RA39" s="927" t="s">
        <v>3816</v>
      </c>
      <c r="RB39" s="927" t="s">
        <v>3816</v>
      </c>
      <c r="RC39" s="927" t="s">
        <v>3816</v>
      </c>
      <c r="RD39" s="927" t="s">
        <v>3816</v>
      </c>
      <c r="RE39" s="927" t="s">
        <v>3816</v>
      </c>
      <c r="RF39" s="927" t="s">
        <v>3816</v>
      </c>
      <c r="RG39" s="927" t="s">
        <v>3816</v>
      </c>
      <c r="RH39" s="927" t="s">
        <v>3816</v>
      </c>
      <c r="RI39" s="927" t="s">
        <v>3816</v>
      </c>
      <c r="RJ39" s="927" t="s">
        <v>3816</v>
      </c>
      <c r="RK39" s="927" t="s">
        <v>3816</v>
      </c>
      <c r="RL39" s="927" t="s">
        <v>3816</v>
      </c>
      <c r="RM39" s="927" t="s">
        <v>3816</v>
      </c>
      <c r="RN39" s="927" t="s">
        <v>3816</v>
      </c>
      <c r="RO39" s="927" t="s">
        <v>3816</v>
      </c>
      <c r="RP39" s="927" t="s">
        <v>3816</v>
      </c>
      <c r="RQ39" s="927" t="s">
        <v>3816</v>
      </c>
      <c r="RR39" s="927" t="s">
        <v>3816</v>
      </c>
      <c r="RS39" s="927" t="s">
        <v>3816</v>
      </c>
      <c r="RT39" s="927" t="s">
        <v>3816</v>
      </c>
      <c r="RU39" s="927" t="s">
        <v>3816</v>
      </c>
      <c r="RV39" s="927" t="s">
        <v>3816</v>
      </c>
      <c r="RW39" s="927" t="s">
        <v>3816</v>
      </c>
      <c r="RX39" s="927" t="s">
        <v>3816</v>
      </c>
      <c r="RY39" s="927" t="s">
        <v>3816</v>
      </c>
      <c r="RZ39" s="927" t="s">
        <v>3816</v>
      </c>
      <c r="SA39" s="927" t="s">
        <v>3816</v>
      </c>
      <c r="SB39" s="927" t="s">
        <v>3816</v>
      </c>
      <c r="SC39" s="927" t="s">
        <v>3816</v>
      </c>
      <c r="SD39" s="927" t="s">
        <v>3816</v>
      </c>
      <c r="SE39" s="927" t="s">
        <v>3816</v>
      </c>
      <c r="SF39" s="927" t="s">
        <v>3816</v>
      </c>
      <c r="SG39" s="927" t="s">
        <v>3816</v>
      </c>
      <c r="SH39" s="927" t="s">
        <v>3816</v>
      </c>
      <c r="SI39" s="927" t="s">
        <v>3816</v>
      </c>
      <c r="SJ39" s="927" t="s">
        <v>3816</v>
      </c>
      <c r="SK39" s="927" t="s">
        <v>3816</v>
      </c>
      <c r="SL39" s="927" t="s">
        <v>3816</v>
      </c>
      <c r="SM39" s="927" t="s">
        <v>3816</v>
      </c>
      <c r="SN39" s="927" t="s">
        <v>3816</v>
      </c>
      <c r="SO39" s="927" t="s">
        <v>3816</v>
      </c>
      <c r="SP39" s="927" t="s">
        <v>3816</v>
      </c>
      <c r="SQ39" s="927" t="s">
        <v>3816</v>
      </c>
      <c r="SR39" s="927" t="s">
        <v>3816</v>
      </c>
      <c r="SS39" s="927" t="s">
        <v>3816</v>
      </c>
      <c r="ST39" s="927" t="s">
        <v>3816</v>
      </c>
      <c r="SU39" s="927" t="s">
        <v>3816</v>
      </c>
      <c r="SV39" s="927" t="s">
        <v>3816</v>
      </c>
      <c r="SW39" s="927" t="s">
        <v>3816</v>
      </c>
      <c r="SX39" s="927" t="s">
        <v>3816</v>
      </c>
      <c r="SY39" s="927" t="s">
        <v>3816</v>
      </c>
      <c r="SZ39" s="927" t="s">
        <v>3816</v>
      </c>
      <c r="TA39" s="927" t="s">
        <v>3816</v>
      </c>
      <c r="TB39" s="927" t="s">
        <v>3816</v>
      </c>
      <c r="TC39" s="927" t="s">
        <v>3816</v>
      </c>
      <c r="TD39" s="927" t="s">
        <v>3816</v>
      </c>
      <c r="TE39" s="927" t="s">
        <v>3816</v>
      </c>
      <c r="TF39" s="927" t="s">
        <v>3816</v>
      </c>
      <c r="TG39" s="927" t="s">
        <v>3816</v>
      </c>
      <c r="TH39" s="927" t="s">
        <v>3816</v>
      </c>
      <c r="TI39" s="927" t="s">
        <v>3816</v>
      </c>
      <c r="TJ39" s="927" t="s">
        <v>3816</v>
      </c>
      <c r="TK39" s="927" t="s">
        <v>3816</v>
      </c>
      <c r="TL39" s="927" t="s">
        <v>3816</v>
      </c>
      <c r="TM39" s="927" t="s">
        <v>3816</v>
      </c>
      <c r="TN39" s="927" t="s">
        <v>3816</v>
      </c>
      <c r="TO39" s="927" t="s">
        <v>3816</v>
      </c>
      <c r="TP39" s="927" t="s">
        <v>3816</v>
      </c>
      <c r="TQ39" s="927" t="s">
        <v>3816</v>
      </c>
      <c r="TR39" s="927" t="s">
        <v>3816</v>
      </c>
      <c r="TS39" s="927" t="s">
        <v>3816</v>
      </c>
      <c r="TT39" s="927" t="s">
        <v>3816</v>
      </c>
      <c r="TU39" s="927" t="s">
        <v>3816</v>
      </c>
      <c r="TV39" s="927" t="s">
        <v>3816</v>
      </c>
      <c r="TW39" s="927" t="s">
        <v>3816</v>
      </c>
      <c r="TX39" s="927" t="s">
        <v>3816</v>
      </c>
      <c r="TY39" s="927" t="s">
        <v>3816</v>
      </c>
      <c r="TZ39" s="927" t="s">
        <v>3816</v>
      </c>
      <c r="UA39" s="927" t="s">
        <v>3816</v>
      </c>
      <c r="UB39" s="927" t="s">
        <v>3816</v>
      </c>
      <c r="UC39" s="927" t="s">
        <v>3816</v>
      </c>
      <c r="UD39" s="927" t="s">
        <v>3816</v>
      </c>
      <c r="UE39" s="927" t="s">
        <v>3816</v>
      </c>
      <c r="UF39" s="927" t="s">
        <v>3816</v>
      </c>
      <c r="UG39" s="927" t="s">
        <v>3816</v>
      </c>
      <c r="UH39" s="927" t="s">
        <v>3816</v>
      </c>
      <c r="UI39" s="927" t="s">
        <v>3816</v>
      </c>
      <c r="UJ39" s="927" t="s">
        <v>3816</v>
      </c>
      <c r="UK39" s="927" t="s">
        <v>3816</v>
      </c>
      <c r="UL39" s="927" t="s">
        <v>3816</v>
      </c>
      <c r="UM39" s="927" t="s">
        <v>3816</v>
      </c>
      <c r="UN39" s="927" t="s">
        <v>3816</v>
      </c>
      <c r="UO39" s="927" t="s">
        <v>3816</v>
      </c>
      <c r="UP39" s="927" t="s">
        <v>3816</v>
      </c>
      <c r="UQ39" s="927" t="s">
        <v>3816</v>
      </c>
      <c r="UR39" s="927" t="s">
        <v>3816</v>
      </c>
      <c r="US39" s="927" t="s">
        <v>3816</v>
      </c>
      <c r="UT39" s="927" t="s">
        <v>3816</v>
      </c>
      <c r="UU39" s="927" t="s">
        <v>3816</v>
      </c>
      <c r="UV39" s="927" t="s">
        <v>3816</v>
      </c>
      <c r="UW39" s="927" t="s">
        <v>3816</v>
      </c>
      <c r="UX39" s="927" t="s">
        <v>3816</v>
      </c>
      <c r="UY39" s="927" t="s">
        <v>3816</v>
      </c>
      <c r="UZ39" s="927" t="s">
        <v>3816</v>
      </c>
      <c r="VA39" s="927" t="s">
        <v>3816</v>
      </c>
      <c r="VB39" s="927" t="s">
        <v>3816</v>
      </c>
      <c r="VC39" s="927" t="s">
        <v>3816</v>
      </c>
      <c r="VD39" s="927" t="s">
        <v>3816</v>
      </c>
      <c r="VE39" s="927" t="s">
        <v>3816</v>
      </c>
      <c r="VF39" s="927" t="s">
        <v>3816</v>
      </c>
      <c r="VG39" s="927" t="s">
        <v>3816</v>
      </c>
      <c r="VH39" s="927" t="s">
        <v>3816</v>
      </c>
      <c r="VI39" s="927" t="s">
        <v>3816</v>
      </c>
      <c r="VJ39" s="927" t="s">
        <v>3816</v>
      </c>
      <c r="VK39" s="927" t="s">
        <v>3816</v>
      </c>
      <c r="VL39" s="927" t="s">
        <v>3816</v>
      </c>
      <c r="VM39" s="927" t="s">
        <v>3816</v>
      </c>
      <c r="VN39" s="927" t="s">
        <v>3816</v>
      </c>
      <c r="VO39" s="927" t="s">
        <v>3816</v>
      </c>
      <c r="VP39" s="927" t="s">
        <v>3816</v>
      </c>
      <c r="VQ39" s="927" t="s">
        <v>3816</v>
      </c>
      <c r="VR39" s="927" t="s">
        <v>3816</v>
      </c>
      <c r="VS39" s="927" t="s">
        <v>3816</v>
      </c>
      <c r="VT39" s="927" t="s">
        <v>3816</v>
      </c>
      <c r="VU39" s="927" t="s">
        <v>3816</v>
      </c>
      <c r="VV39" s="927" t="s">
        <v>3816</v>
      </c>
      <c r="VW39" s="927" t="s">
        <v>3816</v>
      </c>
      <c r="VX39" s="927" t="s">
        <v>3816</v>
      </c>
      <c r="VY39" s="927" t="s">
        <v>3816</v>
      </c>
      <c r="VZ39" s="927" t="s">
        <v>3816</v>
      </c>
      <c r="WA39" s="927" t="s">
        <v>3816</v>
      </c>
      <c r="WB39" s="927" t="s">
        <v>3816</v>
      </c>
      <c r="WC39" s="927" t="s">
        <v>3816</v>
      </c>
      <c r="WD39" s="927" t="s">
        <v>3816</v>
      </c>
      <c r="WE39" s="927" t="s">
        <v>3816</v>
      </c>
      <c r="WF39" s="927" t="s">
        <v>3816</v>
      </c>
      <c r="WG39" s="927" t="s">
        <v>3816</v>
      </c>
      <c r="WH39" s="927" t="s">
        <v>3816</v>
      </c>
      <c r="WI39" s="927" t="s">
        <v>3816</v>
      </c>
      <c r="WJ39" s="927" t="s">
        <v>3816</v>
      </c>
      <c r="WK39" s="927" t="s">
        <v>3816</v>
      </c>
      <c r="WL39" s="927" t="s">
        <v>3816</v>
      </c>
      <c r="WM39" s="927" t="s">
        <v>3816</v>
      </c>
      <c r="WN39" s="927" t="s">
        <v>3816</v>
      </c>
      <c r="WO39" s="927" t="s">
        <v>3816</v>
      </c>
      <c r="WP39" s="927" t="s">
        <v>3816</v>
      </c>
      <c r="WQ39" s="927" t="s">
        <v>3816</v>
      </c>
      <c r="WR39" s="927" t="s">
        <v>3816</v>
      </c>
      <c r="WS39" s="927" t="s">
        <v>3816</v>
      </c>
      <c r="WT39" s="927" t="s">
        <v>3816</v>
      </c>
      <c r="WU39" s="927" t="s">
        <v>3816</v>
      </c>
      <c r="WV39" s="927" t="s">
        <v>3816</v>
      </c>
      <c r="WW39" s="927" t="s">
        <v>3816</v>
      </c>
      <c r="WX39" s="927" t="s">
        <v>3816</v>
      </c>
      <c r="WY39" s="927" t="s">
        <v>3816</v>
      </c>
      <c r="WZ39" s="927" t="s">
        <v>3816</v>
      </c>
      <c r="XA39" s="927" t="s">
        <v>3816</v>
      </c>
      <c r="XB39" s="927" t="s">
        <v>3816</v>
      </c>
      <c r="XC39" s="927" t="s">
        <v>3816</v>
      </c>
      <c r="XD39" s="927" t="s">
        <v>3816</v>
      </c>
      <c r="XE39" s="927" t="s">
        <v>3816</v>
      </c>
      <c r="XF39" s="927" t="s">
        <v>3816</v>
      </c>
      <c r="XG39" s="927" t="s">
        <v>3816</v>
      </c>
      <c r="XH39" s="927" t="s">
        <v>3816</v>
      </c>
      <c r="XI39" s="927" t="s">
        <v>3816</v>
      </c>
      <c r="XJ39" s="927" t="s">
        <v>3816</v>
      </c>
      <c r="XK39" s="927" t="s">
        <v>3816</v>
      </c>
      <c r="XL39" s="927" t="s">
        <v>3816</v>
      </c>
      <c r="XM39" s="927" t="s">
        <v>3816</v>
      </c>
      <c r="XN39" s="927" t="s">
        <v>3816</v>
      </c>
      <c r="XO39" s="927" t="s">
        <v>3816</v>
      </c>
      <c r="XP39" s="927" t="s">
        <v>3816</v>
      </c>
      <c r="XQ39" s="927" t="s">
        <v>3816</v>
      </c>
      <c r="XR39" s="927" t="s">
        <v>3816</v>
      </c>
      <c r="XS39" s="927" t="s">
        <v>3816</v>
      </c>
      <c r="XT39" s="927" t="s">
        <v>3816</v>
      </c>
      <c r="XU39" s="927" t="s">
        <v>3816</v>
      </c>
      <c r="XV39" s="927" t="s">
        <v>3816</v>
      </c>
      <c r="XW39" s="927" t="s">
        <v>3816</v>
      </c>
      <c r="XX39" s="927" t="s">
        <v>3816</v>
      </c>
      <c r="XY39" s="927" t="s">
        <v>3816</v>
      </c>
      <c r="XZ39" s="927" t="s">
        <v>3816</v>
      </c>
      <c r="YA39" s="927" t="s">
        <v>3816</v>
      </c>
      <c r="YB39" s="927" t="s">
        <v>3816</v>
      </c>
      <c r="YC39" s="927" t="s">
        <v>3816</v>
      </c>
      <c r="YD39" s="927" t="s">
        <v>3816</v>
      </c>
      <c r="YE39" s="927" t="s">
        <v>3816</v>
      </c>
      <c r="YF39" s="927" t="s">
        <v>3816</v>
      </c>
      <c r="YG39" s="927" t="s">
        <v>3816</v>
      </c>
      <c r="YH39" s="927" t="s">
        <v>3816</v>
      </c>
      <c r="YI39" s="927" t="s">
        <v>3816</v>
      </c>
      <c r="YJ39" s="927" t="s">
        <v>3816</v>
      </c>
      <c r="YK39" s="927" t="s">
        <v>3816</v>
      </c>
      <c r="YL39" s="927" t="s">
        <v>3816</v>
      </c>
      <c r="YM39" s="927" t="s">
        <v>3816</v>
      </c>
      <c r="YN39" s="927" t="s">
        <v>3816</v>
      </c>
      <c r="YO39" s="927" t="s">
        <v>3816</v>
      </c>
      <c r="YP39" s="927" t="s">
        <v>3816</v>
      </c>
      <c r="YQ39" s="927" t="s">
        <v>3816</v>
      </c>
      <c r="YR39" s="927" t="s">
        <v>3816</v>
      </c>
      <c r="YS39" s="927" t="s">
        <v>3816</v>
      </c>
      <c r="YT39" s="927" t="s">
        <v>3816</v>
      </c>
      <c r="YU39" s="927" t="s">
        <v>3816</v>
      </c>
      <c r="YV39" s="927" t="s">
        <v>3816</v>
      </c>
      <c r="YW39" s="927" t="s">
        <v>3816</v>
      </c>
      <c r="YX39" s="927" t="s">
        <v>3816</v>
      </c>
      <c r="YY39" s="927" t="s">
        <v>3816</v>
      </c>
      <c r="YZ39" s="927" t="s">
        <v>3816</v>
      </c>
      <c r="ZA39" s="927" t="s">
        <v>3816</v>
      </c>
      <c r="ZB39" s="927" t="s">
        <v>3816</v>
      </c>
      <c r="ZC39" s="927" t="s">
        <v>3816</v>
      </c>
      <c r="ZD39" s="927" t="s">
        <v>3816</v>
      </c>
      <c r="ZE39" s="927" t="s">
        <v>3816</v>
      </c>
      <c r="ZF39" s="927" t="s">
        <v>3816</v>
      </c>
      <c r="ZG39" s="927" t="s">
        <v>3816</v>
      </c>
      <c r="ZH39" s="927" t="s">
        <v>3816</v>
      </c>
      <c r="ZI39" s="927" t="s">
        <v>3816</v>
      </c>
      <c r="ZJ39" s="927" t="s">
        <v>3816</v>
      </c>
      <c r="ZK39" s="927" t="s">
        <v>3816</v>
      </c>
      <c r="ZL39" s="927" t="s">
        <v>3816</v>
      </c>
      <c r="ZM39" s="927" t="s">
        <v>3816</v>
      </c>
      <c r="ZN39" s="927" t="s">
        <v>3816</v>
      </c>
      <c r="ZO39" s="927" t="s">
        <v>3816</v>
      </c>
      <c r="ZP39" s="927" t="s">
        <v>3816</v>
      </c>
      <c r="ZQ39" s="927" t="s">
        <v>3816</v>
      </c>
      <c r="ZR39" s="927" t="s">
        <v>3816</v>
      </c>
      <c r="ZS39" s="927" t="s">
        <v>3816</v>
      </c>
      <c r="ZT39" s="927" t="s">
        <v>3816</v>
      </c>
      <c r="ZU39" s="927" t="s">
        <v>3816</v>
      </c>
      <c r="ZV39" s="927" t="s">
        <v>3816</v>
      </c>
      <c r="ZW39" s="927" t="s">
        <v>3816</v>
      </c>
      <c r="ZX39" s="927" t="s">
        <v>3816</v>
      </c>
      <c r="ZY39" s="927" t="s">
        <v>3816</v>
      </c>
      <c r="ZZ39" s="927" t="s">
        <v>3816</v>
      </c>
      <c r="AAA39" s="927" t="s">
        <v>3816</v>
      </c>
      <c r="AAB39" s="927" t="s">
        <v>3816</v>
      </c>
      <c r="AAC39" s="927" t="s">
        <v>3816</v>
      </c>
      <c r="AAD39" s="927" t="s">
        <v>3816</v>
      </c>
      <c r="AAE39" s="927" t="s">
        <v>3816</v>
      </c>
      <c r="AAF39" s="927" t="s">
        <v>3816</v>
      </c>
      <c r="AAG39" s="927" t="s">
        <v>3816</v>
      </c>
      <c r="AAH39" s="927" t="s">
        <v>3816</v>
      </c>
      <c r="AAI39" s="927" t="s">
        <v>3816</v>
      </c>
      <c r="AAJ39" s="927" t="s">
        <v>3816</v>
      </c>
      <c r="AAK39" s="927" t="s">
        <v>3816</v>
      </c>
      <c r="AAL39" s="927" t="s">
        <v>3816</v>
      </c>
      <c r="AAM39" s="927" t="s">
        <v>3816</v>
      </c>
      <c r="AAN39" s="927" t="s">
        <v>3816</v>
      </c>
      <c r="AAO39" s="927" t="s">
        <v>3816</v>
      </c>
      <c r="AAP39" s="927" t="s">
        <v>3816</v>
      </c>
      <c r="AAQ39" s="927" t="s">
        <v>3816</v>
      </c>
      <c r="AAR39" s="927" t="s">
        <v>3816</v>
      </c>
      <c r="AAS39" s="927" t="s">
        <v>3816</v>
      </c>
      <c r="AAT39" s="927" t="s">
        <v>3816</v>
      </c>
      <c r="AAU39" s="927" t="s">
        <v>3816</v>
      </c>
      <c r="AAV39" s="927" t="s">
        <v>3816</v>
      </c>
      <c r="AAW39" s="927" t="s">
        <v>3816</v>
      </c>
      <c r="AAX39" s="927" t="s">
        <v>3816</v>
      </c>
      <c r="AAY39" s="927" t="s">
        <v>3816</v>
      </c>
      <c r="AAZ39" s="927" t="s">
        <v>3816</v>
      </c>
      <c r="ABA39" s="927" t="s">
        <v>3816</v>
      </c>
      <c r="ABB39" s="927" t="s">
        <v>3816</v>
      </c>
      <c r="ABC39" s="927" t="s">
        <v>3816</v>
      </c>
      <c r="ABD39" s="927" t="s">
        <v>3816</v>
      </c>
      <c r="ABE39" s="927" t="s">
        <v>3816</v>
      </c>
      <c r="ABF39" s="927" t="s">
        <v>3816</v>
      </c>
      <c r="ABG39" s="927" t="s">
        <v>3816</v>
      </c>
      <c r="ABH39" s="927" t="s">
        <v>3816</v>
      </c>
      <c r="ABI39" s="927" t="s">
        <v>3816</v>
      </c>
      <c r="ABJ39" s="927" t="s">
        <v>3816</v>
      </c>
      <c r="ABK39" s="927" t="s">
        <v>3816</v>
      </c>
      <c r="ABL39" s="927" t="s">
        <v>3816</v>
      </c>
      <c r="ABM39" s="927" t="s">
        <v>3816</v>
      </c>
      <c r="ABN39" s="927" t="s">
        <v>3816</v>
      </c>
      <c r="ABO39" s="927" t="s">
        <v>3816</v>
      </c>
      <c r="ABP39" s="927" t="s">
        <v>3816</v>
      </c>
      <c r="ABQ39" s="927" t="s">
        <v>3816</v>
      </c>
      <c r="ABR39" s="927" t="s">
        <v>3816</v>
      </c>
      <c r="ABS39" s="927" t="s">
        <v>3816</v>
      </c>
      <c r="ABT39" s="927" t="s">
        <v>3816</v>
      </c>
      <c r="ABU39" s="927" t="s">
        <v>3816</v>
      </c>
      <c r="ABV39" s="927" t="s">
        <v>3816</v>
      </c>
      <c r="ABW39" s="927" t="s">
        <v>3816</v>
      </c>
      <c r="ABX39" s="927" t="s">
        <v>3816</v>
      </c>
      <c r="ABY39" s="927" t="s">
        <v>3816</v>
      </c>
      <c r="ABZ39" s="927" t="s">
        <v>3816</v>
      </c>
      <c r="ACA39" s="927" t="s">
        <v>3816</v>
      </c>
      <c r="ACB39" s="927" t="s">
        <v>3816</v>
      </c>
      <c r="ACC39" s="927" t="s">
        <v>3816</v>
      </c>
      <c r="ACD39" s="927" t="s">
        <v>3816</v>
      </c>
      <c r="ACE39" s="927" t="s">
        <v>3816</v>
      </c>
      <c r="ACF39" s="927" t="s">
        <v>3816</v>
      </c>
      <c r="ACG39" s="927" t="s">
        <v>3816</v>
      </c>
      <c r="ACH39" s="927" t="s">
        <v>3816</v>
      </c>
      <c r="ACI39" s="927" t="s">
        <v>3816</v>
      </c>
      <c r="ACJ39" s="927" t="s">
        <v>3816</v>
      </c>
      <c r="ACK39" s="927" t="s">
        <v>3816</v>
      </c>
      <c r="ACL39" s="927" t="s">
        <v>3816</v>
      </c>
      <c r="ACM39" s="927" t="s">
        <v>3816</v>
      </c>
      <c r="ACN39" s="927" t="s">
        <v>3816</v>
      </c>
      <c r="ACO39" s="927" t="s">
        <v>3816</v>
      </c>
      <c r="ACP39" s="927" t="s">
        <v>3816</v>
      </c>
      <c r="ACQ39" s="927" t="s">
        <v>3816</v>
      </c>
      <c r="ACR39" s="927" t="s">
        <v>3816</v>
      </c>
      <c r="ACS39" s="927" t="s">
        <v>3816</v>
      </c>
      <c r="ACT39" s="927" t="s">
        <v>3816</v>
      </c>
      <c r="ACU39" s="927" t="s">
        <v>3816</v>
      </c>
      <c r="ACV39" s="927" t="s">
        <v>3816</v>
      </c>
      <c r="ACW39" s="927" t="s">
        <v>3816</v>
      </c>
      <c r="ACX39" s="927" t="s">
        <v>3816</v>
      </c>
      <c r="ACY39" s="927" t="s">
        <v>3816</v>
      </c>
      <c r="ACZ39" s="927" t="s">
        <v>3816</v>
      </c>
      <c r="ADA39" s="927" t="s">
        <v>3816</v>
      </c>
      <c r="ADB39" s="927" t="s">
        <v>3816</v>
      </c>
      <c r="ADC39" s="927" t="s">
        <v>3816</v>
      </c>
      <c r="ADD39" s="927" t="s">
        <v>3816</v>
      </c>
      <c r="ADE39" s="927" t="s">
        <v>3816</v>
      </c>
      <c r="ADF39" s="927" t="s">
        <v>3816</v>
      </c>
      <c r="ADG39" s="927" t="s">
        <v>3816</v>
      </c>
      <c r="ADH39" s="927" t="s">
        <v>3816</v>
      </c>
      <c r="ADI39" s="927" t="s">
        <v>3816</v>
      </c>
      <c r="ADJ39" s="927" t="s">
        <v>3816</v>
      </c>
      <c r="ADK39" s="927" t="s">
        <v>3816</v>
      </c>
      <c r="ADL39" s="927" t="s">
        <v>3816</v>
      </c>
      <c r="ADM39" s="927" t="s">
        <v>3816</v>
      </c>
      <c r="ADN39" s="927" t="s">
        <v>3816</v>
      </c>
      <c r="ADO39" s="927" t="s">
        <v>3816</v>
      </c>
      <c r="ADP39" s="927" t="s">
        <v>3816</v>
      </c>
      <c r="ADQ39" s="927" t="s">
        <v>3816</v>
      </c>
      <c r="ADR39" s="927" t="s">
        <v>3816</v>
      </c>
      <c r="ADS39" s="927" t="s">
        <v>3816</v>
      </c>
      <c r="ADT39" s="927" t="s">
        <v>3816</v>
      </c>
      <c r="ADU39" s="927" t="s">
        <v>3816</v>
      </c>
      <c r="ADV39" s="927" t="s">
        <v>3816</v>
      </c>
      <c r="ADW39" s="927" t="s">
        <v>3816</v>
      </c>
      <c r="ADX39" s="927" t="s">
        <v>3816</v>
      </c>
      <c r="ADY39" s="927" t="s">
        <v>3816</v>
      </c>
      <c r="ADZ39" s="927" t="s">
        <v>3816</v>
      </c>
      <c r="AEA39" s="927" t="s">
        <v>3816</v>
      </c>
      <c r="AEB39" s="927" t="s">
        <v>3816</v>
      </c>
      <c r="AEC39" s="927" t="s">
        <v>3816</v>
      </c>
      <c r="AED39" s="927" t="s">
        <v>3816</v>
      </c>
      <c r="AEE39" s="927" t="s">
        <v>3816</v>
      </c>
      <c r="AEF39" s="927" t="s">
        <v>3816</v>
      </c>
      <c r="AEG39" s="927" t="s">
        <v>3816</v>
      </c>
      <c r="AEH39" s="927" t="s">
        <v>3816</v>
      </c>
      <c r="AEI39" s="927" t="s">
        <v>3816</v>
      </c>
      <c r="AEJ39" s="927" t="s">
        <v>3816</v>
      </c>
      <c r="AEK39" s="927" t="s">
        <v>3816</v>
      </c>
      <c r="AEL39" s="927" t="s">
        <v>3816</v>
      </c>
      <c r="AEM39" s="927" t="s">
        <v>3816</v>
      </c>
      <c r="AEN39" s="927" t="s">
        <v>3816</v>
      </c>
      <c r="AEO39" s="927" t="s">
        <v>3816</v>
      </c>
      <c r="AEP39" s="927" t="s">
        <v>3816</v>
      </c>
      <c r="AEQ39" s="927" t="s">
        <v>3816</v>
      </c>
      <c r="AER39" s="927" t="s">
        <v>3816</v>
      </c>
      <c r="AES39" s="927" t="s">
        <v>3816</v>
      </c>
      <c r="AET39" s="927" t="s">
        <v>3816</v>
      </c>
      <c r="AEU39" s="927" t="s">
        <v>3816</v>
      </c>
      <c r="AEV39" s="927" t="s">
        <v>3816</v>
      </c>
      <c r="AEW39" s="927" t="s">
        <v>3816</v>
      </c>
      <c r="AEX39" s="927" t="s">
        <v>3816</v>
      </c>
      <c r="AEY39" s="927" t="s">
        <v>3816</v>
      </c>
      <c r="AEZ39" s="927" t="s">
        <v>3816</v>
      </c>
      <c r="AFA39" s="927" t="s">
        <v>3816</v>
      </c>
      <c r="AFB39" s="927" t="s">
        <v>3816</v>
      </c>
      <c r="AFC39" s="927" t="s">
        <v>3816</v>
      </c>
      <c r="AFD39" s="927" t="s">
        <v>3816</v>
      </c>
      <c r="AFE39" s="927" t="s">
        <v>3816</v>
      </c>
      <c r="AFF39" s="927" t="s">
        <v>3816</v>
      </c>
      <c r="AFG39" s="927" t="s">
        <v>3816</v>
      </c>
      <c r="AFH39" s="927" t="s">
        <v>3816</v>
      </c>
      <c r="AFI39" s="927" t="s">
        <v>3816</v>
      </c>
      <c r="AFJ39" s="927" t="s">
        <v>3816</v>
      </c>
      <c r="AFK39" s="927" t="s">
        <v>3816</v>
      </c>
      <c r="AFL39" s="927" t="s">
        <v>3816</v>
      </c>
      <c r="AFM39" s="927" t="s">
        <v>3816</v>
      </c>
      <c r="AFN39" s="927" t="s">
        <v>3816</v>
      </c>
      <c r="AFO39" s="927" t="s">
        <v>3816</v>
      </c>
      <c r="AFP39" s="927" t="s">
        <v>3816</v>
      </c>
      <c r="AFQ39" s="927" t="s">
        <v>3816</v>
      </c>
      <c r="AFR39" s="927" t="s">
        <v>3816</v>
      </c>
      <c r="AFS39" s="927" t="s">
        <v>3816</v>
      </c>
      <c r="AFT39" s="927" t="s">
        <v>3816</v>
      </c>
      <c r="AFU39" s="927" t="s">
        <v>3816</v>
      </c>
      <c r="AFV39" s="927" t="s">
        <v>3816</v>
      </c>
      <c r="AFW39" s="927" t="s">
        <v>3816</v>
      </c>
      <c r="AFX39" s="927" t="s">
        <v>3816</v>
      </c>
      <c r="AFY39" s="927" t="s">
        <v>3816</v>
      </c>
      <c r="AFZ39" s="927" t="s">
        <v>3816</v>
      </c>
      <c r="AGA39" s="927" t="s">
        <v>3816</v>
      </c>
      <c r="AGB39" s="927" t="s">
        <v>3816</v>
      </c>
      <c r="AGC39" s="927" t="s">
        <v>3816</v>
      </c>
      <c r="AGD39" s="927" t="s">
        <v>3816</v>
      </c>
      <c r="AGE39" s="927" t="s">
        <v>3816</v>
      </c>
      <c r="AGF39" s="927" t="s">
        <v>3816</v>
      </c>
      <c r="AGG39" s="927" t="s">
        <v>3816</v>
      </c>
      <c r="AGH39" s="927" t="s">
        <v>3816</v>
      </c>
      <c r="AGI39" s="927" t="s">
        <v>3816</v>
      </c>
      <c r="AGJ39" s="927" t="s">
        <v>3816</v>
      </c>
      <c r="AGK39" s="927" t="s">
        <v>3816</v>
      </c>
      <c r="AGL39" s="927" t="s">
        <v>3816</v>
      </c>
      <c r="AGM39" s="927" t="s">
        <v>3816</v>
      </c>
      <c r="AGN39" s="927" t="s">
        <v>3816</v>
      </c>
      <c r="AGO39" s="927" t="s">
        <v>3816</v>
      </c>
      <c r="AGP39" s="927" t="s">
        <v>3816</v>
      </c>
      <c r="AGQ39" s="927" t="s">
        <v>3816</v>
      </c>
      <c r="AGR39" s="927" t="s">
        <v>3816</v>
      </c>
      <c r="AGS39" s="927" t="s">
        <v>3816</v>
      </c>
      <c r="AGT39" s="927" t="s">
        <v>3816</v>
      </c>
      <c r="AGU39" s="927" t="s">
        <v>3816</v>
      </c>
      <c r="AGV39" s="927" t="s">
        <v>3816</v>
      </c>
      <c r="AGW39" s="927" t="s">
        <v>3816</v>
      </c>
      <c r="AGX39" s="927" t="s">
        <v>3816</v>
      </c>
      <c r="AGY39" s="927" t="s">
        <v>3816</v>
      </c>
      <c r="AGZ39" s="927" t="s">
        <v>3816</v>
      </c>
      <c r="AHA39" s="927" t="s">
        <v>3816</v>
      </c>
      <c r="AHB39" s="927" t="s">
        <v>3816</v>
      </c>
      <c r="AHC39" s="927" t="s">
        <v>3816</v>
      </c>
      <c r="AHD39" s="927" t="s">
        <v>3816</v>
      </c>
      <c r="AHE39" s="927" t="s">
        <v>3816</v>
      </c>
      <c r="AHF39" s="927" t="s">
        <v>3816</v>
      </c>
      <c r="AHG39" s="927" t="s">
        <v>3816</v>
      </c>
      <c r="AHH39" s="927" t="s">
        <v>3816</v>
      </c>
      <c r="AHI39" s="927" t="s">
        <v>3816</v>
      </c>
      <c r="AHJ39" s="927" t="s">
        <v>3816</v>
      </c>
      <c r="AHK39" s="927" t="s">
        <v>3816</v>
      </c>
      <c r="AHL39" s="927" t="s">
        <v>3816</v>
      </c>
      <c r="AHM39" s="927" t="s">
        <v>3816</v>
      </c>
      <c r="AHN39" s="927" t="s">
        <v>3816</v>
      </c>
      <c r="AHO39" s="927" t="s">
        <v>3816</v>
      </c>
      <c r="AHP39" s="927" t="s">
        <v>3816</v>
      </c>
      <c r="AHQ39" s="927" t="s">
        <v>3816</v>
      </c>
      <c r="AHR39" s="927" t="s">
        <v>3816</v>
      </c>
      <c r="AHS39" s="927" t="s">
        <v>3816</v>
      </c>
      <c r="AHT39" s="927" t="s">
        <v>3816</v>
      </c>
      <c r="AHU39" s="927" t="s">
        <v>3816</v>
      </c>
      <c r="AHV39" s="927" t="s">
        <v>3816</v>
      </c>
      <c r="AHW39" s="927" t="s">
        <v>3816</v>
      </c>
      <c r="AHX39" s="927" t="s">
        <v>3816</v>
      </c>
      <c r="AHY39" s="927" t="s">
        <v>3816</v>
      </c>
      <c r="AHZ39" s="927" t="s">
        <v>3816</v>
      </c>
      <c r="AIA39" s="927" t="s">
        <v>3816</v>
      </c>
      <c r="AIB39" s="927" t="s">
        <v>3816</v>
      </c>
      <c r="AIC39" s="927" t="s">
        <v>3816</v>
      </c>
      <c r="AID39" s="927" t="s">
        <v>3816</v>
      </c>
      <c r="AIE39" s="927" t="s">
        <v>3816</v>
      </c>
      <c r="AIF39" s="927" t="s">
        <v>3816</v>
      </c>
      <c r="AIG39" s="927" t="s">
        <v>3816</v>
      </c>
      <c r="AIH39" s="927" t="s">
        <v>3816</v>
      </c>
      <c r="AII39" s="927" t="s">
        <v>3816</v>
      </c>
      <c r="AIJ39" s="927" t="s">
        <v>3816</v>
      </c>
      <c r="AIK39" s="927" t="s">
        <v>3816</v>
      </c>
      <c r="AIL39" s="927" t="s">
        <v>3816</v>
      </c>
      <c r="AIM39" s="927" t="s">
        <v>3816</v>
      </c>
      <c r="AIN39" s="927" t="s">
        <v>3816</v>
      </c>
      <c r="AIO39" s="927" t="s">
        <v>3816</v>
      </c>
      <c r="AIP39" s="927" t="s">
        <v>3816</v>
      </c>
      <c r="AIQ39" s="927" t="s">
        <v>3816</v>
      </c>
      <c r="AIR39" s="927" t="s">
        <v>3816</v>
      </c>
      <c r="AIS39" s="927" t="s">
        <v>3816</v>
      </c>
      <c r="AIT39" s="927" t="s">
        <v>3816</v>
      </c>
      <c r="AIU39" s="927" t="s">
        <v>3816</v>
      </c>
      <c r="AIV39" s="927" t="s">
        <v>3816</v>
      </c>
      <c r="AIW39" s="927" t="s">
        <v>3816</v>
      </c>
      <c r="AIX39" s="927" t="s">
        <v>3816</v>
      </c>
      <c r="AIY39" s="927" t="s">
        <v>3816</v>
      </c>
      <c r="AIZ39" s="927" t="s">
        <v>3816</v>
      </c>
      <c r="AJA39" s="927" t="s">
        <v>3816</v>
      </c>
      <c r="AJB39" s="927" t="s">
        <v>3816</v>
      </c>
      <c r="AJC39" s="927" t="s">
        <v>3816</v>
      </c>
      <c r="AJD39" s="927" t="s">
        <v>3816</v>
      </c>
      <c r="AJE39" s="927" t="s">
        <v>3816</v>
      </c>
      <c r="AJF39" s="927" t="s">
        <v>3816</v>
      </c>
      <c r="AJG39" s="927" t="s">
        <v>3816</v>
      </c>
      <c r="AJH39" s="927" t="s">
        <v>3816</v>
      </c>
      <c r="AJI39" s="927" t="s">
        <v>3816</v>
      </c>
      <c r="AJJ39" s="927" t="s">
        <v>3816</v>
      </c>
      <c r="AJK39" s="927" t="s">
        <v>3816</v>
      </c>
      <c r="AJL39" s="927" t="s">
        <v>3816</v>
      </c>
      <c r="AJM39" s="927" t="s">
        <v>3816</v>
      </c>
      <c r="AJN39" s="927" t="s">
        <v>3816</v>
      </c>
      <c r="AJO39" s="927" t="s">
        <v>3816</v>
      </c>
      <c r="AJP39" s="927" t="s">
        <v>3816</v>
      </c>
      <c r="AJQ39" s="927" t="s">
        <v>3816</v>
      </c>
      <c r="AJR39" s="927" t="s">
        <v>3816</v>
      </c>
      <c r="AJS39" s="927" t="s">
        <v>3816</v>
      </c>
      <c r="AJT39" s="927" t="s">
        <v>3816</v>
      </c>
      <c r="AJU39" s="927" t="s">
        <v>3816</v>
      </c>
      <c r="AJV39" s="927" t="s">
        <v>3816</v>
      </c>
      <c r="AJW39" s="927" t="s">
        <v>3816</v>
      </c>
      <c r="AJX39" s="927" t="s">
        <v>3816</v>
      </c>
      <c r="AJY39" s="927" t="s">
        <v>3816</v>
      </c>
      <c r="AJZ39" s="927" t="s">
        <v>3816</v>
      </c>
      <c r="AKA39" s="927" t="s">
        <v>3816</v>
      </c>
      <c r="AKB39" s="927" t="s">
        <v>3816</v>
      </c>
      <c r="AKC39" s="927" t="s">
        <v>3816</v>
      </c>
      <c r="AKD39" s="927" t="s">
        <v>3816</v>
      </c>
      <c r="AKE39" s="927" t="s">
        <v>3816</v>
      </c>
      <c r="AKF39" s="927" t="s">
        <v>3816</v>
      </c>
      <c r="AKG39" s="927" t="s">
        <v>3816</v>
      </c>
      <c r="AKH39" s="927" t="s">
        <v>3816</v>
      </c>
      <c r="AKI39" s="927" t="s">
        <v>3816</v>
      </c>
      <c r="AKJ39" s="927" t="s">
        <v>3816</v>
      </c>
      <c r="AKK39" s="927" t="s">
        <v>3816</v>
      </c>
      <c r="AKL39" s="927" t="s">
        <v>3816</v>
      </c>
      <c r="AKM39" s="927" t="s">
        <v>3816</v>
      </c>
      <c r="AKN39" s="927" t="s">
        <v>3816</v>
      </c>
      <c r="AKO39" s="927" t="s">
        <v>3816</v>
      </c>
      <c r="AKP39" s="927" t="s">
        <v>3816</v>
      </c>
      <c r="AKQ39" s="927" t="s">
        <v>3816</v>
      </c>
      <c r="AKR39" s="927" t="s">
        <v>3816</v>
      </c>
      <c r="AKS39" s="927" t="s">
        <v>3816</v>
      </c>
      <c r="AKT39" s="927" t="s">
        <v>3816</v>
      </c>
      <c r="AKU39" s="927" t="s">
        <v>3816</v>
      </c>
      <c r="AKV39" s="927" t="s">
        <v>3816</v>
      </c>
      <c r="AKW39" s="927" t="s">
        <v>3816</v>
      </c>
      <c r="AKX39" s="927" t="s">
        <v>3816</v>
      </c>
      <c r="AKY39" s="927" t="s">
        <v>3816</v>
      </c>
      <c r="AKZ39" s="927" t="s">
        <v>3816</v>
      </c>
      <c r="ALA39" s="927" t="s">
        <v>3816</v>
      </c>
      <c r="ALB39" s="927" t="s">
        <v>3816</v>
      </c>
      <c r="ALC39" s="927" t="s">
        <v>3816</v>
      </c>
      <c r="ALD39" s="927" t="s">
        <v>3816</v>
      </c>
      <c r="ALE39" s="927" t="s">
        <v>3816</v>
      </c>
      <c r="ALF39" s="927" t="s">
        <v>3816</v>
      </c>
      <c r="ALG39" s="927" t="s">
        <v>3816</v>
      </c>
      <c r="ALH39" s="927" t="s">
        <v>3816</v>
      </c>
      <c r="ALI39" s="927" t="s">
        <v>3816</v>
      </c>
      <c r="ALJ39" s="927" t="s">
        <v>3816</v>
      </c>
      <c r="ALK39" s="927" t="s">
        <v>3816</v>
      </c>
      <c r="ALL39" s="927" t="s">
        <v>3816</v>
      </c>
      <c r="ALM39" s="927" t="s">
        <v>3816</v>
      </c>
      <c r="ALN39" s="927" t="s">
        <v>3816</v>
      </c>
      <c r="ALO39" s="927" t="s">
        <v>3816</v>
      </c>
      <c r="ALP39" s="927" t="s">
        <v>3816</v>
      </c>
      <c r="ALQ39" s="927" t="s">
        <v>3816</v>
      </c>
      <c r="ALR39" s="927" t="s">
        <v>3816</v>
      </c>
      <c r="ALS39" s="927" t="s">
        <v>3816</v>
      </c>
      <c r="ALT39" s="927" t="s">
        <v>3816</v>
      </c>
      <c r="ALU39" s="927" t="s">
        <v>3816</v>
      </c>
      <c r="ALV39" s="927" t="s">
        <v>3816</v>
      </c>
      <c r="ALW39" s="927" t="s">
        <v>3816</v>
      </c>
      <c r="ALX39" s="927" t="s">
        <v>3816</v>
      </c>
      <c r="ALY39" s="927" t="s">
        <v>3816</v>
      </c>
      <c r="ALZ39" s="927" t="s">
        <v>3816</v>
      </c>
      <c r="AMA39" s="927" t="s">
        <v>3816</v>
      </c>
      <c r="AMB39" s="927" t="s">
        <v>3816</v>
      </c>
      <c r="AMC39" s="927" t="s">
        <v>3816</v>
      </c>
      <c r="AMD39" s="927" t="s">
        <v>3816</v>
      </c>
      <c r="AME39" s="927" t="s">
        <v>3816</v>
      </c>
      <c r="AMF39" s="927" t="s">
        <v>3816</v>
      </c>
      <c r="AMG39" s="927" t="s">
        <v>3816</v>
      </c>
      <c r="AMH39" s="927" t="s">
        <v>3816</v>
      </c>
      <c r="AMI39" s="927" t="s">
        <v>3816</v>
      </c>
      <c r="AMJ39" s="927" t="s">
        <v>3816</v>
      </c>
      <c r="AMK39" s="927" t="s">
        <v>3816</v>
      </c>
      <c r="AML39" s="927" t="s">
        <v>3816</v>
      </c>
      <c r="AMM39" s="927" t="s">
        <v>3816</v>
      </c>
      <c r="AMN39" s="927" t="s">
        <v>3816</v>
      </c>
      <c r="AMO39" s="927" t="s">
        <v>3816</v>
      </c>
      <c r="AMP39" s="927" t="s">
        <v>3816</v>
      </c>
      <c r="AMQ39" s="927" t="s">
        <v>3816</v>
      </c>
      <c r="AMR39" s="927" t="s">
        <v>3816</v>
      </c>
      <c r="AMS39" s="927" t="s">
        <v>3816</v>
      </c>
      <c r="AMT39" s="927" t="s">
        <v>3816</v>
      </c>
      <c r="AMU39" s="927" t="s">
        <v>3816</v>
      </c>
      <c r="AMV39" s="927" t="s">
        <v>3816</v>
      </c>
      <c r="AMW39" s="927" t="s">
        <v>3816</v>
      </c>
      <c r="AMX39" s="927" t="s">
        <v>3816</v>
      </c>
      <c r="AMY39" s="927" t="s">
        <v>3816</v>
      </c>
      <c r="AMZ39" s="927" t="s">
        <v>3816</v>
      </c>
      <c r="ANA39" s="927" t="s">
        <v>3816</v>
      </c>
      <c r="ANB39" s="927" t="s">
        <v>3816</v>
      </c>
      <c r="ANC39" s="927" t="s">
        <v>3816</v>
      </c>
      <c r="AND39" s="927" t="s">
        <v>3816</v>
      </c>
      <c r="ANE39" s="927" t="s">
        <v>3816</v>
      </c>
      <c r="ANF39" s="927" t="s">
        <v>3816</v>
      </c>
      <c r="ANG39" s="927" t="s">
        <v>3816</v>
      </c>
      <c r="ANH39" s="927" t="s">
        <v>3816</v>
      </c>
      <c r="ANI39" s="927" t="s">
        <v>3816</v>
      </c>
      <c r="ANJ39" s="927" t="s">
        <v>3816</v>
      </c>
      <c r="ANK39" s="927" t="s">
        <v>3816</v>
      </c>
      <c r="ANL39" s="927" t="s">
        <v>3816</v>
      </c>
      <c r="ANM39" s="927" t="s">
        <v>3816</v>
      </c>
      <c r="ANN39" s="927" t="s">
        <v>3816</v>
      </c>
      <c r="ANO39" s="927" t="s">
        <v>3816</v>
      </c>
      <c r="ANP39" s="927" t="s">
        <v>3816</v>
      </c>
      <c r="ANQ39" s="927" t="s">
        <v>3816</v>
      </c>
      <c r="ANR39" s="927" t="s">
        <v>3816</v>
      </c>
      <c r="ANS39" s="927" t="s">
        <v>3816</v>
      </c>
      <c r="ANT39" s="927" t="s">
        <v>3816</v>
      </c>
      <c r="ANU39" s="927" t="s">
        <v>3816</v>
      </c>
      <c r="ANV39" s="927" t="s">
        <v>3816</v>
      </c>
      <c r="ANW39" s="927" t="s">
        <v>3816</v>
      </c>
      <c r="ANX39" s="927" t="s">
        <v>3816</v>
      </c>
      <c r="ANY39" s="927" t="s">
        <v>3816</v>
      </c>
      <c r="ANZ39" s="927" t="s">
        <v>3816</v>
      </c>
      <c r="AOA39" s="927" t="s">
        <v>3816</v>
      </c>
      <c r="AOB39" s="927" t="s">
        <v>3816</v>
      </c>
      <c r="AOC39" s="927" t="s">
        <v>3816</v>
      </c>
      <c r="AOD39" s="927" t="s">
        <v>3816</v>
      </c>
      <c r="AOE39" s="927" t="s">
        <v>3816</v>
      </c>
      <c r="AOF39" s="927" t="s">
        <v>3816</v>
      </c>
      <c r="AOG39" s="927" t="s">
        <v>3816</v>
      </c>
      <c r="AOH39" s="927" t="s">
        <v>3816</v>
      </c>
      <c r="AOI39" s="927" t="s">
        <v>3816</v>
      </c>
      <c r="AOJ39" s="927" t="s">
        <v>3816</v>
      </c>
      <c r="AOK39" s="927" t="s">
        <v>3816</v>
      </c>
      <c r="AOL39" s="927" t="s">
        <v>3816</v>
      </c>
      <c r="AOM39" s="927" t="s">
        <v>3816</v>
      </c>
      <c r="AON39" s="927" t="s">
        <v>3816</v>
      </c>
      <c r="AOO39" s="927" t="s">
        <v>3816</v>
      </c>
      <c r="AOP39" s="927" t="s">
        <v>3816</v>
      </c>
      <c r="AOQ39" s="927" t="s">
        <v>3816</v>
      </c>
      <c r="AOR39" s="927" t="s">
        <v>3816</v>
      </c>
      <c r="AOS39" s="927" t="s">
        <v>3816</v>
      </c>
      <c r="AOT39" s="927" t="s">
        <v>3816</v>
      </c>
      <c r="AOU39" s="927" t="s">
        <v>3816</v>
      </c>
      <c r="AOV39" s="927" t="s">
        <v>3816</v>
      </c>
      <c r="AOW39" s="927" t="s">
        <v>3816</v>
      </c>
      <c r="AOX39" s="927" t="s">
        <v>3816</v>
      </c>
      <c r="AOY39" s="927" t="s">
        <v>3816</v>
      </c>
      <c r="AOZ39" s="927" t="s">
        <v>3816</v>
      </c>
      <c r="APA39" s="927" t="s">
        <v>3816</v>
      </c>
      <c r="APB39" s="927" t="s">
        <v>3816</v>
      </c>
      <c r="APC39" s="927" t="s">
        <v>3816</v>
      </c>
      <c r="APD39" s="927" t="s">
        <v>3816</v>
      </c>
      <c r="APE39" s="927" t="s">
        <v>3816</v>
      </c>
      <c r="APF39" s="927" t="s">
        <v>3816</v>
      </c>
      <c r="APG39" s="927" t="s">
        <v>3816</v>
      </c>
      <c r="APH39" s="927" t="s">
        <v>3816</v>
      </c>
      <c r="API39" s="927" t="s">
        <v>3816</v>
      </c>
      <c r="APJ39" s="927" t="s">
        <v>3816</v>
      </c>
      <c r="APK39" s="927" t="s">
        <v>3816</v>
      </c>
      <c r="APL39" s="927" t="s">
        <v>3816</v>
      </c>
      <c r="APM39" s="927" t="s">
        <v>3816</v>
      </c>
      <c r="APN39" s="927" t="s">
        <v>3816</v>
      </c>
      <c r="APO39" s="927" t="s">
        <v>3816</v>
      </c>
      <c r="APP39" s="927" t="s">
        <v>3816</v>
      </c>
      <c r="APQ39" s="927" t="s">
        <v>3816</v>
      </c>
      <c r="APR39" s="927" t="s">
        <v>3816</v>
      </c>
      <c r="APS39" s="927" t="s">
        <v>3816</v>
      </c>
      <c r="APT39" s="927" t="s">
        <v>3816</v>
      </c>
      <c r="APU39" s="927" t="s">
        <v>3816</v>
      </c>
      <c r="APV39" s="927" t="s">
        <v>3816</v>
      </c>
      <c r="APW39" s="927" t="s">
        <v>3816</v>
      </c>
      <c r="APX39" s="927" t="s">
        <v>3816</v>
      </c>
      <c r="APY39" s="927" t="s">
        <v>3816</v>
      </c>
      <c r="APZ39" s="927" t="s">
        <v>3816</v>
      </c>
      <c r="AQA39" s="927" t="s">
        <v>3816</v>
      </c>
      <c r="AQB39" s="927" t="s">
        <v>3816</v>
      </c>
      <c r="AQC39" s="927" t="s">
        <v>3816</v>
      </c>
      <c r="AQD39" s="927" t="s">
        <v>3816</v>
      </c>
      <c r="AQE39" s="927" t="s">
        <v>3816</v>
      </c>
      <c r="AQF39" s="927" t="s">
        <v>3816</v>
      </c>
      <c r="AQG39" s="927" t="s">
        <v>3816</v>
      </c>
      <c r="AQH39" s="927" t="s">
        <v>3816</v>
      </c>
      <c r="AQI39" s="927" t="s">
        <v>3816</v>
      </c>
      <c r="AQJ39" s="927" t="s">
        <v>3816</v>
      </c>
      <c r="AQK39" s="927" t="s">
        <v>3816</v>
      </c>
      <c r="AQL39" s="927" t="s">
        <v>3816</v>
      </c>
      <c r="AQM39" s="927" t="s">
        <v>3816</v>
      </c>
      <c r="AQN39" s="927" t="s">
        <v>3816</v>
      </c>
      <c r="AQO39" s="927" t="s">
        <v>3816</v>
      </c>
      <c r="AQP39" s="927" t="s">
        <v>3816</v>
      </c>
      <c r="AQQ39" s="927" t="s">
        <v>3816</v>
      </c>
      <c r="AQR39" s="927" t="s">
        <v>3816</v>
      </c>
      <c r="AQS39" s="927" t="s">
        <v>3816</v>
      </c>
      <c r="AQT39" s="927" t="s">
        <v>3816</v>
      </c>
      <c r="AQU39" s="927" t="s">
        <v>3816</v>
      </c>
      <c r="AQV39" s="927" t="s">
        <v>3816</v>
      </c>
      <c r="AQW39" s="927" t="s">
        <v>3816</v>
      </c>
      <c r="AQX39" s="927" t="s">
        <v>3816</v>
      </c>
      <c r="AQY39" s="927" t="s">
        <v>3816</v>
      </c>
      <c r="AQZ39" s="927" t="s">
        <v>3816</v>
      </c>
      <c r="ARA39" s="927" t="s">
        <v>3816</v>
      </c>
      <c r="ARB39" s="927" t="s">
        <v>3816</v>
      </c>
      <c r="ARC39" s="927" t="s">
        <v>3816</v>
      </c>
      <c r="ARD39" s="927" t="s">
        <v>3816</v>
      </c>
      <c r="ARE39" s="927" t="s">
        <v>3816</v>
      </c>
      <c r="ARF39" s="927" t="s">
        <v>3816</v>
      </c>
      <c r="ARG39" s="927" t="s">
        <v>3816</v>
      </c>
      <c r="ARH39" s="927" t="s">
        <v>3816</v>
      </c>
      <c r="ARI39" s="927" t="s">
        <v>3816</v>
      </c>
      <c r="ARJ39" s="927" t="s">
        <v>3816</v>
      </c>
      <c r="ARK39" s="927" t="s">
        <v>3816</v>
      </c>
      <c r="ARL39" s="927" t="s">
        <v>3816</v>
      </c>
      <c r="ARM39" s="927" t="s">
        <v>3816</v>
      </c>
      <c r="ARN39" s="927" t="s">
        <v>3816</v>
      </c>
      <c r="ARO39" s="927" t="s">
        <v>3816</v>
      </c>
      <c r="ARP39" s="927" t="s">
        <v>3816</v>
      </c>
      <c r="ARQ39" s="927" t="s">
        <v>3816</v>
      </c>
      <c r="ARR39" s="927" t="s">
        <v>3816</v>
      </c>
      <c r="ARS39" s="927" t="s">
        <v>3816</v>
      </c>
      <c r="ART39" s="927" t="s">
        <v>3816</v>
      </c>
      <c r="ARU39" s="927" t="s">
        <v>3816</v>
      </c>
      <c r="ARV39" s="927" t="s">
        <v>3816</v>
      </c>
      <c r="ARW39" s="927" t="s">
        <v>3816</v>
      </c>
      <c r="ARX39" s="927" t="s">
        <v>3816</v>
      </c>
      <c r="ARY39" s="927" t="s">
        <v>3816</v>
      </c>
      <c r="ARZ39" s="927" t="s">
        <v>3816</v>
      </c>
      <c r="ASA39" s="927" t="s">
        <v>3816</v>
      </c>
      <c r="ASB39" s="927" t="s">
        <v>3816</v>
      </c>
      <c r="ASC39" s="927" t="s">
        <v>3816</v>
      </c>
      <c r="ASD39" s="927" t="s">
        <v>3816</v>
      </c>
      <c r="ASE39" s="927" t="s">
        <v>3816</v>
      </c>
      <c r="ASF39" s="927" t="s">
        <v>3816</v>
      </c>
      <c r="ASG39" s="927" t="s">
        <v>3816</v>
      </c>
      <c r="ASH39" s="927" t="s">
        <v>3816</v>
      </c>
      <c r="ASI39" s="927" t="s">
        <v>3816</v>
      </c>
      <c r="ASJ39" s="927" t="s">
        <v>3816</v>
      </c>
      <c r="ASK39" s="927" t="s">
        <v>3816</v>
      </c>
      <c r="ASL39" s="927" t="s">
        <v>3816</v>
      </c>
      <c r="ASM39" s="927" t="s">
        <v>3816</v>
      </c>
      <c r="ASN39" s="927" t="s">
        <v>3816</v>
      </c>
      <c r="ASO39" s="927" t="s">
        <v>3816</v>
      </c>
      <c r="ASP39" s="927" t="s">
        <v>3816</v>
      </c>
      <c r="ASQ39" s="927" t="s">
        <v>3816</v>
      </c>
      <c r="ASR39" s="927" t="s">
        <v>3816</v>
      </c>
      <c r="ASS39" s="927" t="s">
        <v>3816</v>
      </c>
      <c r="AST39" s="927" t="s">
        <v>3816</v>
      </c>
      <c r="ASU39" s="927" t="s">
        <v>3816</v>
      </c>
      <c r="ASV39" s="927" t="s">
        <v>3816</v>
      </c>
      <c r="ASW39" s="927" t="s">
        <v>3816</v>
      </c>
      <c r="ASX39" s="927" t="s">
        <v>3816</v>
      </c>
      <c r="ASY39" s="927" t="s">
        <v>3816</v>
      </c>
      <c r="ASZ39" s="927" t="s">
        <v>3816</v>
      </c>
      <c r="ATA39" s="927" t="s">
        <v>3816</v>
      </c>
      <c r="ATB39" s="927" t="s">
        <v>3816</v>
      </c>
      <c r="ATC39" s="927" t="s">
        <v>3816</v>
      </c>
      <c r="ATD39" s="927" t="s">
        <v>3816</v>
      </c>
      <c r="ATE39" s="927" t="s">
        <v>3816</v>
      </c>
      <c r="ATF39" s="927" t="s">
        <v>3816</v>
      </c>
      <c r="ATG39" s="927" t="s">
        <v>3816</v>
      </c>
      <c r="ATH39" s="927" t="s">
        <v>3816</v>
      </c>
      <c r="ATI39" s="927" t="s">
        <v>3816</v>
      </c>
      <c r="ATJ39" s="927" t="s">
        <v>3816</v>
      </c>
      <c r="ATK39" s="927" t="s">
        <v>3816</v>
      </c>
      <c r="ATL39" s="927" t="s">
        <v>3816</v>
      </c>
      <c r="ATM39" s="927" t="s">
        <v>3816</v>
      </c>
      <c r="ATN39" s="927" t="s">
        <v>3816</v>
      </c>
      <c r="ATO39" s="927" t="s">
        <v>3816</v>
      </c>
      <c r="ATP39" s="927" t="s">
        <v>3816</v>
      </c>
      <c r="ATQ39" s="927" t="s">
        <v>3816</v>
      </c>
      <c r="ATR39" s="927" t="s">
        <v>3816</v>
      </c>
      <c r="ATS39" s="927" t="s">
        <v>3816</v>
      </c>
      <c r="ATT39" s="927" t="s">
        <v>3816</v>
      </c>
      <c r="ATU39" s="927" t="s">
        <v>3816</v>
      </c>
      <c r="ATV39" s="927" t="s">
        <v>3816</v>
      </c>
      <c r="ATW39" s="927" t="s">
        <v>3816</v>
      </c>
      <c r="ATX39" s="927" t="s">
        <v>3816</v>
      </c>
      <c r="ATY39" s="927" t="s">
        <v>3816</v>
      </c>
      <c r="ATZ39" s="927" t="s">
        <v>3816</v>
      </c>
      <c r="AUA39" s="927" t="s">
        <v>3816</v>
      </c>
      <c r="AUB39" s="927" t="s">
        <v>3816</v>
      </c>
      <c r="AUC39" s="927" t="s">
        <v>3816</v>
      </c>
      <c r="AUD39" s="927" t="s">
        <v>3816</v>
      </c>
      <c r="AUE39" s="927" t="s">
        <v>3816</v>
      </c>
      <c r="AUF39" s="927" t="s">
        <v>3816</v>
      </c>
      <c r="AUG39" s="927" t="s">
        <v>3816</v>
      </c>
      <c r="AUH39" s="927" t="s">
        <v>3816</v>
      </c>
      <c r="AUI39" s="927" t="s">
        <v>3816</v>
      </c>
      <c r="AUJ39" s="927" t="s">
        <v>3816</v>
      </c>
      <c r="AUK39" s="927" t="s">
        <v>3816</v>
      </c>
      <c r="AUL39" s="927" t="s">
        <v>3816</v>
      </c>
      <c r="AUM39" s="927" t="s">
        <v>3816</v>
      </c>
      <c r="AUN39" s="927" t="s">
        <v>3816</v>
      </c>
      <c r="AUO39" s="927" t="s">
        <v>3816</v>
      </c>
      <c r="AUP39" s="927" t="s">
        <v>3816</v>
      </c>
      <c r="AUQ39" s="927" t="s">
        <v>3816</v>
      </c>
      <c r="AUR39" s="927" t="s">
        <v>3816</v>
      </c>
      <c r="AUS39" s="927" t="s">
        <v>3816</v>
      </c>
      <c r="AUT39" s="927" t="s">
        <v>3816</v>
      </c>
      <c r="AUU39" s="927" t="s">
        <v>3816</v>
      </c>
      <c r="AUV39" s="927" t="s">
        <v>3816</v>
      </c>
      <c r="AUW39" s="927" t="s">
        <v>3816</v>
      </c>
      <c r="AUX39" s="927" t="s">
        <v>3816</v>
      </c>
      <c r="AUY39" s="927" t="s">
        <v>3816</v>
      </c>
      <c r="AUZ39" s="927" t="s">
        <v>3816</v>
      </c>
      <c r="AVA39" s="927" t="s">
        <v>3816</v>
      </c>
      <c r="AVB39" s="927" t="s">
        <v>3816</v>
      </c>
      <c r="AVC39" s="927" t="s">
        <v>3816</v>
      </c>
      <c r="AVD39" s="927" t="s">
        <v>3816</v>
      </c>
      <c r="AVE39" s="927" t="s">
        <v>3816</v>
      </c>
      <c r="AVF39" s="927" t="s">
        <v>3816</v>
      </c>
      <c r="AVG39" s="927" t="s">
        <v>3816</v>
      </c>
      <c r="AVH39" s="927" t="s">
        <v>3816</v>
      </c>
      <c r="AVI39" s="927" t="s">
        <v>3816</v>
      </c>
      <c r="AVJ39" s="927" t="s">
        <v>3816</v>
      </c>
      <c r="AVK39" s="927" t="s">
        <v>3816</v>
      </c>
      <c r="AVL39" s="927" t="s">
        <v>3816</v>
      </c>
      <c r="AVM39" s="927" t="s">
        <v>3816</v>
      </c>
      <c r="AVN39" s="927" t="s">
        <v>3816</v>
      </c>
      <c r="AVO39" s="927" t="s">
        <v>3816</v>
      </c>
      <c r="AVP39" s="927" t="s">
        <v>3816</v>
      </c>
      <c r="AVQ39" s="927" t="s">
        <v>3816</v>
      </c>
      <c r="AVR39" s="927" t="s">
        <v>3816</v>
      </c>
      <c r="AVS39" s="927" t="s">
        <v>3816</v>
      </c>
      <c r="AVT39" s="927" t="s">
        <v>3816</v>
      </c>
      <c r="AVU39" s="927" t="s">
        <v>3816</v>
      </c>
      <c r="AVV39" s="927" t="s">
        <v>3816</v>
      </c>
      <c r="AVW39" s="927" t="s">
        <v>3816</v>
      </c>
      <c r="AVX39" s="927" t="s">
        <v>3816</v>
      </c>
      <c r="AVY39" s="927" t="s">
        <v>3816</v>
      </c>
      <c r="AVZ39" s="927" t="s">
        <v>3816</v>
      </c>
      <c r="AWA39" s="927" t="s">
        <v>3816</v>
      </c>
      <c r="AWB39" s="927" t="s">
        <v>3816</v>
      </c>
      <c r="AWC39" s="927" t="s">
        <v>3816</v>
      </c>
      <c r="AWD39" s="927" t="s">
        <v>3816</v>
      </c>
      <c r="AWE39" s="927" t="s">
        <v>3816</v>
      </c>
      <c r="AWF39" s="927" t="s">
        <v>3816</v>
      </c>
      <c r="AWG39" s="927" t="s">
        <v>3816</v>
      </c>
      <c r="AWH39" s="927" t="s">
        <v>3816</v>
      </c>
      <c r="AWI39" s="927" t="s">
        <v>3816</v>
      </c>
      <c r="AWJ39" s="927" t="s">
        <v>3816</v>
      </c>
      <c r="AWK39" s="927" t="s">
        <v>3816</v>
      </c>
      <c r="AWL39" s="927" t="s">
        <v>3816</v>
      </c>
      <c r="AWM39" s="927" t="s">
        <v>3816</v>
      </c>
      <c r="AWN39" s="927" t="s">
        <v>3816</v>
      </c>
      <c r="AWO39" s="927" t="s">
        <v>3816</v>
      </c>
      <c r="AWP39" s="927" t="s">
        <v>3816</v>
      </c>
      <c r="AWQ39" s="927" t="s">
        <v>3816</v>
      </c>
      <c r="AWR39" s="927" t="s">
        <v>3816</v>
      </c>
      <c r="AWS39" s="927" t="s">
        <v>3816</v>
      </c>
      <c r="AWT39" s="927" t="s">
        <v>3816</v>
      </c>
      <c r="AWU39" s="927" t="s">
        <v>3816</v>
      </c>
      <c r="AWV39" s="927" t="s">
        <v>3816</v>
      </c>
      <c r="AWW39" s="927" t="s">
        <v>3816</v>
      </c>
      <c r="AWX39" s="927" t="s">
        <v>3816</v>
      </c>
      <c r="AWY39" s="927" t="s">
        <v>3816</v>
      </c>
      <c r="AWZ39" s="927" t="s">
        <v>3816</v>
      </c>
      <c r="AXA39" s="927" t="s">
        <v>3816</v>
      </c>
      <c r="AXB39" s="927" t="s">
        <v>3816</v>
      </c>
      <c r="AXC39" s="927" t="s">
        <v>3816</v>
      </c>
      <c r="AXD39" s="927" t="s">
        <v>3816</v>
      </c>
      <c r="AXE39" s="927" t="s">
        <v>3816</v>
      </c>
      <c r="AXF39" s="927" t="s">
        <v>3816</v>
      </c>
      <c r="AXG39" s="927" t="s">
        <v>3816</v>
      </c>
      <c r="AXH39" s="927" t="s">
        <v>3816</v>
      </c>
      <c r="AXI39" s="927" t="s">
        <v>3816</v>
      </c>
      <c r="AXJ39" s="927" t="s">
        <v>3816</v>
      </c>
      <c r="AXK39" s="927" t="s">
        <v>3816</v>
      </c>
      <c r="AXL39" s="927" t="s">
        <v>3816</v>
      </c>
      <c r="AXM39" s="927" t="s">
        <v>3816</v>
      </c>
      <c r="AXN39" s="927" t="s">
        <v>3816</v>
      </c>
      <c r="AXO39" s="927" t="s">
        <v>3816</v>
      </c>
      <c r="AXP39" s="927" t="s">
        <v>3816</v>
      </c>
      <c r="AXQ39" s="927" t="s">
        <v>3816</v>
      </c>
      <c r="AXR39" s="927" t="s">
        <v>3816</v>
      </c>
      <c r="AXS39" s="927" t="s">
        <v>3816</v>
      </c>
      <c r="AXT39" s="927" t="s">
        <v>3816</v>
      </c>
      <c r="AXU39" s="927" t="s">
        <v>3816</v>
      </c>
      <c r="AXV39" s="927" t="s">
        <v>3816</v>
      </c>
      <c r="AXW39" s="927" t="s">
        <v>3816</v>
      </c>
      <c r="AXX39" s="927" t="s">
        <v>3816</v>
      </c>
      <c r="AXY39" s="927" t="s">
        <v>3816</v>
      </c>
      <c r="AXZ39" s="927" t="s">
        <v>3816</v>
      </c>
      <c r="AYA39" s="927" t="s">
        <v>3816</v>
      </c>
      <c r="AYB39" s="927" t="s">
        <v>3816</v>
      </c>
      <c r="AYC39" s="927" t="s">
        <v>3816</v>
      </c>
      <c r="AYD39" s="927" t="s">
        <v>3816</v>
      </c>
      <c r="AYE39" s="927" t="s">
        <v>3816</v>
      </c>
      <c r="AYF39" s="927" t="s">
        <v>3816</v>
      </c>
      <c r="AYG39" s="927" t="s">
        <v>3816</v>
      </c>
      <c r="AYH39" s="927" t="s">
        <v>3816</v>
      </c>
      <c r="AYI39" s="927" t="s">
        <v>3816</v>
      </c>
      <c r="AYJ39" s="927" t="s">
        <v>3816</v>
      </c>
      <c r="AYK39" s="927" t="s">
        <v>3816</v>
      </c>
      <c r="AYL39" s="927" t="s">
        <v>3816</v>
      </c>
      <c r="AYM39" s="927" t="s">
        <v>3816</v>
      </c>
      <c r="AYN39" s="927" t="s">
        <v>3816</v>
      </c>
      <c r="AYO39" s="927" t="s">
        <v>3816</v>
      </c>
      <c r="AYP39" s="927" t="s">
        <v>3816</v>
      </c>
      <c r="AYQ39" s="927" t="s">
        <v>3816</v>
      </c>
      <c r="AYR39" s="927" t="s">
        <v>3816</v>
      </c>
      <c r="AYS39" s="927" t="s">
        <v>3816</v>
      </c>
      <c r="AYT39" s="927" t="s">
        <v>3816</v>
      </c>
      <c r="AYU39" s="927" t="s">
        <v>3816</v>
      </c>
      <c r="AYV39" s="927" t="s">
        <v>3816</v>
      </c>
      <c r="AYW39" s="927" t="s">
        <v>3816</v>
      </c>
      <c r="AYX39" s="927" t="s">
        <v>3816</v>
      </c>
      <c r="AYY39" s="927" t="s">
        <v>3816</v>
      </c>
      <c r="AYZ39" s="927" t="s">
        <v>3816</v>
      </c>
      <c r="AZA39" s="927" t="s">
        <v>3816</v>
      </c>
      <c r="AZB39" s="927" t="s">
        <v>3816</v>
      </c>
      <c r="AZC39" s="927" t="s">
        <v>3816</v>
      </c>
      <c r="AZD39" s="927" t="s">
        <v>3816</v>
      </c>
      <c r="AZE39" s="927" t="s">
        <v>3816</v>
      </c>
      <c r="AZF39" s="927" t="s">
        <v>3816</v>
      </c>
      <c r="AZG39" s="927" t="s">
        <v>3816</v>
      </c>
      <c r="AZH39" s="927" t="s">
        <v>3816</v>
      </c>
      <c r="AZI39" s="927" t="s">
        <v>3816</v>
      </c>
      <c r="AZJ39" s="927" t="s">
        <v>3816</v>
      </c>
      <c r="AZK39" s="927" t="s">
        <v>3816</v>
      </c>
      <c r="AZL39" s="927" t="s">
        <v>3816</v>
      </c>
      <c r="AZM39" s="927" t="s">
        <v>3816</v>
      </c>
      <c r="AZN39" s="927" t="s">
        <v>3816</v>
      </c>
      <c r="AZO39" s="927" t="s">
        <v>3816</v>
      </c>
      <c r="AZP39" s="927" t="s">
        <v>3816</v>
      </c>
      <c r="AZQ39" s="927" t="s">
        <v>3816</v>
      </c>
      <c r="AZR39" s="927" t="s">
        <v>3816</v>
      </c>
      <c r="AZS39" s="927" t="s">
        <v>3816</v>
      </c>
      <c r="AZT39" s="927" t="s">
        <v>3816</v>
      </c>
      <c r="AZU39" s="927" t="s">
        <v>3816</v>
      </c>
      <c r="AZV39" s="927" t="s">
        <v>3816</v>
      </c>
      <c r="AZW39" s="927" t="s">
        <v>3816</v>
      </c>
      <c r="AZX39" s="927" t="s">
        <v>3816</v>
      </c>
      <c r="AZY39" s="927" t="s">
        <v>3816</v>
      </c>
      <c r="AZZ39" s="927" t="s">
        <v>3816</v>
      </c>
      <c r="BAA39" s="927" t="s">
        <v>3816</v>
      </c>
      <c r="BAB39" s="927" t="s">
        <v>3816</v>
      </c>
      <c r="BAC39" s="927" t="s">
        <v>3816</v>
      </c>
      <c r="BAD39" s="927" t="s">
        <v>3816</v>
      </c>
      <c r="BAE39" s="927" t="s">
        <v>3816</v>
      </c>
      <c r="BAF39" s="927" t="s">
        <v>3816</v>
      </c>
      <c r="BAG39" s="927" t="s">
        <v>3816</v>
      </c>
      <c r="BAH39" s="927" t="s">
        <v>3816</v>
      </c>
      <c r="BAI39" s="927" t="s">
        <v>3816</v>
      </c>
      <c r="BAJ39" s="927" t="s">
        <v>3816</v>
      </c>
      <c r="BAK39" s="927" t="s">
        <v>3816</v>
      </c>
      <c r="BAL39" s="927" t="s">
        <v>3816</v>
      </c>
      <c r="BAM39" s="927" t="s">
        <v>3816</v>
      </c>
      <c r="BAN39" s="927" t="s">
        <v>3816</v>
      </c>
      <c r="BAO39" s="927" t="s">
        <v>3816</v>
      </c>
      <c r="BAP39" s="927" t="s">
        <v>3816</v>
      </c>
      <c r="BAQ39" s="927" t="s">
        <v>3816</v>
      </c>
      <c r="BAR39" s="927" t="s">
        <v>3816</v>
      </c>
      <c r="BAS39" s="927" t="s">
        <v>3816</v>
      </c>
      <c r="BAT39" s="927" t="s">
        <v>3816</v>
      </c>
      <c r="BAU39" s="927" t="s">
        <v>3816</v>
      </c>
      <c r="BAV39" s="927" t="s">
        <v>3816</v>
      </c>
      <c r="BAW39" s="927" t="s">
        <v>3816</v>
      </c>
      <c r="BAX39" s="927" t="s">
        <v>3816</v>
      </c>
      <c r="BAY39" s="927" t="s">
        <v>3816</v>
      </c>
      <c r="BAZ39" s="927" t="s">
        <v>3816</v>
      </c>
      <c r="BBA39" s="927" t="s">
        <v>3816</v>
      </c>
      <c r="BBB39" s="927" t="s">
        <v>3816</v>
      </c>
      <c r="BBC39" s="927" t="s">
        <v>3816</v>
      </c>
      <c r="BBD39" s="927" t="s">
        <v>3816</v>
      </c>
      <c r="BBE39" s="927" t="s">
        <v>3816</v>
      </c>
      <c r="BBF39" s="927" t="s">
        <v>3816</v>
      </c>
      <c r="BBG39" s="927" t="s">
        <v>3816</v>
      </c>
      <c r="BBH39" s="927" t="s">
        <v>3816</v>
      </c>
      <c r="BBI39" s="927" t="s">
        <v>3816</v>
      </c>
      <c r="BBJ39" s="927" t="s">
        <v>3816</v>
      </c>
      <c r="BBK39" s="927" t="s">
        <v>3816</v>
      </c>
      <c r="BBL39" s="927" t="s">
        <v>3816</v>
      </c>
      <c r="BBM39" s="927" t="s">
        <v>3816</v>
      </c>
      <c r="BBN39" s="927" t="s">
        <v>3816</v>
      </c>
      <c r="BBO39" s="927" t="s">
        <v>3816</v>
      </c>
      <c r="BBP39" s="927" t="s">
        <v>3816</v>
      </c>
      <c r="BBQ39" s="927" t="s">
        <v>3816</v>
      </c>
      <c r="BBR39" s="927" t="s">
        <v>3816</v>
      </c>
      <c r="BBS39" s="927" t="s">
        <v>3816</v>
      </c>
      <c r="BBT39" s="927" t="s">
        <v>3816</v>
      </c>
      <c r="BBU39" s="927" t="s">
        <v>3816</v>
      </c>
      <c r="BBV39" s="927" t="s">
        <v>3816</v>
      </c>
      <c r="BBW39" s="927" t="s">
        <v>3816</v>
      </c>
      <c r="BBX39" s="927" t="s">
        <v>3816</v>
      </c>
      <c r="BBY39" s="927" t="s">
        <v>3816</v>
      </c>
      <c r="BBZ39" s="927" t="s">
        <v>3816</v>
      </c>
      <c r="BCA39" s="927" t="s">
        <v>3816</v>
      </c>
      <c r="BCB39" s="927" t="s">
        <v>3816</v>
      </c>
      <c r="BCC39" s="927" t="s">
        <v>3816</v>
      </c>
      <c r="BCD39" s="927" t="s">
        <v>3816</v>
      </c>
      <c r="BCE39" s="927" t="s">
        <v>3816</v>
      </c>
      <c r="BCF39" s="927" t="s">
        <v>3816</v>
      </c>
      <c r="BCG39" s="927" t="s">
        <v>3816</v>
      </c>
      <c r="BCH39" s="927" t="s">
        <v>3816</v>
      </c>
      <c r="BCI39" s="927" t="s">
        <v>3816</v>
      </c>
      <c r="BCJ39" s="927" t="s">
        <v>3816</v>
      </c>
      <c r="BCK39" s="927" t="s">
        <v>3816</v>
      </c>
      <c r="BCL39" s="927" t="s">
        <v>3816</v>
      </c>
      <c r="BCM39" s="927" t="s">
        <v>3816</v>
      </c>
      <c r="BCN39" s="927" t="s">
        <v>3816</v>
      </c>
      <c r="BCO39" s="927" t="s">
        <v>3816</v>
      </c>
      <c r="BCP39" s="927" t="s">
        <v>3816</v>
      </c>
      <c r="BCQ39" s="927" t="s">
        <v>3816</v>
      </c>
      <c r="BCR39" s="927" t="s">
        <v>3816</v>
      </c>
      <c r="BCS39" s="927" t="s">
        <v>3816</v>
      </c>
      <c r="BCT39" s="927" t="s">
        <v>3816</v>
      </c>
      <c r="BCU39" s="927" t="s">
        <v>3816</v>
      </c>
      <c r="BCV39" s="927" t="s">
        <v>3816</v>
      </c>
      <c r="BCW39" s="927" t="s">
        <v>3816</v>
      </c>
      <c r="BCX39" s="927" t="s">
        <v>3816</v>
      </c>
      <c r="BCY39" s="927" t="s">
        <v>3816</v>
      </c>
      <c r="BCZ39" s="927" t="s">
        <v>3816</v>
      </c>
      <c r="BDA39" s="927" t="s">
        <v>3816</v>
      </c>
      <c r="BDB39" s="927" t="s">
        <v>3816</v>
      </c>
      <c r="BDC39" s="927" t="s">
        <v>3816</v>
      </c>
      <c r="BDD39" s="927" t="s">
        <v>3816</v>
      </c>
      <c r="BDE39" s="927" t="s">
        <v>3816</v>
      </c>
      <c r="BDF39" s="927" t="s">
        <v>3816</v>
      </c>
      <c r="BDG39" s="927" t="s">
        <v>3816</v>
      </c>
      <c r="BDH39" s="927" t="s">
        <v>3816</v>
      </c>
      <c r="BDI39" s="927" t="s">
        <v>3816</v>
      </c>
      <c r="BDJ39" s="927" t="s">
        <v>3816</v>
      </c>
      <c r="BDK39" s="927" t="s">
        <v>3816</v>
      </c>
      <c r="BDL39" s="927" t="s">
        <v>3816</v>
      </c>
      <c r="BDM39" s="927" t="s">
        <v>3816</v>
      </c>
      <c r="BDN39" s="927" t="s">
        <v>3816</v>
      </c>
      <c r="BDO39" s="927" t="s">
        <v>3816</v>
      </c>
      <c r="BDP39" s="927" t="s">
        <v>3816</v>
      </c>
      <c r="BDQ39" s="927" t="s">
        <v>3816</v>
      </c>
      <c r="BDR39" s="927" t="s">
        <v>3816</v>
      </c>
      <c r="BDS39" s="927" t="s">
        <v>3816</v>
      </c>
      <c r="BDT39" s="927" t="s">
        <v>3816</v>
      </c>
      <c r="BDU39" s="927" t="s">
        <v>3816</v>
      </c>
      <c r="BDV39" s="927" t="s">
        <v>3816</v>
      </c>
      <c r="BDW39" s="927" t="s">
        <v>3816</v>
      </c>
      <c r="BDX39" s="927" t="s">
        <v>3816</v>
      </c>
      <c r="BDY39" s="927" t="s">
        <v>3816</v>
      </c>
      <c r="BDZ39" s="927" t="s">
        <v>3816</v>
      </c>
      <c r="BEA39" s="927" t="s">
        <v>3816</v>
      </c>
      <c r="BEB39" s="927" t="s">
        <v>3816</v>
      </c>
      <c r="BEC39" s="927" t="s">
        <v>3816</v>
      </c>
      <c r="BED39" s="927" t="s">
        <v>3816</v>
      </c>
      <c r="BEE39" s="927" t="s">
        <v>3816</v>
      </c>
      <c r="BEF39" s="927" t="s">
        <v>3816</v>
      </c>
      <c r="BEG39" s="927" t="s">
        <v>3816</v>
      </c>
      <c r="BEH39" s="927" t="s">
        <v>3816</v>
      </c>
      <c r="BEI39" s="927" t="s">
        <v>3816</v>
      </c>
      <c r="BEJ39" s="927" t="s">
        <v>3816</v>
      </c>
      <c r="BEK39" s="927" t="s">
        <v>3816</v>
      </c>
      <c r="BEL39" s="927" t="s">
        <v>3816</v>
      </c>
      <c r="BEM39" s="927" t="s">
        <v>3816</v>
      </c>
      <c r="BEN39" s="927" t="s">
        <v>3816</v>
      </c>
      <c r="BEO39" s="927" t="s">
        <v>3816</v>
      </c>
      <c r="BEP39" s="927" t="s">
        <v>3816</v>
      </c>
      <c r="BEQ39" s="927" t="s">
        <v>3816</v>
      </c>
      <c r="BER39" s="927" t="s">
        <v>3816</v>
      </c>
      <c r="BES39" s="927" t="s">
        <v>3816</v>
      </c>
      <c r="BET39" s="927" t="s">
        <v>3816</v>
      </c>
      <c r="BEU39" s="927" t="s">
        <v>3816</v>
      </c>
      <c r="BEV39" s="927" t="s">
        <v>3816</v>
      </c>
      <c r="BEW39" s="927" t="s">
        <v>3816</v>
      </c>
      <c r="BEX39" s="927" t="s">
        <v>3816</v>
      </c>
      <c r="BEY39" s="927" t="s">
        <v>3816</v>
      </c>
      <c r="BEZ39" s="927" t="s">
        <v>3816</v>
      </c>
      <c r="BFA39" s="927" t="s">
        <v>3816</v>
      </c>
      <c r="BFB39" s="927" t="s">
        <v>3816</v>
      </c>
      <c r="BFC39" s="927" t="s">
        <v>3816</v>
      </c>
      <c r="BFD39" s="927" t="s">
        <v>3816</v>
      </c>
      <c r="BFE39" s="927" t="s">
        <v>3816</v>
      </c>
      <c r="BFF39" s="927" t="s">
        <v>3816</v>
      </c>
      <c r="BFG39" s="927" t="s">
        <v>3816</v>
      </c>
      <c r="BFH39" s="927" t="s">
        <v>3816</v>
      </c>
      <c r="BFI39" s="927" t="s">
        <v>3816</v>
      </c>
      <c r="BFJ39" s="927" t="s">
        <v>3816</v>
      </c>
      <c r="BFK39" s="927" t="s">
        <v>3816</v>
      </c>
      <c r="BFL39" s="927" t="s">
        <v>3816</v>
      </c>
      <c r="BFM39" s="927" t="s">
        <v>3816</v>
      </c>
      <c r="BFN39" s="927" t="s">
        <v>3816</v>
      </c>
      <c r="BFO39" s="927" t="s">
        <v>3816</v>
      </c>
      <c r="BFP39" s="927" t="s">
        <v>3816</v>
      </c>
      <c r="BFQ39" s="927" t="s">
        <v>3816</v>
      </c>
      <c r="BFR39" s="927" t="s">
        <v>3816</v>
      </c>
      <c r="BFS39" s="927" t="s">
        <v>3816</v>
      </c>
      <c r="BFT39" s="927" t="s">
        <v>3816</v>
      </c>
      <c r="BFU39" s="927" t="s">
        <v>3816</v>
      </c>
      <c r="BFV39" s="927" t="s">
        <v>3816</v>
      </c>
      <c r="BFW39" s="927" t="s">
        <v>3816</v>
      </c>
      <c r="BFX39" s="927" t="s">
        <v>3816</v>
      </c>
      <c r="BFY39" s="927" t="s">
        <v>3816</v>
      </c>
      <c r="BFZ39" s="927" t="s">
        <v>3816</v>
      </c>
      <c r="BGA39" s="927" t="s">
        <v>3816</v>
      </c>
      <c r="BGB39" s="927" t="s">
        <v>3816</v>
      </c>
      <c r="BGC39" s="927" t="s">
        <v>3816</v>
      </c>
      <c r="BGD39" s="927" t="s">
        <v>3816</v>
      </c>
      <c r="BGE39" s="927" t="s">
        <v>3816</v>
      </c>
      <c r="BGF39" s="927" t="s">
        <v>3816</v>
      </c>
      <c r="BGG39" s="927" t="s">
        <v>3816</v>
      </c>
      <c r="BGH39" s="927" t="s">
        <v>3816</v>
      </c>
      <c r="BGI39" s="927" t="s">
        <v>3816</v>
      </c>
      <c r="BGJ39" s="927" t="s">
        <v>3816</v>
      </c>
      <c r="BGK39" s="927" t="s">
        <v>3816</v>
      </c>
      <c r="BGL39" s="927" t="s">
        <v>3816</v>
      </c>
      <c r="BGM39" s="927" t="s">
        <v>3816</v>
      </c>
      <c r="BGN39" s="927" t="s">
        <v>3816</v>
      </c>
      <c r="BGO39" s="927" t="s">
        <v>3816</v>
      </c>
      <c r="BGP39" s="927" t="s">
        <v>3816</v>
      </c>
      <c r="BGQ39" s="927" t="s">
        <v>3816</v>
      </c>
      <c r="BGR39" s="927" t="s">
        <v>3816</v>
      </c>
      <c r="BGS39" s="927" t="s">
        <v>3816</v>
      </c>
      <c r="BGT39" s="927" t="s">
        <v>3816</v>
      </c>
      <c r="BGU39" s="927" t="s">
        <v>3816</v>
      </c>
      <c r="BGV39" s="927" t="s">
        <v>3816</v>
      </c>
      <c r="BGW39" s="927" t="s">
        <v>3816</v>
      </c>
      <c r="BGX39" s="927" t="s">
        <v>3816</v>
      </c>
      <c r="BGY39" s="927" t="s">
        <v>3816</v>
      </c>
      <c r="BGZ39" s="927" t="s">
        <v>3816</v>
      </c>
      <c r="BHA39" s="927" t="s">
        <v>3816</v>
      </c>
      <c r="BHB39" s="927" t="s">
        <v>3816</v>
      </c>
      <c r="BHC39" s="927" t="s">
        <v>3816</v>
      </c>
      <c r="BHD39" s="927" t="s">
        <v>3816</v>
      </c>
      <c r="BHE39" s="927" t="s">
        <v>3816</v>
      </c>
      <c r="BHF39" s="927" t="s">
        <v>3816</v>
      </c>
      <c r="BHG39" s="927" t="s">
        <v>3816</v>
      </c>
      <c r="BHH39" s="927" t="s">
        <v>3816</v>
      </c>
      <c r="BHI39" s="927" t="s">
        <v>3816</v>
      </c>
      <c r="BHJ39" s="927" t="s">
        <v>3816</v>
      </c>
      <c r="BHK39" s="927" t="s">
        <v>3816</v>
      </c>
      <c r="BHL39" s="927" t="s">
        <v>3816</v>
      </c>
      <c r="BHM39" s="927" t="s">
        <v>3816</v>
      </c>
      <c r="BHN39" s="927" t="s">
        <v>3816</v>
      </c>
      <c r="BHO39" s="927" t="s">
        <v>3816</v>
      </c>
      <c r="BHP39" s="927" t="s">
        <v>3816</v>
      </c>
      <c r="BHQ39" s="927" t="s">
        <v>3816</v>
      </c>
      <c r="BHR39" s="927" t="s">
        <v>3816</v>
      </c>
      <c r="BHS39" s="927" t="s">
        <v>3816</v>
      </c>
      <c r="BHT39" s="927" t="s">
        <v>3816</v>
      </c>
      <c r="BHU39" s="927" t="s">
        <v>3816</v>
      </c>
      <c r="BHV39" s="927" t="s">
        <v>3816</v>
      </c>
      <c r="BHW39" s="927" t="s">
        <v>3816</v>
      </c>
      <c r="BHX39" s="927" t="s">
        <v>3816</v>
      </c>
      <c r="BHY39" s="927" t="s">
        <v>3816</v>
      </c>
      <c r="BHZ39" s="927" t="s">
        <v>3816</v>
      </c>
      <c r="BIA39" s="927" t="s">
        <v>3816</v>
      </c>
      <c r="BIB39" s="927" t="s">
        <v>3816</v>
      </c>
      <c r="BIC39" s="927" t="s">
        <v>3816</v>
      </c>
      <c r="BID39" s="927" t="s">
        <v>3816</v>
      </c>
      <c r="BIE39" s="927" t="s">
        <v>3816</v>
      </c>
      <c r="BIF39" s="927" t="s">
        <v>3816</v>
      </c>
      <c r="BIG39" s="927" t="s">
        <v>3816</v>
      </c>
      <c r="BIH39" s="927" t="s">
        <v>3816</v>
      </c>
      <c r="BII39" s="927" t="s">
        <v>3816</v>
      </c>
      <c r="BIJ39" s="927" t="s">
        <v>3816</v>
      </c>
      <c r="BIK39" s="927" t="s">
        <v>3816</v>
      </c>
      <c r="BIL39" s="927" t="s">
        <v>3816</v>
      </c>
      <c r="BIM39" s="927" t="s">
        <v>3816</v>
      </c>
      <c r="BIN39" s="927" t="s">
        <v>3816</v>
      </c>
      <c r="BIO39" s="927" t="s">
        <v>3816</v>
      </c>
      <c r="BIP39" s="927" t="s">
        <v>3816</v>
      </c>
      <c r="BIQ39" s="927" t="s">
        <v>3816</v>
      </c>
      <c r="BIR39" s="927" t="s">
        <v>3816</v>
      </c>
      <c r="BIS39" s="927" t="s">
        <v>3816</v>
      </c>
      <c r="BIT39" s="927" t="s">
        <v>3816</v>
      </c>
      <c r="BIU39" s="927" t="s">
        <v>3816</v>
      </c>
      <c r="BIV39" s="927" t="s">
        <v>3816</v>
      </c>
      <c r="BIW39" s="927" t="s">
        <v>3816</v>
      </c>
      <c r="BIX39" s="927" t="s">
        <v>3816</v>
      </c>
      <c r="BIY39" s="927" t="s">
        <v>3816</v>
      </c>
      <c r="BIZ39" s="927" t="s">
        <v>3816</v>
      </c>
      <c r="BJA39" s="927" t="s">
        <v>3816</v>
      </c>
      <c r="BJB39" s="927" t="s">
        <v>3816</v>
      </c>
      <c r="BJC39" s="927" t="s">
        <v>3816</v>
      </c>
      <c r="BJD39" s="927" t="s">
        <v>3816</v>
      </c>
      <c r="BJE39" s="927" t="s">
        <v>3816</v>
      </c>
      <c r="BJF39" s="927" t="s">
        <v>3816</v>
      </c>
      <c r="BJG39" s="927" t="s">
        <v>3816</v>
      </c>
      <c r="BJH39" s="927" t="s">
        <v>3816</v>
      </c>
      <c r="BJI39" s="927" t="s">
        <v>3816</v>
      </c>
      <c r="BJJ39" s="927" t="s">
        <v>3816</v>
      </c>
      <c r="BJK39" s="927" t="s">
        <v>3816</v>
      </c>
      <c r="BJL39" s="927" t="s">
        <v>3816</v>
      </c>
      <c r="BJM39" s="927" t="s">
        <v>3816</v>
      </c>
      <c r="BJN39" s="927" t="s">
        <v>3816</v>
      </c>
      <c r="BJO39" s="927" t="s">
        <v>3816</v>
      </c>
      <c r="BJP39" s="927" t="s">
        <v>3816</v>
      </c>
      <c r="BJQ39" s="927" t="s">
        <v>3816</v>
      </c>
      <c r="BJR39" s="927" t="s">
        <v>3816</v>
      </c>
      <c r="BJS39" s="927" t="s">
        <v>3816</v>
      </c>
      <c r="BJT39" s="927" t="s">
        <v>3816</v>
      </c>
      <c r="BJU39" s="927" t="s">
        <v>3816</v>
      </c>
      <c r="BJV39" s="927" t="s">
        <v>3816</v>
      </c>
      <c r="BJW39" s="927" t="s">
        <v>3816</v>
      </c>
      <c r="BJX39" s="927" t="s">
        <v>3816</v>
      </c>
      <c r="BJY39" s="927" t="s">
        <v>3816</v>
      </c>
      <c r="BJZ39" s="927" t="s">
        <v>3816</v>
      </c>
      <c r="BKA39" s="927" t="s">
        <v>3816</v>
      </c>
      <c r="BKB39" s="927" t="s">
        <v>3816</v>
      </c>
      <c r="BKC39" s="927" t="s">
        <v>3816</v>
      </c>
      <c r="BKD39" s="927" t="s">
        <v>3816</v>
      </c>
      <c r="BKE39" s="927" t="s">
        <v>3816</v>
      </c>
      <c r="BKF39" s="927" t="s">
        <v>3816</v>
      </c>
      <c r="BKG39" s="927" t="s">
        <v>3816</v>
      </c>
      <c r="BKH39" s="927" t="s">
        <v>3816</v>
      </c>
      <c r="BKI39" s="927" t="s">
        <v>3816</v>
      </c>
      <c r="BKJ39" s="927" t="s">
        <v>3816</v>
      </c>
      <c r="BKK39" s="927" t="s">
        <v>3816</v>
      </c>
      <c r="BKL39" s="927" t="s">
        <v>3816</v>
      </c>
      <c r="BKM39" s="927" t="s">
        <v>3816</v>
      </c>
      <c r="BKN39" s="927" t="s">
        <v>3816</v>
      </c>
      <c r="BKO39" s="927" t="s">
        <v>3816</v>
      </c>
      <c r="BKP39" s="927" t="s">
        <v>3816</v>
      </c>
      <c r="BKQ39" s="927" t="s">
        <v>3816</v>
      </c>
      <c r="BKR39" s="927" t="s">
        <v>3816</v>
      </c>
      <c r="BKS39" s="927" t="s">
        <v>3816</v>
      </c>
      <c r="BKT39" s="927" t="s">
        <v>3816</v>
      </c>
      <c r="BKU39" s="927" t="s">
        <v>3816</v>
      </c>
      <c r="BKV39" s="927" t="s">
        <v>3816</v>
      </c>
      <c r="BKW39" s="927" t="s">
        <v>3816</v>
      </c>
      <c r="BKX39" s="927" t="s">
        <v>3816</v>
      </c>
      <c r="BKY39" s="927" t="s">
        <v>3816</v>
      </c>
      <c r="BKZ39" s="927" t="s">
        <v>3816</v>
      </c>
      <c r="BLA39" s="927" t="s">
        <v>3816</v>
      </c>
      <c r="BLB39" s="927" t="s">
        <v>3816</v>
      </c>
      <c r="BLC39" s="927" t="s">
        <v>3816</v>
      </c>
      <c r="BLD39" s="927" t="s">
        <v>3816</v>
      </c>
      <c r="BLE39" s="927" t="s">
        <v>3816</v>
      </c>
      <c r="BLF39" s="927" t="s">
        <v>3816</v>
      </c>
      <c r="BLG39" s="927" t="s">
        <v>3816</v>
      </c>
      <c r="BLH39" s="927" t="s">
        <v>3816</v>
      </c>
      <c r="BLI39" s="927" t="s">
        <v>3816</v>
      </c>
      <c r="BLJ39" s="927" t="s">
        <v>3816</v>
      </c>
      <c r="BLK39" s="927" t="s">
        <v>3816</v>
      </c>
      <c r="BLL39" s="927" t="s">
        <v>3816</v>
      </c>
      <c r="BLM39" s="927" t="s">
        <v>3816</v>
      </c>
      <c r="BLN39" s="927" t="s">
        <v>3816</v>
      </c>
      <c r="BLO39" s="927" t="s">
        <v>3816</v>
      </c>
      <c r="BLP39" s="927" t="s">
        <v>3816</v>
      </c>
      <c r="BLQ39" s="927" t="s">
        <v>3816</v>
      </c>
      <c r="BLR39" s="927" t="s">
        <v>3816</v>
      </c>
      <c r="BLS39" s="927" t="s">
        <v>3816</v>
      </c>
      <c r="BLT39" s="927" t="s">
        <v>3816</v>
      </c>
      <c r="BLU39" s="927" t="s">
        <v>3816</v>
      </c>
      <c r="BLV39" s="927" t="s">
        <v>3816</v>
      </c>
      <c r="BLW39" s="927" t="s">
        <v>3816</v>
      </c>
      <c r="BLX39" s="927" t="s">
        <v>3816</v>
      </c>
      <c r="BLY39" s="927" t="s">
        <v>3816</v>
      </c>
      <c r="BLZ39" s="927" t="s">
        <v>3816</v>
      </c>
      <c r="BMA39" s="927" t="s">
        <v>3816</v>
      </c>
      <c r="BMB39" s="927" t="s">
        <v>3816</v>
      </c>
      <c r="BMC39" s="927" t="s">
        <v>3816</v>
      </c>
      <c r="BMD39" s="927" t="s">
        <v>3816</v>
      </c>
      <c r="BME39" s="927" t="s">
        <v>3816</v>
      </c>
      <c r="BMF39" s="927" t="s">
        <v>3816</v>
      </c>
      <c r="BMG39" s="927" t="s">
        <v>3816</v>
      </c>
      <c r="BMH39" s="927" t="s">
        <v>3816</v>
      </c>
      <c r="BMI39" s="927" t="s">
        <v>3816</v>
      </c>
      <c r="BMJ39" s="927" t="s">
        <v>3816</v>
      </c>
      <c r="BMK39" s="927" t="s">
        <v>3816</v>
      </c>
      <c r="BML39" s="927" t="s">
        <v>3816</v>
      </c>
      <c r="BMM39" s="927" t="s">
        <v>3816</v>
      </c>
      <c r="BMN39" s="927" t="s">
        <v>3816</v>
      </c>
      <c r="BMO39" s="927" t="s">
        <v>3816</v>
      </c>
      <c r="BMP39" s="927" t="s">
        <v>3816</v>
      </c>
      <c r="BMQ39" s="927" t="s">
        <v>3816</v>
      </c>
      <c r="BMR39" s="927" t="s">
        <v>3816</v>
      </c>
      <c r="BMS39" s="927" t="s">
        <v>3816</v>
      </c>
      <c r="BMT39" s="927" t="s">
        <v>3816</v>
      </c>
      <c r="BMU39" s="927" t="s">
        <v>3816</v>
      </c>
      <c r="BMV39" s="927" t="s">
        <v>3816</v>
      </c>
      <c r="BMW39" s="927" t="s">
        <v>3816</v>
      </c>
      <c r="BMX39" s="927" t="s">
        <v>3816</v>
      </c>
      <c r="BMY39" s="927" t="s">
        <v>3816</v>
      </c>
      <c r="BMZ39" s="927" t="s">
        <v>3816</v>
      </c>
      <c r="BNA39" s="927" t="s">
        <v>3816</v>
      </c>
      <c r="BNB39" s="927" t="s">
        <v>3816</v>
      </c>
      <c r="BNC39" s="927" t="s">
        <v>3816</v>
      </c>
      <c r="BND39" s="927" t="s">
        <v>3816</v>
      </c>
      <c r="BNE39" s="927" t="s">
        <v>3816</v>
      </c>
      <c r="BNF39" s="927" t="s">
        <v>3816</v>
      </c>
      <c r="BNG39" s="927" t="s">
        <v>3816</v>
      </c>
      <c r="BNH39" s="927" t="s">
        <v>3816</v>
      </c>
      <c r="BNI39" s="927" t="s">
        <v>3816</v>
      </c>
      <c r="BNJ39" s="927" t="s">
        <v>3816</v>
      </c>
      <c r="BNK39" s="927" t="s">
        <v>3816</v>
      </c>
      <c r="BNL39" s="927" t="s">
        <v>3816</v>
      </c>
      <c r="BNM39" s="927" t="s">
        <v>3816</v>
      </c>
      <c r="BNN39" s="927" t="s">
        <v>3816</v>
      </c>
      <c r="BNO39" s="927" t="s">
        <v>3816</v>
      </c>
      <c r="BNP39" s="927" t="s">
        <v>3816</v>
      </c>
      <c r="BNQ39" s="927" t="s">
        <v>3816</v>
      </c>
      <c r="BNR39" s="927" t="s">
        <v>3816</v>
      </c>
      <c r="BNS39" s="927" t="s">
        <v>3816</v>
      </c>
      <c r="BNT39" s="927" t="s">
        <v>3816</v>
      </c>
      <c r="BNU39" s="927" t="s">
        <v>3816</v>
      </c>
      <c r="BNV39" s="927" t="s">
        <v>3816</v>
      </c>
      <c r="BNW39" s="927" t="s">
        <v>3816</v>
      </c>
      <c r="BNX39" s="927" t="s">
        <v>3816</v>
      </c>
      <c r="BNY39" s="927" t="s">
        <v>3816</v>
      </c>
      <c r="BNZ39" s="927" t="s">
        <v>3816</v>
      </c>
      <c r="BOA39" s="927" t="s">
        <v>3816</v>
      </c>
      <c r="BOB39" s="927" t="s">
        <v>3816</v>
      </c>
      <c r="BOC39" s="927" t="s">
        <v>3816</v>
      </c>
      <c r="BOD39" s="927" t="s">
        <v>3816</v>
      </c>
      <c r="BOE39" s="927" t="s">
        <v>3816</v>
      </c>
      <c r="BOF39" s="927" t="s">
        <v>3816</v>
      </c>
      <c r="BOG39" s="927" t="s">
        <v>3816</v>
      </c>
      <c r="BOH39" s="927" t="s">
        <v>3816</v>
      </c>
      <c r="BOI39" s="927" t="s">
        <v>3816</v>
      </c>
      <c r="BOJ39" s="927" t="s">
        <v>3816</v>
      </c>
      <c r="BOK39" s="927" t="s">
        <v>3816</v>
      </c>
      <c r="BOL39" s="927" t="s">
        <v>3816</v>
      </c>
      <c r="BOM39" s="927" t="s">
        <v>3816</v>
      </c>
      <c r="BON39" s="927" t="s">
        <v>3816</v>
      </c>
      <c r="BOO39" s="927" t="s">
        <v>3816</v>
      </c>
      <c r="BOP39" s="927" t="s">
        <v>3816</v>
      </c>
      <c r="BOQ39" s="927" t="s">
        <v>3816</v>
      </c>
      <c r="BOR39" s="927" t="s">
        <v>3816</v>
      </c>
      <c r="BOS39" s="927" t="s">
        <v>3816</v>
      </c>
      <c r="BOT39" s="927" t="s">
        <v>3816</v>
      </c>
      <c r="BOU39" s="927" t="s">
        <v>3816</v>
      </c>
      <c r="BOV39" s="927" t="s">
        <v>3816</v>
      </c>
      <c r="BOW39" s="927" t="s">
        <v>3816</v>
      </c>
      <c r="BOX39" s="927" t="s">
        <v>3816</v>
      </c>
      <c r="BOY39" s="927" t="s">
        <v>3816</v>
      </c>
      <c r="BOZ39" s="927" t="s">
        <v>3816</v>
      </c>
      <c r="BPA39" s="927" t="s">
        <v>3816</v>
      </c>
      <c r="BPB39" s="927" t="s">
        <v>3816</v>
      </c>
      <c r="BPC39" s="927" t="s">
        <v>3816</v>
      </c>
      <c r="BPD39" s="927" t="s">
        <v>3816</v>
      </c>
      <c r="BPE39" s="927" t="s">
        <v>3816</v>
      </c>
      <c r="BPF39" s="927" t="s">
        <v>3816</v>
      </c>
      <c r="BPG39" s="927" t="s">
        <v>3816</v>
      </c>
      <c r="BPH39" s="927" t="s">
        <v>3816</v>
      </c>
      <c r="BPI39" s="927" t="s">
        <v>3816</v>
      </c>
      <c r="BPJ39" s="927" t="s">
        <v>3816</v>
      </c>
      <c r="BPK39" s="927" t="s">
        <v>3816</v>
      </c>
      <c r="BPL39" s="927" t="s">
        <v>3816</v>
      </c>
      <c r="BPM39" s="927" t="s">
        <v>3816</v>
      </c>
      <c r="BPN39" s="927" t="s">
        <v>3816</v>
      </c>
      <c r="BPO39" s="927" t="s">
        <v>3816</v>
      </c>
      <c r="BPP39" s="927" t="s">
        <v>3816</v>
      </c>
      <c r="BPQ39" s="927" t="s">
        <v>3816</v>
      </c>
      <c r="BPR39" s="927" t="s">
        <v>3816</v>
      </c>
      <c r="BPS39" s="927" t="s">
        <v>3816</v>
      </c>
      <c r="BPT39" s="927" t="s">
        <v>3816</v>
      </c>
      <c r="BPU39" s="927" t="s">
        <v>3816</v>
      </c>
      <c r="BPV39" s="927" t="s">
        <v>3816</v>
      </c>
      <c r="BPW39" s="927" t="s">
        <v>3816</v>
      </c>
      <c r="BPX39" s="927" t="s">
        <v>3816</v>
      </c>
      <c r="BPY39" s="927" t="s">
        <v>3816</v>
      </c>
      <c r="BPZ39" s="927" t="s">
        <v>3816</v>
      </c>
      <c r="BQA39" s="927" t="s">
        <v>3816</v>
      </c>
      <c r="BQB39" s="927" t="s">
        <v>3816</v>
      </c>
      <c r="BQC39" s="927" t="s">
        <v>3816</v>
      </c>
      <c r="BQD39" s="927" t="s">
        <v>3816</v>
      </c>
      <c r="BQE39" s="927" t="s">
        <v>3816</v>
      </c>
      <c r="BQF39" s="927" t="s">
        <v>3816</v>
      </c>
      <c r="BQG39" s="927" t="s">
        <v>3816</v>
      </c>
      <c r="BQH39" s="927" t="s">
        <v>3816</v>
      </c>
      <c r="BQI39" s="927" t="s">
        <v>3816</v>
      </c>
      <c r="BQJ39" s="927" t="s">
        <v>3816</v>
      </c>
      <c r="BQK39" s="927" t="s">
        <v>3816</v>
      </c>
      <c r="BQL39" s="927" t="s">
        <v>3816</v>
      </c>
      <c r="BQM39" s="927" t="s">
        <v>3816</v>
      </c>
      <c r="BQN39" s="927" t="s">
        <v>3816</v>
      </c>
      <c r="BQO39" s="927" t="s">
        <v>3816</v>
      </c>
      <c r="BQP39" s="927" t="s">
        <v>3816</v>
      </c>
      <c r="BQQ39" s="927" t="s">
        <v>3816</v>
      </c>
      <c r="BQR39" s="927" t="s">
        <v>3816</v>
      </c>
      <c r="BQS39" s="927" t="s">
        <v>3816</v>
      </c>
      <c r="BQT39" s="927" t="s">
        <v>3816</v>
      </c>
      <c r="BQU39" s="927" t="s">
        <v>3816</v>
      </c>
      <c r="BQV39" s="927" t="s">
        <v>3816</v>
      </c>
      <c r="BQW39" s="927" t="s">
        <v>3816</v>
      </c>
      <c r="BQX39" s="927" t="s">
        <v>3816</v>
      </c>
      <c r="BQY39" s="927" t="s">
        <v>3816</v>
      </c>
      <c r="BQZ39" s="927" t="s">
        <v>3816</v>
      </c>
      <c r="BRA39" s="927" t="s">
        <v>3816</v>
      </c>
      <c r="BRB39" s="927" t="s">
        <v>3816</v>
      </c>
      <c r="BRC39" s="927" t="s">
        <v>3816</v>
      </c>
      <c r="BRD39" s="927" t="s">
        <v>3816</v>
      </c>
      <c r="BRE39" s="927" t="s">
        <v>3816</v>
      </c>
      <c r="BRF39" s="927" t="s">
        <v>3816</v>
      </c>
      <c r="BRG39" s="927" t="s">
        <v>3816</v>
      </c>
      <c r="BRH39" s="927" t="s">
        <v>3816</v>
      </c>
      <c r="BRI39" s="927" t="s">
        <v>3816</v>
      </c>
      <c r="BRJ39" s="927" t="s">
        <v>3816</v>
      </c>
      <c r="BRK39" s="927" t="s">
        <v>3816</v>
      </c>
      <c r="BRL39" s="927" t="s">
        <v>3816</v>
      </c>
      <c r="BRM39" s="927" t="s">
        <v>3816</v>
      </c>
      <c r="BRN39" s="927" t="s">
        <v>3816</v>
      </c>
      <c r="BRO39" s="927" t="s">
        <v>3816</v>
      </c>
      <c r="BRP39" s="927" t="s">
        <v>3816</v>
      </c>
      <c r="BRQ39" s="927" t="s">
        <v>3816</v>
      </c>
      <c r="BRR39" s="927" t="s">
        <v>3816</v>
      </c>
      <c r="BRS39" s="927" t="s">
        <v>3816</v>
      </c>
      <c r="BRT39" s="927" t="s">
        <v>3816</v>
      </c>
      <c r="BRU39" s="927" t="s">
        <v>3816</v>
      </c>
      <c r="BRV39" s="927" t="s">
        <v>3816</v>
      </c>
      <c r="BRW39" s="927" t="s">
        <v>3816</v>
      </c>
      <c r="BRX39" s="927" t="s">
        <v>3816</v>
      </c>
      <c r="BRY39" s="927" t="s">
        <v>3816</v>
      </c>
      <c r="BRZ39" s="927" t="s">
        <v>3816</v>
      </c>
      <c r="BSA39" s="927" t="s">
        <v>3816</v>
      </c>
      <c r="BSB39" s="927" t="s">
        <v>3816</v>
      </c>
      <c r="BSC39" s="927" t="s">
        <v>3816</v>
      </c>
      <c r="BSD39" s="927" t="s">
        <v>3816</v>
      </c>
      <c r="BSE39" s="927" t="s">
        <v>3816</v>
      </c>
      <c r="BSF39" s="927" t="s">
        <v>3816</v>
      </c>
      <c r="BSG39" s="927" t="s">
        <v>3816</v>
      </c>
      <c r="BSH39" s="927" t="s">
        <v>3816</v>
      </c>
      <c r="BSI39" s="927" t="s">
        <v>3816</v>
      </c>
      <c r="BSJ39" s="927" t="s">
        <v>3816</v>
      </c>
      <c r="BSK39" s="927" t="s">
        <v>3816</v>
      </c>
      <c r="BSL39" s="927" t="s">
        <v>3816</v>
      </c>
      <c r="BSM39" s="927" t="s">
        <v>3816</v>
      </c>
      <c r="BSN39" s="927" t="s">
        <v>3816</v>
      </c>
      <c r="BSO39" s="927" t="s">
        <v>3816</v>
      </c>
      <c r="BSP39" s="927" t="s">
        <v>3816</v>
      </c>
      <c r="BSQ39" s="927" t="s">
        <v>3816</v>
      </c>
      <c r="BSR39" s="927" t="s">
        <v>3816</v>
      </c>
      <c r="BSS39" s="927" t="s">
        <v>3816</v>
      </c>
      <c r="BST39" s="927" t="s">
        <v>3816</v>
      </c>
      <c r="BSU39" s="927" t="s">
        <v>3816</v>
      </c>
      <c r="BSV39" s="927" t="s">
        <v>3816</v>
      </c>
      <c r="BSW39" s="927" t="s">
        <v>3816</v>
      </c>
      <c r="BSX39" s="927" t="s">
        <v>3816</v>
      </c>
      <c r="BSY39" s="927" t="s">
        <v>3816</v>
      </c>
      <c r="BSZ39" s="927" t="s">
        <v>3816</v>
      </c>
      <c r="BTA39" s="927" t="s">
        <v>3816</v>
      </c>
      <c r="BTB39" s="927" t="s">
        <v>3816</v>
      </c>
      <c r="BTC39" s="927" t="s">
        <v>3816</v>
      </c>
      <c r="BTD39" s="927" t="s">
        <v>3816</v>
      </c>
      <c r="BTE39" s="927" t="s">
        <v>3816</v>
      </c>
      <c r="BTF39" s="927" t="s">
        <v>3816</v>
      </c>
      <c r="BTG39" s="927" t="s">
        <v>3816</v>
      </c>
      <c r="BTH39" s="927" t="s">
        <v>3816</v>
      </c>
      <c r="BTI39" s="927" t="s">
        <v>3816</v>
      </c>
      <c r="BTJ39" s="927" t="s">
        <v>3816</v>
      </c>
      <c r="BTK39" s="927" t="s">
        <v>3816</v>
      </c>
      <c r="BTL39" s="927" t="s">
        <v>3816</v>
      </c>
      <c r="BTM39" s="927" t="s">
        <v>3816</v>
      </c>
      <c r="BTN39" s="927" t="s">
        <v>3816</v>
      </c>
      <c r="BTO39" s="927" t="s">
        <v>3816</v>
      </c>
      <c r="BTP39" s="927" t="s">
        <v>3816</v>
      </c>
      <c r="BTQ39" s="927" t="s">
        <v>3816</v>
      </c>
      <c r="BTR39" s="927" t="s">
        <v>3816</v>
      </c>
      <c r="BTS39" s="927" t="s">
        <v>3816</v>
      </c>
      <c r="BTT39" s="927" t="s">
        <v>3816</v>
      </c>
      <c r="BTU39" s="927" t="s">
        <v>3816</v>
      </c>
      <c r="BTV39" s="927" t="s">
        <v>3816</v>
      </c>
      <c r="BTW39" s="927" t="s">
        <v>3816</v>
      </c>
      <c r="BTX39" s="927" t="s">
        <v>3816</v>
      </c>
      <c r="BTY39" s="927" t="s">
        <v>3816</v>
      </c>
      <c r="BTZ39" s="927" t="s">
        <v>3816</v>
      </c>
      <c r="BUA39" s="927" t="s">
        <v>3816</v>
      </c>
      <c r="BUB39" s="927" t="s">
        <v>3816</v>
      </c>
      <c r="BUC39" s="927" t="s">
        <v>3816</v>
      </c>
      <c r="BUD39" s="927" t="s">
        <v>3816</v>
      </c>
      <c r="BUE39" s="927" t="s">
        <v>3816</v>
      </c>
      <c r="BUF39" s="927" t="s">
        <v>3816</v>
      </c>
      <c r="BUG39" s="927" t="s">
        <v>3816</v>
      </c>
      <c r="BUH39" s="927" t="s">
        <v>3816</v>
      </c>
      <c r="BUI39" s="927" t="s">
        <v>3816</v>
      </c>
      <c r="BUJ39" s="927" t="s">
        <v>3816</v>
      </c>
      <c r="BUK39" s="927" t="s">
        <v>3816</v>
      </c>
      <c r="BUL39" s="927" t="s">
        <v>3816</v>
      </c>
      <c r="BUM39" s="927" t="s">
        <v>3816</v>
      </c>
      <c r="BUN39" s="927" t="s">
        <v>3816</v>
      </c>
      <c r="BUO39" s="927" t="s">
        <v>3816</v>
      </c>
      <c r="BUP39" s="927" t="s">
        <v>3816</v>
      </c>
      <c r="BUQ39" s="927" t="s">
        <v>3816</v>
      </c>
      <c r="BUR39" s="927" t="s">
        <v>3816</v>
      </c>
      <c r="BUS39" s="927" t="s">
        <v>3816</v>
      </c>
      <c r="BUT39" s="927" t="s">
        <v>3816</v>
      </c>
      <c r="BUU39" s="927" t="s">
        <v>3816</v>
      </c>
      <c r="BUV39" s="927" t="s">
        <v>3816</v>
      </c>
      <c r="BUW39" s="927" t="s">
        <v>3816</v>
      </c>
      <c r="BUX39" s="927" t="s">
        <v>3816</v>
      </c>
      <c r="BUY39" s="927" t="s">
        <v>3816</v>
      </c>
      <c r="BUZ39" s="927" t="s">
        <v>3816</v>
      </c>
      <c r="BVA39" s="927" t="s">
        <v>3816</v>
      </c>
      <c r="BVB39" s="927" t="s">
        <v>3816</v>
      </c>
      <c r="BVC39" s="927" t="s">
        <v>3816</v>
      </c>
      <c r="BVD39" s="927" t="s">
        <v>3816</v>
      </c>
      <c r="BVE39" s="927" t="s">
        <v>3816</v>
      </c>
      <c r="BVF39" s="927" t="s">
        <v>3816</v>
      </c>
      <c r="BVG39" s="927" t="s">
        <v>3816</v>
      </c>
      <c r="BVH39" s="927" t="s">
        <v>3816</v>
      </c>
      <c r="BVI39" s="927" t="s">
        <v>3816</v>
      </c>
      <c r="BVJ39" s="927" t="s">
        <v>3816</v>
      </c>
      <c r="BVK39" s="927" t="s">
        <v>3816</v>
      </c>
      <c r="BVL39" s="927" t="s">
        <v>3816</v>
      </c>
      <c r="BVM39" s="927" t="s">
        <v>3816</v>
      </c>
      <c r="BVN39" s="927" t="s">
        <v>3816</v>
      </c>
      <c r="BVO39" s="927" t="s">
        <v>3816</v>
      </c>
      <c r="BVP39" s="927" t="s">
        <v>3816</v>
      </c>
      <c r="BVQ39" s="927" t="s">
        <v>3816</v>
      </c>
      <c r="BVR39" s="927" t="s">
        <v>3816</v>
      </c>
      <c r="BVS39" s="927" t="s">
        <v>3816</v>
      </c>
      <c r="BVT39" s="927" t="s">
        <v>3816</v>
      </c>
      <c r="BVU39" s="927" t="s">
        <v>3816</v>
      </c>
      <c r="BVV39" s="927" t="s">
        <v>3816</v>
      </c>
      <c r="BVW39" s="927" t="s">
        <v>3816</v>
      </c>
      <c r="BVX39" s="927" t="s">
        <v>3816</v>
      </c>
      <c r="BVY39" s="927" t="s">
        <v>3816</v>
      </c>
      <c r="BVZ39" s="927" t="s">
        <v>3816</v>
      </c>
      <c r="BWA39" s="927" t="s">
        <v>3816</v>
      </c>
      <c r="BWB39" s="927" t="s">
        <v>3816</v>
      </c>
      <c r="BWC39" s="927" t="s">
        <v>3816</v>
      </c>
      <c r="BWD39" s="927" t="s">
        <v>3816</v>
      </c>
      <c r="BWE39" s="927" t="s">
        <v>3816</v>
      </c>
      <c r="BWF39" s="927" t="s">
        <v>3816</v>
      </c>
      <c r="BWG39" s="927" t="s">
        <v>3816</v>
      </c>
      <c r="BWH39" s="927" t="s">
        <v>3816</v>
      </c>
      <c r="BWI39" s="927" t="s">
        <v>3816</v>
      </c>
      <c r="BWJ39" s="927" t="s">
        <v>3816</v>
      </c>
      <c r="BWK39" s="927" t="s">
        <v>3816</v>
      </c>
      <c r="BWL39" s="927" t="s">
        <v>3816</v>
      </c>
      <c r="BWM39" s="927" t="s">
        <v>3816</v>
      </c>
      <c r="BWN39" s="927" t="s">
        <v>3816</v>
      </c>
      <c r="BWO39" s="927" t="s">
        <v>3816</v>
      </c>
      <c r="BWP39" s="927" t="s">
        <v>3816</v>
      </c>
      <c r="BWQ39" s="927" t="s">
        <v>3816</v>
      </c>
      <c r="BWR39" s="927" t="s">
        <v>3816</v>
      </c>
      <c r="BWS39" s="927" t="s">
        <v>3816</v>
      </c>
      <c r="BWT39" s="927" t="s">
        <v>3816</v>
      </c>
      <c r="BWU39" s="927" t="s">
        <v>3816</v>
      </c>
      <c r="BWV39" s="927" t="s">
        <v>3816</v>
      </c>
      <c r="BWW39" s="927" t="s">
        <v>3816</v>
      </c>
      <c r="BWX39" s="927" t="s">
        <v>3816</v>
      </c>
      <c r="BWY39" s="927" t="s">
        <v>3816</v>
      </c>
      <c r="BWZ39" s="927" t="s">
        <v>3816</v>
      </c>
      <c r="BXA39" s="927" t="s">
        <v>3816</v>
      </c>
      <c r="BXB39" s="927" t="s">
        <v>3816</v>
      </c>
      <c r="BXC39" s="927" t="s">
        <v>3816</v>
      </c>
      <c r="BXD39" s="927" t="s">
        <v>3816</v>
      </c>
      <c r="BXE39" s="927" t="s">
        <v>3816</v>
      </c>
      <c r="BXF39" s="927" t="s">
        <v>3816</v>
      </c>
      <c r="BXG39" s="927" t="s">
        <v>3816</v>
      </c>
      <c r="BXH39" s="927" t="s">
        <v>3816</v>
      </c>
      <c r="BXI39" s="927" t="s">
        <v>3816</v>
      </c>
      <c r="BXJ39" s="927" t="s">
        <v>3816</v>
      </c>
      <c r="BXK39" s="927" t="s">
        <v>3816</v>
      </c>
      <c r="BXL39" s="927" t="s">
        <v>3816</v>
      </c>
      <c r="BXM39" s="927" t="s">
        <v>3816</v>
      </c>
      <c r="BXN39" s="927" t="s">
        <v>3816</v>
      </c>
      <c r="BXO39" s="927" t="s">
        <v>3816</v>
      </c>
      <c r="BXP39" s="927" t="s">
        <v>3816</v>
      </c>
      <c r="BXQ39" s="927" t="s">
        <v>3816</v>
      </c>
      <c r="BXR39" s="927" t="s">
        <v>3816</v>
      </c>
      <c r="BXS39" s="927" t="s">
        <v>3816</v>
      </c>
      <c r="BXT39" s="927" t="s">
        <v>3816</v>
      </c>
      <c r="BXU39" s="927" t="s">
        <v>3816</v>
      </c>
      <c r="BXV39" s="927" t="s">
        <v>3816</v>
      </c>
      <c r="BXW39" s="927" t="s">
        <v>3816</v>
      </c>
      <c r="BXX39" s="927" t="s">
        <v>3816</v>
      </c>
      <c r="BXY39" s="927" t="s">
        <v>3816</v>
      </c>
      <c r="BXZ39" s="927" t="s">
        <v>3816</v>
      </c>
      <c r="BYA39" s="927" t="s">
        <v>3816</v>
      </c>
      <c r="BYB39" s="927" t="s">
        <v>3816</v>
      </c>
      <c r="BYC39" s="927" t="s">
        <v>3816</v>
      </c>
      <c r="BYD39" s="927" t="s">
        <v>3816</v>
      </c>
      <c r="BYE39" s="927" t="s">
        <v>3816</v>
      </c>
      <c r="BYF39" s="927" t="s">
        <v>3816</v>
      </c>
      <c r="BYG39" s="927" t="s">
        <v>3816</v>
      </c>
      <c r="BYH39" s="927" t="s">
        <v>3816</v>
      </c>
      <c r="BYI39" s="927" t="s">
        <v>3816</v>
      </c>
      <c r="BYJ39" s="927" t="s">
        <v>3816</v>
      </c>
      <c r="BYK39" s="927" t="s">
        <v>3816</v>
      </c>
      <c r="BYL39" s="927" t="s">
        <v>3816</v>
      </c>
      <c r="BYM39" s="927" t="s">
        <v>3816</v>
      </c>
      <c r="BYN39" s="927" t="s">
        <v>3816</v>
      </c>
      <c r="BYO39" s="927" t="s">
        <v>3816</v>
      </c>
      <c r="BYP39" s="927" t="s">
        <v>3816</v>
      </c>
      <c r="BYQ39" s="927" t="s">
        <v>3816</v>
      </c>
      <c r="BYR39" s="927" t="s">
        <v>3816</v>
      </c>
      <c r="BYS39" s="927" t="s">
        <v>3816</v>
      </c>
      <c r="BYT39" s="927" t="s">
        <v>3816</v>
      </c>
      <c r="BYU39" s="927" t="s">
        <v>3816</v>
      </c>
      <c r="BYV39" s="927" t="s">
        <v>3816</v>
      </c>
      <c r="BYW39" s="927" t="s">
        <v>3816</v>
      </c>
      <c r="BYX39" s="927" t="s">
        <v>3816</v>
      </c>
      <c r="BYY39" s="927" t="s">
        <v>3816</v>
      </c>
      <c r="BYZ39" s="927" t="s">
        <v>3816</v>
      </c>
      <c r="BZA39" s="927" t="s">
        <v>3816</v>
      </c>
      <c r="BZB39" s="927" t="s">
        <v>3816</v>
      </c>
      <c r="BZC39" s="927" t="s">
        <v>3816</v>
      </c>
      <c r="BZD39" s="927" t="s">
        <v>3816</v>
      </c>
      <c r="BZE39" s="927" t="s">
        <v>3816</v>
      </c>
      <c r="BZF39" s="927" t="s">
        <v>3816</v>
      </c>
      <c r="BZG39" s="927" t="s">
        <v>3816</v>
      </c>
      <c r="BZH39" s="927" t="s">
        <v>3816</v>
      </c>
      <c r="BZI39" s="927" t="s">
        <v>3816</v>
      </c>
      <c r="BZJ39" s="927" t="s">
        <v>3816</v>
      </c>
      <c r="BZK39" s="927" t="s">
        <v>3816</v>
      </c>
      <c r="BZL39" s="927" t="s">
        <v>3816</v>
      </c>
      <c r="BZM39" s="927" t="s">
        <v>3816</v>
      </c>
      <c r="BZN39" s="927" t="s">
        <v>3816</v>
      </c>
      <c r="BZO39" s="927" t="s">
        <v>3816</v>
      </c>
      <c r="BZP39" s="927" t="s">
        <v>3816</v>
      </c>
      <c r="BZQ39" s="927" t="s">
        <v>3816</v>
      </c>
      <c r="BZR39" s="927" t="s">
        <v>3816</v>
      </c>
      <c r="BZS39" s="927" t="s">
        <v>3816</v>
      </c>
      <c r="BZT39" s="927" t="s">
        <v>3816</v>
      </c>
      <c r="BZU39" s="927" t="s">
        <v>3816</v>
      </c>
      <c r="BZV39" s="927" t="s">
        <v>3816</v>
      </c>
      <c r="BZW39" s="927" t="s">
        <v>3816</v>
      </c>
      <c r="BZX39" s="927" t="s">
        <v>3816</v>
      </c>
      <c r="BZY39" s="927" t="s">
        <v>3816</v>
      </c>
      <c r="BZZ39" s="927" t="s">
        <v>3816</v>
      </c>
      <c r="CAA39" s="927" t="s">
        <v>3816</v>
      </c>
      <c r="CAB39" s="927" t="s">
        <v>3816</v>
      </c>
      <c r="CAC39" s="927" t="s">
        <v>3816</v>
      </c>
      <c r="CAD39" s="927" t="s">
        <v>3816</v>
      </c>
      <c r="CAE39" s="927" t="s">
        <v>3816</v>
      </c>
      <c r="CAF39" s="927" t="s">
        <v>3816</v>
      </c>
      <c r="CAG39" s="927" t="s">
        <v>3816</v>
      </c>
      <c r="CAH39" s="927" t="s">
        <v>3816</v>
      </c>
      <c r="CAI39" s="927" t="s">
        <v>3816</v>
      </c>
      <c r="CAJ39" s="927" t="s">
        <v>3816</v>
      </c>
      <c r="CAK39" s="927" t="s">
        <v>3816</v>
      </c>
      <c r="CAL39" s="927" t="s">
        <v>3816</v>
      </c>
      <c r="CAM39" s="927" t="s">
        <v>3816</v>
      </c>
      <c r="CAN39" s="927" t="s">
        <v>3816</v>
      </c>
      <c r="CAO39" s="927" t="s">
        <v>3816</v>
      </c>
      <c r="CAP39" s="927" t="s">
        <v>3816</v>
      </c>
      <c r="CAQ39" s="927" t="s">
        <v>3816</v>
      </c>
      <c r="CAR39" s="927" t="s">
        <v>3816</v>
      </c>
      <c r="CAS39" s="927" t="s">
        <v>3816</v>
      </c>
      <c r="CAT39" s="927" t="s">
        <v>3816</v>
      </c>
      <c r="CAU39" s="927" t="s">
        <v>3816</v>
      </c>
      <c r="CAV39" s="927" t="s">
        <v>3816</v>
      </c>
      <c r="CAW39" s="927" t="s">
        <v>3816</v>
      </c>
      <c r="CAX39" s="927" t="s">
        <v>3816</v>
      </c>
      <c r="CAY39" s="927" t="s">
        <v>3816</v>
      </c>
      <c r="CAZ39" s="927" t="s">
        <v>3816</v>
      </c>
      <c r="CBA39" s="927" t="s">
        <v>3816</v>
      </c>
      <c r="CBB39" s="927" t="s">
        <v>3816</v>
      </c>
      <c r="CBC39" s="927" t="s">
        <v>3816</v>
      </c>
      <c r="CBD39" s="927" t="s">
        <v>3816</v>
      </c>
      <c r="CBE39" s="927" t="s">
        <v>3816</v>
      </c>
      <c r="CBF39" s="927" t="s">
        <v>3816</v>
      </c>
      <c r="CBG39" s="927" t="s">
        <v>3816</v>
      </c>
      <c r="CBH39" s="927" t="s">
        <v>3816</v>
      </c>
      <c r="CBI39" s="927" t="s">
        <v>3816</v>
      </c>
      <c r="CBJ39" s="927" t="s">
        <v>3816</v>
      </c>
      <c r="CBK39" s="927" t="s">
        <v>3816</v>
      </c>
      <c r="CBL39" s="927" t="s">
        <v>3816</v>
      </c>
      <c r="CBM39" s="927" t="s">
        <v>3816</v>
      </c>
      <c r="CBN39" s="927" t="s">
        <v>3816</v>
      </c>
      <c r="CBO39" s="927" t="s">
        <v>3816</v>
      </c>
      <c r="CBP39" s="927" t="s">
        <v>3816</v>
      </c>
      <c r="CBQ39" s="927" t="s">
        <v>3816</v>
      </c>
      <c r="CBR39" s="927" t="s">
        <v>3816</v>
      </c>
      <c r="CBS39" s="927" t="s">
        <v>3816</v>
      </c>
      <c r="CBT39" s="927" t="s">
        <v>3816</v>
      </c>
      <c r="CBU39" s="927" t="s">
        <v>3816</v>
      </c>
      <c r="CBV39" s="927" t="s">
        <v>3816</v>
      </c>
      <c r="CBW39" s="927" t="s">
        <v>3816</v>
      </c>
      <c r="CBX39" s="927" t="s">
        <v>3816</v>
      </c>
      <c r="CBY39" s="927" t="s">
        <v>3816</v>
      </c>
      <c r="CBZ39" s="927" t="s">
        <v>3816</v>
      </c>
      <c r="CCA39" s="927" t="s">
        <v>3816</v>
      </c>
      <c r="CCB39" s="927" t="s">
        <v>3816</v>
      </c>
      <c r="CCC39" s="927" t="s">
        <v>3816</v>
      </c>
      <c r="CCD39" s="927" t="s">
        <v>3816</v>
      </c>
      <c r="CCE39" s="927" t="s">
        <v>3816</v>
      </c>
      <c r="CCF39" s="927" t="s">
        <v>3816</v>
      </c>
      <c r="CCG39" s="927" t="s">
        <v>3816</v>
      </c>
      <c r="CCH39" s="927" t="s">
        <v>3816</v>
      </c>
      <c r="CCI39" s="927" t="s">
        <v>3816</v>
      </c>
      <c r="CCJ39" s="927" t="s">
        <v>3816</v>
      </c>
      <c r="CCK39" s="927" t="s">
        <v>3816</v>
      </c>
      <c r="CCL39" s="927" t="s">
        <v>3816</v>
      </c>
      <c r="CCM39" s="927" t="s">
        <v>3816</v>
      </c>
      <c r="CCN39" s="927" t="s">
        <v>3816</v>
      </c>
      <c r="CCO39" s="927" t="s">
        <v>3816</v>
      </c>
      <c r="CCP39" s="927" t="s">
        <v>3816</v>
      </c>
      <c r="CCQ39" s="927" t="s">
        <v>3816</v>
      </c>
      <c r="CCR39" s="927" t="s">
        <v>3816</v>
      </c>
      <c r="CCS39" s="927" t="s">
        <v>3816</v>
      </c>
      <c r="CCT39" s="927" t="s">
        <v>3816</v>
      </c>
      <c r="CCU39" s="927" t="s">
        <v>3816</v>
      </c>
      <c r="CCV39" s="927" t="s">
        <v>3816</v>
      </c>
      <c r="CCW39" s="927" t="s">
        <v>3816</v>
      </c>
      <c r="CCX39" s="927" t="s">
        <v>3816</v>
      </c>
      <c r="CCY39" s="927" t="s">
        <v>3816</v>
      </c>
      <c r="CCZ39" s="927" t="s">
        <v>3816</v>
      </c>
      <c r="CDA39" s="927" t="s">
        <v>3816</v>
      </c>
      <c r="CDB39" s="927" t="s">
        <v>3816</v>
      </c>
      <c r="CDC39" s="927" t="s">
        <v>3816</v>
      </c>
      <c r="CDD39" s="927" t="s">
        <v>3816</v>
      </c>
      <c r="CDE39" s="927" t="s">
        <v>3816</v>
      </c>
      <c r="CDF39" s="927" t="s">
        <v>3816</v>
      </c>
      <c r="CDG39" s="927" t="s">
        <v>3816</v>
      </c>
      <c r="CDH39" s="927" t="s">
        <v>3816</v>
      </c>
      <c r="CDI39" s="927" t="s">
        <v>3816</v>
      </c>
      <c r="CDJ39" s="927" t="s">
        <v>3816</v>
      </c>
      <c r="CDK39" s="927" t="s">
        <v>3816</v>
      </c>
      <c r="CDL39" s="927" t="s">
        <v>3816</v>
      </c>
      <c r="CDM39" s="927" t="s">
        <v>3816</v>
      </c>
      <c r="CDN39" s="927" t="s">
        <v>3816</v>
      </c>
      <c r="CDO39" s="927" t="s">
        <v>3816</v>
      </c>
      <c r="CDP39" s="927" t="s">
        <v>3816</v>
      </c>
      <c r="CDQ39" s="927" t="s">
        <v>3816</v>
      </c>
      <c r="CDR39" s="927" t="s">
        <v>3816</v>
      </c>
      <c r="CDS39" s="927" t="s">
        <v>3816</v>
      </c>
      <c r="CDT39" s="927" t="s">
        <v>3816</v>
      </c>
      <c r="CDU39" s="927" t="s">
        <v>3816</v>
      </c>
      <c r="CDV39" s="927" t="s">
        <v>3816</v>
      </c>
      <c r="CDW39" s="927" t="s">
        <v>3816</v>
      </c>
      <c r="CDX39" s="927" t="s">
        <v>3816</v>
      </c>
      <c r="CDY39" s="927" t="s">
        <v>3816</v>
      </c>
      <c r="CDZ39" s="927" t="s">
        <v>3816</v>
      </c>
      <c r="CEA39" s="927" t="s">
        <v>3816</v>
      </c>
      <c r="CEB39" s="927" t="s">
        <v>3816</v>
      </c>
      <c r="CEC39" s="927" t="s">
        <v>3816</v>
      </c>
      <c r="CED39" s="927" t="s">
        <v>3816</v>
      </c>
      <c r="CEE39" s="927" t="s">
        <v>3816</v>
      </c>
      <c r="CEF39" s="927" t="s">
        <v>3816</v>
      </c>
      <c r="CEG39" s="927" t="s">
        <v>3816</v>
      </c>
      <c r="CEH39" s="927" t="s">
        <v>3816</v>
      </c>
      <c r="CEI39" s="927" t="s">
        <v>3816</v>
      </c>
      <c r="CEJ39" s="927" t="s">
        <v>3816</v>
      </c>
      <c r="CEK39" s="927" t="s">
        <v>3816</v>
      </c>
      <c r="CEL39" s="927" t="s">
        <v>3816</v>
      </c>
      <c r="CEM39" s="927" t="s">
        <v>3816</v>
      </c>
      <c r="CEN39" s="927" t="s">
        <v>3816</v>
      </c>
      <c r="CEO39" s="927" t="s">
        <v>3816</v>
      </c>
      <c r="CEP39" s="927" t="s">
        <v>3816</v>
      </c>
      <c r="CEQ39" s="927" t="s">
        <v>3816</v>
      </c>
      <c r="CER39" s="927" t="s">
        <v>3816</v>
      </c>
      <c r="CES39" s="927" t="s">
        <v>3816</v>
      </c>
      <c r="CET39" s="927" t="s">
        <v>3816</v>
      </c>
      <c r="CEU39" s="927" t="s">
        <v>3816</v>
      </c>
      <c r="CEV39" s="927" t="s">
        <v>3816</v>
      </c>
      <c r="CEW39" s="927" t="s">
        <v>3816</v>
      </c>
      <c r="CEX39" s="927" t="s">
        <v>3816</v>
      </c>
      <c r="CEY39" s="927" t="s">
        <v>3816</v>
      </c>
      <c r="CEZ39" s="927" t="s">
        <v>3816</v>
      </c>
      <c r="CFA39" s="927" t="s">
        <v>3816</v>
      </c>
      <c r="CFB39" s="927" t="s">
        <v>3816</v>
      </c>
      <c r="CFC39" s="927" t="s">
        <v>3816</v>
      </c>
      <c r="CFD39" s="927" t="s">
        <v>3816</v>
      </c>
      <c r="CFE39" s="927" t="s">
        <v>3816</v>
      </c>
      <c r="CFF39" s="927" t="s">
        <v>3816</v>
      </c>
      <c r="CFG39" s="927" t="s">
        <v>3816</v>
      </c>
      <c r="CFH39" s="927" t="s">
        <v>3816</v>
      </c>
      <c r="CFI39" s="927" t="s">
        <v>3816</v>
      </c>
      <c r="CFJ39" s="927" t="s">
        <v>3816</v>
      </c>
      <c r="CFK39" s="927" t="s">
        <v>3816</v>
      </c>
      <c r="CFL39" s="927" t="s">
        <v>3816</v>
      </c>
      <c r="CFM39" s="927" t="s">
        <v>3816</v>
      </c>
      <c r="CFN39" s="927" t="s">
        <v>3816</v>
      </c>
      <c r="CFO39" s="927" t="s">
        <v>3816</v>
      </c>
      <c r="CFP39" s="927" t="s">
        <v>3816</v>
      </c>
      <c r="CFQ39" s="927" t="s">
        <v>3816</v>
      </c>
      <c r="CFR39" s="927" t="s">
        <v>3816</v>
      </c>
      <c r="CFS39" s="927" t="s">
        <v>3816</v>
      </c>
      <c r="CFT39" s="927" t="s">
        <v>3816</v>
      </c>
      <c r="CFU39" s="927" t="s">
        <v>3816</v>
      </c>
      <c r="CFV39" s="927" t="s">
        <v>3816</v>
      </c>
      <c r="CFW39" s="927" t="s">
        <v>3816</v>
      </c>
      <c r="CFX39" s="927" t="s">
        <v>3816</v>
      </c>
      <c r="CFY39" s="927" t="s">
        <v>3816</v>
      </c>
      <c r="CFZ39" s="927" t="s">
        <v>3816</v>
      </c>
      <c r="CGA39" s="927" t="s">
        <v>3816</v>
      </c>
      <c r="CGB39" s="927" t="s">
        <v>3816</v>
      </c>
      <c r="CGC39" s="927" t="s">
        <v>3816</v>
      </c>
      <c r="CGD39" s="927" t="s">
        <v>3816</v>
      </c>
      <c r="CGE39" s="927" t="s">
        <v>3816</v>
      </c>
      <c r="CGF39" s="927" t="s">
        <v>3816</v>
      </c>
      <c r="CGG39" s="927" t="s">
        <v>3816</v>
      </c>
      <c r="CGH39" s="927" t="s">
        <v>3816</v>
      </c>
      <c r="CGI39" s="927" t="s">
        <v>3816</v>
      </c>
      <c r="CGJ39" s="927" t="s">
        <v>3816</v>
      </c>
      <c r="CGK39" s="927" t="s">
        <v>3816</v>
      </c>
      <c r="CGL39" s="927" t="s">
        <v>3816</v>
      </c>
      <c r="CGM39" s="927" t="s">
        <v>3816</v>
      </c>
      <c r="CGN39" s="927" t="s">
        <v>3816</v>
      </c>
      <c r="CGO39" s="927" t="s">
        <v>3816</v>
      </c>
      <c r="CGP39" s="927" t="s">
        <v>3816</v>
      </c>
      <c r="CGQ39" s="927" t="s">
        <v>3816</v>
      </c>
      <c r="CGR39" s="927" t="s">
        <v>3816</v>
      </c>
      <c r="CGS39" s="927" t="s">
        <v>3816</v>
      </c>
      <c r="CGT39" s="927" t="s">
        <v>3816</v>
      </c>
      <c r="CGU39" s="927" t="s">
        <v>3816</v>
      </c>
      <c r="CGV39" s="927" t="s">
        <v>3816</v>
      </c>
      <c r="CGW39" s="927" t="s">
        <v>3816</v>
      </c>
      <c r="CGX39" s="927" t="s">
        <v>3816</v>
      </c>
      <c r="CGY39" s="927" t="s">
        <v>3816</v>
      </c>
      <c r="CGZ39" s="927" t="s">
        <v>3816</v>
      </c>
      <c r="CHA39" s="927" t="s">
        <v>3816</v>
      </c>
      <c r="CHB39" s="927" t="s">
        <v>3816</v>
      </c>
      <c r="CHC39" s="927" t="s">
        <v>3816</v>
      </c>
      <c r="CHD39" s="927" t="s">
        <v>3816</v>
      </c>
      <c r="CHE39" s="927" t="s">
        <v>3816</v>
      </c>
      <c r="CHF39" s="927" t="s">
        <v>3816</v>
      </c>
      <c r="CHG39" s="927" t="s">
        <v>3816</v>
      </c>
      <c r="CHH39" s="927" t="s">
        <v>3816</v>
      </c>
      <c r="CHI39" s="927" t="s">
        <v>3816</v>
      </c>
      <c r="CHJ39" s="927" t="s">
        <v>3816</v>
      </c>
      <c r="CHK39" s="927" t="s">
        <v>3816</v>
      </c>
      <c r="CHL39" s="927" t="s">
        <v>3816</v>
      </c>
      <c r="CHM39" s="927" t="s">
        <v>3816</v>
      </c>
      <c r="CHN39" s="927" t="s">
        <v>3816</v>
      </c>
      <c r="CHO39" s="927" t="s">
        <v>3816</v>
      </c>
      <c r="CHP39" s="927" t="s">
        <v>3816</v>
      </c>
      <c r="CHQ39" s="927" t="s">
        <v>3816</v>
      </c>
      <c r="CHR39" s="927" t="s">
        <v>3816</v>
      </c>
      <c r="CHS39" s="927" t="s">
        <v>3816</v>
      </c>
      <c r="CHT39" s="927" t="s">
        <v>3816</v>
      </c>
      <c r="CHU39" s="927" t="s">
        <v>3816</v>
      </c>
      <c r="CHV39" s="927" t="s">
        <v>3816</v>
      </c>
      <c r="CHW39" s="927" t="s">
        <v>3816</v>
      </c>
      <c r="CHX39" s="927" t="s">
        <v>3816</v>
      </c>
      <c r="CHY39" s="927" t="s">
        <v>3816</v>
      </c>
      <c r="CHZ39" s="927" t="s">
        <v>3816</v>
      </c>
      <c r="CIA39" s="927" t="s">
        <v>3816</v>
      </c>
      <c r="CIB39" s="927" t="s">
        <v>3816</v>
      </c>
      <c r="CIC39" s="927" t="s">
        <v>3816</v>
      </c>
      <c r="CID39" s="927" t="s">
        <v>3816</v>
      </c>
      <c r="CIE39" s="927" t="s">
        <v>3816</v>
      </c>
      <c r="CIF39" s="927" t="s">
        <v>3816</v>
      </c>
      <c r="CIG39" s="927" t="s">
        <v>3816</v>
      </c>
      <c r="CIH39" s="927" t="s">
        <v>3816</v>
      </c>
      <c r="CII39" s="927" t="s">
        <v>3816</v>
      </c>
      <c r="CIJ39" s="927" t="s">
        <v>3816</v>
      </c>
      <c r="CIK39" s="927" t="s">
        <v>3816</v>
      </c>
      <c r="CIL39" s="927" t="s">
        <v>3816</v>
      </c>
      <c r="CIM39" s="927" t="s">
        <v>3816</v>
      </c>
      <c r="CIN39" s="927" t="s">
        <v>3816</v>
      </c>
      <c r="CIO39" s="927" t="s">
        <v>3816</v>
      </c>
      <c r="CIP39" s="927" t="s">
        <v>3816</v>
      </c>
      <c r="CIQ39" s="927" t="s">
        <v>3816</v>
      </c>
      <c r="CIR39" s="927" t="s">
        <v>3816</v>
      </c>
      <c r="CIS39" s="927" t="s">
        <v>3816</v>
      </c>
      <c r="CIT39" s="927" t="s">
        <v>3816</v>
      </c>
      <c r="CIU39" s="927" t="s">
        <v>3816</v>
      </c>
      <c r="CIV39" s="927" t="s">
        <v>3816</v>
      </c>
      <c r="CIW39" s="927" t="s">
        <v>3816</v>
      </c>
      <c r="CIX39" s="927" t="s">
        <v>3816</v>
      </c>
      <c r="CIY39" s="927" t="s">
        <v>3816</v>
      </c>
      <c r="CIZ39" s="927" t="s">
        <v>3816</v>
      </c>
      <c r="CJA39" s="927" t="s">
        <v>3816</v>
      </c>
      <c r="CJB39" s="927" t="s">
        <v>3816</v>
      </c>
      <c r="CJC39" s="927" t="s">
        <v>3816</v>
      </c>
      <c r="CJD39" s="927" t="s">
        <v>3816</v>
      </c>
      <c r="CJE39" s="927" t="s">
        <v>3816</v>
      </c>
      <c r="CJF39" s="927" t="s">
        <v>3816</v>
      </c>
      <c r="CJG39" s="927" t="s">
        <v>3816</v>
      </c>
      <c r="CJH39" s="927" t="s">
        <v>3816</v>
      </c>
      <c r="CJI39" s="927" t="s">
        <v>3816</v>
      </c>
      <c r="CJJ39" s="927" t="s">
        <v>3816</v>
      </c>
      <c r="CJK39" s="927" t="s">
        <v>3816</v>
      </c>
      <c r="CJL39" s="927" t="s">
        <v>3816</v>
      </c>
      <c r="CJM39" s="927" t="s">
        <v>3816</v>
      </c>
      <c r="CJN39" s="927" t="s">
        <v>3816</v>
      </c>
      <c r="CJO39" s="927" t="s">
        <v>3816</v>
      </c>
      <c r="CJP39" s="927" t="s">
        <v>3816</v>
      </c>
      <c r="CJQ39" s="927" t="s">
        <v>3816</v>
      </c>
      <c r="CJR39" s="927" t="s">
        <v>3816</v>
      </c>
      <c r="CJS39" s="927" t="s">
        <v>3816</v>
      </c>
      <c r="CJT39" s="927" t="s">
        <v>3816</v>
      </c>
      <c r="CJU39" s="927" t="s">
        <v>3816</v>
      </c>
      <c r="CJV39" s="927" t="s">
        <v>3816</v>
      </c>
      <c r="CJW39" s="927" t="s">
        <v>3816</v>
      </c>
      <c r="CJX39" s="927" t="s">
        <v>3816</v>
      </c>
      <c r="CJY39" s="927" t="s">
        <v>3816</v>
      </c>
      <c r="CJZ39" s="927" t="s">
        <v>3816</v>
      </c>
      <c r="CKA39" s="927" t="s">
        <v>3816</v>
      </c>
      <c r="CKB39" s="927" t="s">
        <v>3816</v>
      </c>
      <c r="CKC39" s="927" t="s">
        <v>3816</v>
      </c>
      <c r="CKD39" s="927" t="s">
        <v>3816</v>
      </c>
      <c r="CKE39" s="927" t="s">
        <v>3816</v>
      </c>
      <c r="CKF39" s="927" t="s">
        <v>3816</v>
      </c>
      <c r="CKG39" s="927" t="s">
        <v>3816</v>
      </c>
      <c r="CKH39" s="927" t="s">
        <v>3816</v>
      </c>
      <c r="CKI39" s="927" t="s">
        <v>3816</v>
      </c>
      <c r="CKJ39" s="927" t="s">
        <v>3816</v>
      </c>
      <c r="CKK39" s="927" t="s">
        <v>3816</v>
      </c>
      <c r="CKL39" s="927" t="s">
        <v>3816</v>
      </c>
      <c r="CKM39" s="927" t="s">
        <v>3816</v>
      </c>
      <c r="CKN39" s="927" t="s">
        <v>3816</v>
      </c>
      <c r="CKO39" s="927" t="s">
        <v>3816</v>
      </c>
      <c r="CKP39" s="927" t="s">
        <v>3816</v>
      </c>
      <c r="CKQ39" s="927" t="s">
        <v>3816</v>
      </c>
      <c r="CKR39" s="927" t="s">
        <v>3816</v>
      </c>
      <c r="CKS39" s="927" t="s">
        <v>3816</v>
      </c>
      <c r="CKT39" s="927" t="s">
        <v>3816</v>
      </c>
      <c r="CKU39" s="927" t="s">
        <v>3816</v>
      </c>
      <c r="CKV39" s="927" t="s">
        <v>3816</v>
      </c>
      <c r="CKW39" s="927" t="s">
        <v>3816</v>
      </c>
      <c r="CKX39" s="927" t="s">
        <v>3816</v>
      </c>
      <c r="CKY39" s="927" t="s">
        <v>3816</v>
      </c>
      <c r="CKZ39" s="927" t="s">
        <v>3816</v>
      </c>
      <c r="CLA39" s="927" t="s">
        <v>3816</v>
      </c>
      <c r="CLB39" s="927" t="s">
        <v>3816</v>
      </c>
      <c r="CLC39" s="927" t="s">
        <v>3816</v>
      </c>
      <c r="CLD39" s="927" t="s">
        <v>3816</v>
      </c>
      <c r="CLE39" s="927" t="s">
        <v>3816</v>
      </c>
      <c r="CLF39" s="927" t="s">
        <v>3816</v>
      </c>
      <c r="CLG39" s="927" t="s">
        <v>3816</v>
      </c>
      <c r="CLH39" s="927" t="s">
        <v>3816</v>
      </c>
      <c r="CLI39" s="927" t="s">
        <v>3816</v>
      </c>
      <c r="CLJ39" s="927" t="s">
        <v>3816</v>
      </c>
      <c r="CLK39" s="927" t="s">
        <v>3816</v>
      </c>
      <c r="CLL39" s="927" t="s">
        <v>3816</v>
      </c>
      <c r="CLM39" s="927" t="s">
        <v>3816</v>
      </c>
      <c r="CLN39" s="927" t="s">
        <v>3816</v>
      </c>
      <c r="CLO39" s="927" t="s">
        <v>3816</v>
      </c>
      <c r="CLP39" s="927" t="s">
        <v>3816</v>
      </c>
      <c r="CLQ39" s="927" t="s">
        <v>3816</v>
      </c>
      <c r="CLR39" s="927" t="s">
        <v>3816</v>
      </c>
      <c r="CLS39" s="927" t="s">
        <v>3816</v>
      </c>
      <c r="CLT39" s="927" t="s">
        <v>3816</v>
      </c>
      <c r="CLU39" s="927" t="s">
        <v>3816</v>
      </c>
      <c r="CLV39" s="927" t="s">
        <v>3816</v>
      </c>
      <c r="CLW39" s="927" t="s">
        <v>3816</v>
      </c>
      <c r="CLX39" s="927" t="s">
        <v>3816</v>
      </c>
      <c r="CLY39" s="927" t="s">
        <v>3816</v>
      </c>
      <c r="CLZ39" s="927" t="s">
        <v>3816</v>
      </c>
      <c r="CMA39" s="927" t="s">
        <v>3816</v>
      </c>
      <c r="CMB39" s="927" t="s">
        <v>3816</v>
      </c>
      <c r="CMC39" s="927" t="s">
        <v>3816</v>
      </c>
      <c r="CMD39" s="927" t="s">
        <v>3816</v>
      </c>
      <c r="CME39" s="927" t="s">
        <v>3816</v>
      </c>
      <c r="CMF39" s="927" t="s">
        <v>3816</v>
      </c>
      <c r="CMG39" s="927" t="s">
        <v>3816</v>
      </c>
      <c r="CMH39" s="927" t="s">
        <v>3816</v>
      </c>
      <c r="CMI39" s="927" t="s">
        <v>3816</v>
      </c>
      <c r="CMJ39" s="927" t="s">
        <v>3816</v>
      </c>
      <c r="CMK39" s="927" t="s">
        <v>3816</v>
      </c>
      <c r="CML39" s="927" t="s">
        <v>3816</v>
      </c>
      <c r="CMM39" s="927" t="s">
        <v>3816</v>
      </c>
      <c r="CMN39" s="927" t="s">
        <v>3816</v>
      </c>
      <c r="CMO39" s="927" t="s">
        <v>3816</v>
      </c>
      <c r="CMP39" s="927" t="s">
        <v>3816</v>
      </c>
      <c r="CMQ39" s="927" t="s">
        <v>3816</v>
      </c>
      <c r="CMR39" s="927" t="s">
        <v>3816</v>
      </c>
      <c r="CMS39" s="927" t="s">
        <v>3816</v>
      </c>
      <c r="CMT39" s="927" t="s">
        <v>3816</v>
      </c>
      <c r="CMU39" s="927" t="s">
        <v>3816</v>
      </c>
      <c r="CMV39" s="927" t="s">
        <v>3816</v>
      </c>
      <c r="CMW39" s="927" t="s">
        <v>3816</v>
      </c>
      <c r="CMX39" s="927" t="s">
        <v>3816</v>
      </c>
      <c r="CMY39" s="927" t="s">
        <v>3816</v>
      </c>
      <c r="CMZ39" s="927" t="s">
        <v>3816</v>
      </c>
      <c r="CNA39" s="927" t="s">
        <v>3816</v>
      </c>
      <c r="CNB39" s="927" t="s">
        <v>3816</v>
      </c>
      <c r="CNC39" s="927" t="s">
        <v>3816</v>
      </c>
      <c r="CND39" s="927" t="s">
        <v>3816</v>
      </c>
      <c r="CNE39" s="927" t="s">
        <v>3816</v>
      </c>
      <c r="CNF39" s="927" t="s">
        <v>3816</v>
      </c>
      <c r="CNG39" s="927" t="s">
        <v>3816</v>
      </c>
      <c r="CNH39" s="927" t="s">
        <v>3816</v>
      </c>
      <c r="CNI39" s="927" t="s">
        <v>3816</v>
      </c>
      <c r="CNJ39" s="927" t="s">
        <v>3816</v>
      </c>
      <c r="CNK39" s="927" t="s">
        <v>3816</v>
      </c>
      <c r="CNL39" s="927" t="s">
        <v>3816</v>
      </c>
      <c r="CNM39" s="927" t="s">
        <v>3816</v>
      </c>
      <c r="CNN39" s="927" t="s">
        <v>3816</v>
      </c>
      <c r="CNO39" s="927" t="s">
        <v>3816</v>
      </c>
      <c r="CNP39" s="927" t="s">
        <v>3816</v>
      </c>
      <c r="CNQ39" s="927" t="s">
        <v>3816</v>
      </c>
      <c r="CNR39" s="927" t="s">
        <v>3816</v>
      </c>
      <c r="CNS39" s="927" t="s">
        <v>3816</v>
      </c>
      <c r="CNT39" s="927" t="s">
        <v>3816</v>
      </c>
      <c r="CNU39" s="927" t="s">
        <v>3816</v>
      </c>
      <c r="CNV39" s="927" t="s">
        <v>3816</v>
      </c>
      <c r="CNW39" s="927" t="s">
        <v>3816</v>
      </c>
      <c r="CNX39" s="927" t="s">
        <v>3816</v>
      </c>
      <c r="CNY39" s="927" t="s">
        <v>3816</v>
      </c>
      <c r="CNZ39" s="927" t="s">
        <v>3816</v>
      </c>
      <c r="COA39" s="927" t="s">
        <v>3816</v>
      </c>
      <c r="COB39" s="927" t="s">
        <v>3816</v>
      </c>
      <c r="COC39" s="927" t="s">
        <v>3816</v>
      </c>
      <c r="COD39" s="927" t="s">
        <v>3816</v>
      </c>
      <c r="COE39" s="927" t="s">
        <v>3816</v>
      </c>
      <c r="COF39" s="927" t="s">
        <v>3816</v>
      </c>
      <c r="COG39" s="927" t="s">
        <v>3816</v>
      </c>
      <c r="COH39" s="927" t="s">
        <v>3816</v>
      </c>
      <c r="COI39" s="927" t="s">
        <v>3816</v>
      </c>
      <c r="COJ39" s="927" t="s">
        <v>3816</v>
      </c>
      <c r="COK39" s="927" t="s">
        <v>3816</v>
      </c>
      <c r="COL39" s="927" t="s">
        <v>3816</v>
      </c>
      <c r="COM39" s="927" t="s">
        <v>3816</v>
      </c>
      <c r="CON39" s="927" t="s">
        <v>3816</v>
      </c>
      <c r="COO39" s="927" t="s">
        <v>3816</v>
      </c>
      <c r="COP39" s="927" t="s">
        <v>3816</v>
      </c>
      <c r="COQ39" s="927" t="s">
        <v>3816</v>
      </c>
      <c r="COR39" s="927" t="s">
        <v>3816</v>
      </c>
      <c r="COS39" s="927" t="s">
        <v>3816</v>
      </c>
      <c r="COT39" s="927" t="s">
        <v>3816</v>
      </c>
      <c r="COU39" s="927" t="s">
        <v>3816</v>
      </c>
      <c r="COV39" s="927" t="s">
        <v>3816</v>
      </c>
      <c r="COW39" s="927" t="s">
        <v>3816</v>
      </c>
      <c r="COX39" s="927" t="s">
        <v>3816</v>
      </c>
      <c r="COY39" s="927" t="s">
        <v>3816</v>
      </c>
      <c r="COZ39" s="927" t="s">
        <v>3816</v>
      </c>
      <c r="CPA39" s="927" t="s">
        <v>3816</v>
      </c>
      <c r="CPB39" s="927" t="s">
        <v>3816</v>
      </c>
      <c r="CPC39" s="927" t="s">
        <v>3816</v>
      </c>
      <c r="CPD39" s="927" t="s">
        <v>3816</v>
      </c>
      <c r="CPE39" s="927" t="s">
        <v>3816</v>
      </c>
      <c r="CPF39" s="927" t="s">
        <v>3816</v>
      </c>
      <c r="CPG39" s="927" t="s">
        <v>3816</v>
      </c>
      <c r="CPH39" s="927" t="s">
        <v>3816</v>
      </c>
      <c r="CPI39" s="927" t="s">
        <v>3816</v>
      </c>
      <c r="CPJ39" s="927" t="s">
        <v>3816</v>
      </c>
      <c r="CPK39" s="927" t="s">
        <v>3816</v>
      </c>
      <c r="CPL39" s="927" t="s">
        <v>3816</v>
      </c>
      <c r="CPM39" s="927" t="s">
        <v>3816</v>
      </c>
      <c r="CPN39" s="927" t="s">
        <v>3816</v>
      </c>
      <c r="CPO39" s="927" t="s">
        <v>3816</v>
      </c>
      <c r="CPP39" s="927" t="s">
        <v>3816</v>
      </c>
      <c r="CPQ39" s="927" t="s">
        <v>3816</v>
      </c>
      <c r="CPR39" s="927" t="s">
        <v>3816</v>
      </c>
      <c r="CPS39" s="927" t="s">
        <v>3816</v>
      </c>
      <c r="CPT39" s="927" t="s">
        <v>3816</v>
      </c>
      <c r="CPU39" s="927" t="s">
        <v>3816</v>
      </c>
      <c r="CPV39" s="927" t="s">
        <v>3816</v>
      </c>
      <c r="CPW39" s="927" t="s">
        <v>3816</v>
      </c>
      <c r="CPX39" s="927" t="s">
        <v>3816</v>
      </c>
      <c r="CPY39" s="927" t="s">
        <v>3816</v>
      </c>
      <c r="CPZ39" s="927" t="s">
        <v>3816</v>
      </c>
      <c r="CQA39" s="927" t="s">
        <v>3816</v>
      </c>
      <c r="CQB39" s="927" t="s">
        <v>3816</v>
      </c>
      <c r="CQC39" s="927" t="s">
        <v>3816</v>
      </c>
      <c r="CQD39" s="927" t="s">
        <v>3816</v>
      </c>
      <c r="CQE39" s="927" t="s">
        <v>3816</v>
      </c>
      <c r="CQF39" s="927" t="s">
        <v>3816</v>
      </c>
      <c r="CQG39" s="927" t="s">
        <v>3816</v>
      </c>
      <c r="CQH39" s="927" t="s">
        <v>3816</v>
      </c>
      <c r="CQI39" s="927" t="s">
        <v>3816</v>
      </c>
      <c r="CQJ39" s="927" t="s">
        <v>3816</v>
      </c>
      <c r="CQK39" s="927" t="s">
        <v>3816</v>
      </c>
      <c r="CQL39" s="927" t="s">
        <v>3816</v>
      </c>
      <c r="CQM39" s="927" t="s">
        <v>3816</v>
      </c>
      <c r="CQN39" s="927" t="s">
        <v>3816</v>
      </c>
      <c r="CQO39" s="927" t="s">
        <v>3816</v>
      </c>
      <c r="CQP39" s="927" t="s">
        <v>3816</v>
      </c>
      <c r="CQQ39" s="927" t="s">
        <v>3816</v>
      </c>
      <c r="CQR39" s="927" t="s">
        <v>3816</v>
      </c>
      <c r="CQS39" s="927" t="s">
        <v>3816</v>
      </c>
      <c r="CQT39" s="927" t="s">
        <v>3816</v>
      </c>
      <c r="CQU39" s="927" t="s">
        <v>3816</v>
      </c>
      <c r="CQV39" s="927" t="s">
        <v>3816</v>
      </c>
      <c r="CQW39" s="927" t="s">
        <v>3816</v>
      </c>
      <c r="CQX39" s="927" t="s">
        <v>3816</v>
      </c>
      <c r="CQY39" s="927" t="s">
        <v>3816</v>
      </c>
      <c r="CQZ39" s="927" t="s">
        <v>3816</v>
      </c>
      <c r="CRA39" s="927" t="s">
        <v>3816</v>
      </c>
      <c r="CRB39" s="927" t="s">
        <v>3816</v>
      </c>
      <c r="CRC39" s="927" t="s">
        <v>3816</v>
      </c>
      <c r="CRD39" s="927" t="s">
        <v>3816</v>
      </c>
      <c r="CRE39" s="927" t="s">
        <v>3816</v>
      </c>
      <c r="CRF39" s="927" t="s">
        <v>3816</v>
      </c>
      <c r="CRG39" s="927" t="s">
        <v>3816</v>
      </c>
      <c r="CRH39" s="927" t="s">
        <v>3816</v>
      </c>
      <c r="CRI39" s="927" t="s">
        <v>3816</v>
      </c>
      <c r="CRJ39" s="927" t="s">
        <v>3816</v>
      </c>
      <c r="CRK39" s="927" t="s">
        <v>3816</v>
      </c>
      <c r="CRL39" s="927" t="s">
        <v>3816</v>
      </c>
      <c r="CRM39" s="927" t="s">
        <v>3816</v>
      </c>
      <c r="CRN39" s="927" t="s">
        <v>3816</v>
      </c>
      <c r="CRO39" s="927" t="s">
        <v>3816</v>
      </c>
      <c r="CRP39" s="927" t="s">
        <v>3816</v>
      </c>
      <c r="CRQ39" s="927" t="s">
        <v>3816</v>
      </c>
      <c r="CRR39" s="927" t="s">
        <v>3816</v>
      </c>
      <c r="CRS39" s="927" t="s">
        <v>3816</v>
      </c>
      <c r="CRT39" s="927" t="s">
        <v>3816</v>
      </c>
      <c r="CRU39" s="927" t="s">
        <v>3816</v>
      </c>
      <c r="CRV39" s="927" t="s">
        <v>3816</v>
      </c>
      <c r="CRW39" s="927" t="s">
        <v>3816</v>
      </c>
      <c r="CRX39" s="927" t="s">
        <v>3816</v>
      </c>
      <c r="CRY39" s="927" t="s">
        <v>3816</v>
      </c>
      <c r="CRZ39" s="927" t="s">
        <v>3816</v>
      </c>
      <c r="CSA39" s="927" t="s">
        <v>3816</v>
      </c>
      <c r="CSB39" s="927" t="s">
        <v>3816</v>
      </c>
      <c r="CSC39" s="927" t="s">
        <v>3816</v>
      </c>
      <c r="CSD39" s="927" t="s">
        <v>3816</v>
      </c>
      <c r="CSE39" s="927" t="s">
        <v>3816</v>
      </c>
      <c r="CSF39" s="927" t="s">
        <v>3816</v>
      </c>
      <c r="CSG39" s="927" t="s">
        <v>3816</v>
      </c>
      <c r="CSH39" s="927" t="s">
        <v>3816</v>
      </c>
      <c r="CSI39" s="927" t="s">
        <v>3816</v>
      </c>
      <c r="CSJ39" s="927" t="s">
        <v>3816</v>
      </c>
      <c r="CSK39" s="927" t="s">
        <v>3816</v>
      </c>
      <c r="CSL39" s="927" t="s">
        <v>3816</v>
      </c>
      <c r="CSM39" s="927" t="s">
        <v>3816</v>
      </c>
      <c r="CSN39" s="927" t="s">
        <v>3816</v>
      </c>
      <c r="CSO39" s="927" t="s">
        <v>3816</v>
      </c>
      <c r="CSP39" s="927" t="s">
        <v>3816</v>
      </c>
      <c r="CSQ39" s="927" t="s">
        <v>3816</v>
      </c>
      <c r="CSR39" s="927" t="s">
        <v>3816</v>
      </c>
      <c r="CSS39" s="927" t="s">
        <v>3816</v>
      </c>
      <c r="CST39" s="927" t="s">
        <v>3816</v>
      </c>
      <c r="CSU39" s="927" t="s">
        <v>3816</v>
      </c>
      <c r="CSV39" s="927" t="s">
        <v>3816</v>
      </c>
      <c r="CSW39" s="927" t="s">
        <v>3816</v>
      </c>
      <c r="CSX39" s="927" t="s">
        <v>3816</v>
      </c>
      <c r="CSY39" s="927" t="s">
        <v>3816</v>
      </c>
      <c r="CSZ39" s="927" t="s">
        <v>3816</v>
      </c>
      <c r="CTA39" s="927" t="s">
        <v>3816</v>
      </c>
      <c r="CTB39" s="927" t="s">
        <v>3816</v>
      </c>
      <c r="CTC39" s="927" t="s">
        <v>3816</v>
      </c>
      <c r="CTD39" s="927" t="s">
        <v>3816</v>
      </c>
      <c r="CTE39" s="927" t="s">
        <v>3816</v>
      </c>
      <c r="CTF39" s="927" t="s">
        <v>3816</v>
      </c>
      <c r="CTG39" s="927" t="s">
        <v>3816</v>
      </c>
      <c r="CTH39" s="927" t="s">
        <v>3816</v>
      </c>
      <c r="CTI39" s="927" t="s">
        <v>3816</v>
      </c>
      <c r="CTJ39" s="927" t="s">
        <v>3816</v>
      </c>
      <c r="CTK39" s="927" t="s">
        <v>3816</v>
      </c>
      <c r="CTL39" s="927" t="s">
        <v>3816</v>
      </c>
      <c r="CTM39" s="927" t="s">
        <v>3816</v>
      </c>
      <c r="CTN39" s="927" t="s">
        <v>3816</v>
      </c>
      <c r="CTO39" s="927" t="s">
        <v>3816</v>
      </c>
      <c r="CTP39" s="927" t="s">
        <v>3816</v>
      </c>
      <c r="CTQ39" s="927" t="s">
        <v>3816</v>
      </c>
      <c r="CTR39" s="927" t="s">
        <v>3816</v>
      </c>
      <c r="CTS39" s="927" t="s">
        <v>3816</v>
      </c>
      <c r="CTT39" s="927" t="s">
        <v>3816</v>
      </c>
      <c r="CTU39" s="927" t="s">
        <v>3816</v>
      </c>
      <c r="CTV39" s="927" t="s">
        <v>3816</v>
      </c>
      <c r="CTW39" s="927" t="s">
        <v>3816</v>
      </c>
      <c r="CTX39" s="927" t="s">
        <v>3816</v>
      </c>
      <c r="CTY39" s="927" t="s">
        <v>3816</v>
      </c>
      <c r="CTZ39" s="927" t="s">
        <v>3816</v>
      </c>
      <c r="CUA39" s="927" t="s">
        <v>3816</v>
      </c>
      <c r="CUB39" s="927" t="s">
        <v>3816</v>
      </c>
      <c r="CUC39" s="927" t="s">
        <v>3816</v>
      </c>
      <c r="CUD39" s="927" t="s">
        <v>3816</v>
      </c>
      <c r="CUE39" s="927" t="s">
        <v>3816</v>
      </c>
      <c r="CUF39" s="927" t="s">
        <v>3816</v>
      </c>
      <c r="CUG39" s="927" t="s">
        <v>3816</v>
      </c>
      <c r="CUH39" s="927" t="s">
        <v>3816</v>
      </c>
      <c r="CUI39" s="927" t="s">
        <v>3816</v>
      </c>
      <c r="CUJ39" s="927" t="s">
        <v>3816</v>
      </c>
      <c r="CUK39" s="927" t="s">
        <v>3816</v>
      </c>
      <c r="CUL39" s="927" t="s">
        <v>3816</v>
      </c>
      <c r="CUM39" s="927" t="s">
        <v>3816</v>
      </c>
      <c r="CUN39" s="927" t="s">
        <v>3816</v>
      </c>
      <c r="CUO39" s="927" t="s">
        <v>3816</v>
      </c>
      <c r="CUP39" s="927" t="s">
        <v>3816</v>
      </c>
      <c r="CUQ39" s="927" t="s">
        <v>3816</v>
      </c>
      <c r="CUR39" s="927" t="s">
        <v>3816</v>
      </c>
      <c r="CUS39" s="927" t="s">
        <v>3816</v>
      </c>
      <c r="CUT39" s="927" t="s">
        <v>3816</v>
      </c>
      <c r="CUU39" s="927" t="s">
        <v>3816</v>
      </c>
      <c r="CUV39" s="927" t="s">
        <v>3816</v>
      </c>
      <c r="CUW39" s="927" t="s">
        <v>3816</v>
      </c>
      <c r="CUX39" s="927" t="s">
        <v>3816</v>
      </c>
      <c r="CUY39" s="927" t="s">
        <v>3816</v>
      </c>
      <c r="CUZ39" s="927" t="s">
        <v>3816</v>
      </c>
      <c r="CVA39" s="927" t="s">
        <v>3816</v>
      </c>
      <c r="CVB39" s="927" t="s">
        <v>3816</v>
      </c>
      <c r="CVC39" s="927" t="s">
        <v>3816</v>
      </c>
      <c r="CVD39" s="927" t="s">
        <v>3816</v>
      </c>
      <c r="CVE39" s="927" t="s">
        <v>3816</v>
      </c>
      <c r="CVF39" s="927" t="s">
        <v>3816</v>
      </c>
      <c r="CVG39" s="927" t="s">
        <v>3816</v>
      </c>
      <c r="CVH39" s="927" t="s">
        <v>3816</v>
      </c>
      <c r="CVI39" s="927" t="s">
        <v>3816</v>
      </c>
      <c r="CVJ39" s="927" t="s">
        <v>3816</v>
      </c>
      <c r="CVK39" s="927" t="s">
        <v>3816</v>
      </c>
      <c r="CVL39" s="927" t="s">
        <v>3816</v>
      </c>
      <c r="CVM39" s="927" t="s">
        <v>3816</v>
      </c>
      <c r="CVN39" s="927" t="s">
        <v>3816</v>
      </c>
      <c r="CVO39" s="927" t="s">
        <v>3816</v>
      </c>
      <c r="CVP39" s="927" t="s">
        <v>3816</v>
      </c>
      <c r="CVQ39" s="927" t="s">
        <v>3816</v>
      </c>
      <c r="CVR39" s="927" t="s">
        <v>3816</v>
      </c>
      <c r="CVS39" s="927" t="s">
        <v>3816</v>
      </c>
      <c r="CVT39" s="927" t="s">
        <v>3816</v>
      </c>
      <c r="CVU39" s="927" t="s">
        <v>3816</v>
      </c>
      <c r="CVV39" s="927" t="s">
        <v>3816</v>
      </c>
      <c r="CVW39" s="927" t="s">
        <v>3816</v>
      </c>
      <c r="CVX39" s="927" t="s">
        <v>3816</v>
      </c>
      <c r="CVY39" s="927" t="s">
        <v>3816</v>
      </c>
      <c r="CVZ39" s="927" t="s">
        <v>3816</v>
      </c>
      <c r="CWA39" s="927" t="s">
        <v>3816</v>
      </c>
      <c r="CWB39" s="927" t="s">
        <v>3816</v>
      </c>
      <c r="CWC39" s="927" t="s">
        <v>3816</v>
      </c>
      <c r="CWD39" s="927" t="s">
        <v>3816</v>
      </c>
      <c r="CWE39" s="927" t="s">
        <v>3816</v>
      </c>
      <c r="CWF39" s="927" t="s">
        <v>3816</v>
      </c>
      <c r="CWG39" s="927" t="s">
        <v>3816</v>
      </c>
      <c r="CWH39" s="927" t="s">
        <v>3816</v>
      </c>
      <c r="CWI39" s="927" t="s">
        <v>3816</v>
      </c>
      <c r="CWJ39" s="927" t="s">
        <v>3816</v>
      </c>
      <c r="CWK39" s="927" t="s">
        <v>3816</v>
      </c>
      <c r="CWL39" s="927" t="s">
        <v>3816</v>
      </c>
      <c r="CWM39" s="927" t="s">
        <v>3816</v>
      </c>
      <c r="CWN39" s="927" t="s">
        <v>3816</v>
      </c>
      <c r="CWO39" s="927" t="s">
        <v>3816</v>
      </c>
      <c r="CWP39" s="927" t="s">
        <v>3816</v>
      </c>
      <c r="CWQ39" s="927" t="s">
        <v>3816</v>
      </c>
      <c r="CWR39" s="927" t="s">
        <v>3816</v>
      </c>
      <c r="CWS39" s="927" t="s">
        <v>3816</v>
      </c>
      <c r="CWT39" s="927" t="s">
        <v>3816</v>
      </c>
      <c r="CWU39" s="927" t="s">
        <v>3816</v>
      </c>
      <c r="CWV39" s="927" t="s">
        <v>3816</v>
      </c>
      <c r="CWW39" s="927" t="s">
        <v>3816</v>
      </c>
      <c r="CWX39" s="927" t="s">
        <v>3816</v>
      </c>
      <c r="CWY39" s="927" t="s">
        <v>3816</v>
      </c>
      <c r="CWZ39" s="927" t="s">
        <v>3816</v>
      </c>
      <c r="CXA39" s="927" t="s">
        <v>3816</v>
      </c>
      <c r="CXB39" s="927" t="s">
        <v>3816</v>
      </c>
      <c r="CXC39" s="927" t="s">
        <v>3816</v>
      </c>
      <c r="CXD39" s="927" t="s">
        <v>3816</v>
      </c>
      <c r="CXE39" s="927" t="s">
        <v>3816</v>
      </c>
      <c r="CXF39" s="927" t="s">
        <v>3816</v>
      </c>
      <c r="CXG39" s="927" t="s">
        <v>3816</v>
      </c>
      <c r="CXH39" s="927" t="s">
        <v>3816</v>
      </c>
      <c r="CXI39" s="927" t="s">
        <v>3816</v>
      </c>
      <c r="CXJ39" s="927" t="s">
        <v>3816</v>
      </c>
      <c r="CXK39" s="927" t="s">
        <v>3816</v>
      </c>
      <c r="CXL39" s="927" t="s">
        <v>3816</v>
      </c>
      <c r="CXM39" s="927" t="s">
        <v>3816</v>
      </c>
      <c r="CXN39" s="927" t="s">
        <v>3816</v>
      </c>
      <c r="CXO39" s="927" t="s">
        <v>3816</v>
      </c>
      <c r="CXP39" s="927" t="s">
        <v>3816</v>
      </c>
      <c r="CXQ39" s="927" t="s">
        <v>3816</v>
      </c>
      <c r="CXR39" s="927" t="s">
        <v>3816</v>
      </c>
      <c r="CXS39" s="927" t="s">
        <v>3816</v>
      </c>
      <c r="CXT39" s="927" t="s">
        <v>3816</v>
      </c>
      <c r="CXU39" s="927" t="s">
        <v>3816</v>
      </c>
      <c r="CXV39" s="927" t="s">
        <v>3816</v>
      </c>
      <c r="CXW39" s="927" t="s">
        <v>3816</v>
      </c>
      <c r="CXX39" s="927" t="s">
        <v>3816</v>
      </c>
      <c r="CXY39" s="927" t="s">
        <v>3816</v>
      </c>
      <c r="CXZ39" s="927" t="s">
        <v>3816</v>
      </c>
      <c r="CYA39" s="927" t="s">
        <v>3816</v>
      </c>
      <c r="CYB39" s="927" t="s">
        <v>3816</v>
      </c>
      <c r="CYC39" s="927" t="s">
        <v>3816</v>
      </c>
      <c r="CYD39" s="927" t="s">
        <v>3816</v>
      </c>
      <c r="CYE39" s="927" t="s">
        <v>3816</v>
      </c>
      <c r="CYF39" s="927" t="s">
        <v>3816</v>
      </c>
      <c r="CYG39" s="927" t="s">
        <v>3816</v>
      </c>
      <c r="CYH39" s="927" t="s">
        <v>3816</v>
      </c>
      <c r="CYI39" s="927" t="s">
        <v>3816</v>
      </c>
      <c r="CYJ39" s="927" t="s">
        <v>3816</v>
      </c>
      <c r="CYK39" s="927" t="s">
        <v>3816</v>
      </c>
      <c r="CYL39" s="927" t="s">
        <v>3816</v>
      </c>
      <c r="CYM39" s="927" t="s">
        <v>3816</v>
      </c>
      <c r="CYN39" s="927" t="s">
        <v>3816</v>
      </c>
      <c r="CYO39" s="927" t="s">
        <v>3816</v>
      </c>
      <c r="CYP39" s="927" t="s">
        <v>3816</v>
      </c>
      <c r="CYQ39" s="927" t="s">
        <v>3816</v>
      </c>
      <c r="CYR39" s="927" t="s">
        <v>3816</v>
      </c>
      <c r="CYS39" s="927" t="s">
        <v>3816</v>
      </c>
      <c r="CYT39" s="927" t="s">
        <v>3816</v>
      </c>
      <c r="CYU39" s="927" t="s">
        <v>3816</v>
      </c>
      <c r="CYV39" s="927" t="s">
        <v>3816</v>
      </c>
      <c r="CYW39" s="927" t="s">
        <v>3816</v>
      </c>
      <c r="CYX39" s="927" t="s">
        <v>3816</v>
      </c>
      <c r="CYY39" s="927" t="s">
        <v>3816</v>
      </c>
      <c r="CYZ39" s="927" t="s">
        <v>3816</v>
      </c>
      <c r="CZA39" s="927" t="s">
        <v>3816</v>
      </c>
      <c r="CZB39" s="927" t="s">
        <v>3816</v>
      </c>
      <c r="CZC39" s="927" t="s">
        <v>3816</v>
      </c>
      <c r="CZD39" s="927" t="s">
        <v>3816</v>
      </c>
      <c r="CZE39" s="927" t="s">
        <v>3816</v>
      </c>
      <c r="CZF39" s="927" t="s">
        <v>3816</v>
      </c>
      <c r="CZG39" s="927" t="s">
        <v>3816</v>
      </c>
      <c r="CZH39" s="927" t="s">
        <v>3816</v>
      </c>
      <c r="CZI39" s="927" t="s">
        <v>3816</v>
      </c>
      <c r="CZJ39" s="927" t="s">
        <v>3816</v>
      </c>
      <c r="CZK39" s="927" t="s">
        <v>3816</v>
      </c>
      <c r="CZL39" s="927" t="s">
        <v>3816</v>
      </c>
      <c r="CZM39" s="927" t="s">
        <v>3816</v>
      </c>
      <c r="CZN39" s="927" t="s">
        <v>3816</v>
      </c>
      <c r="CZO39" s="927" t="s">
        <v>3816</v>
      </c>
      <c r="CZP39" s="927" t="s">
        <v>3816</v>
      </c>
      <c r="CZQ39" s="927" t="s">
        <v>3816</v>
      </c>
      <c r="CZR39" s="927" t="s">
        <v>3816</v>
      </c>
      <c r="CZS39" s="927" t="s">
        <v>3816</v>
      </c>
      <c r="CZT39" s="927" t="s">
        <v>3816</v>
      </c>
      <c r="CZU39" s="927" t="s">
        <v>3816</v>
      </c>
      <c r="CZV39" s="927" t="s">
        <v>3816</v>
      </c>
      <c r="CZW39" s="927" t="s">
        <v>3816</v>
      </c>
      <c r="CZX39" s="927" t="s">
        <v>3816</v>
      </c>
      <c r="CZY39" s="927" t="s">
        <v>3816</v>
      </c>
      <c r="CZZ39" s="927" t="s">
        <v>3816</v>
      </c>
      <c r="DAA39" s="927" t="s">
        <v>3816</v>
      </c>
      <c r="DAB39" s="927" t="s">
        <v>3816</v>
      </c>
      <c r="DAC39" s="927" t="s">
        <v>3816</v>
      </c>
      <c r="DAD39" s="927" t="s">
        <v>3816</v>
      </c>
      <c r="DAE39" s="927" t="s">
        <v>3816</v>
      </c>
      <c r="DAF39" s="927" t="s">
        <v>3816</v>
      </c>
      <c r="DAG39" s="927" t="s">
        <v>3816</v>
      </c>
      <c r="DAH39" s="927" t="s">
        <v>3816</v>
      </c>
      <c r="DAI39" s="927" t="s">
        <v>3816</v>
      </c>
      <c r="DAJ39" s="927" t="s">
        <v>3816</v>
      </c>
      <c r="DAK39" s="927" t="s">
        <v>3816</v>
      </c>
      <c r="DAL39" s="927" t="s">
        <v>3816</v>
      </c>
      <c r="DAM39" s="927" t="s">
        <v>3816</v>
      </c>
      <c r="DAN39" s="927" t="s">
        <v>3816</v>
      </c>
      <c r="DAO39" s="927" t="s">
        <v>3816</v>
      </c>
      <c r="DAP39" s="927" t="s">
        <v>3816</v>
      </c>
      <c r="DAQ39" s="927" t="s">
        <v>3816</v>
      </c>
      <c r="DAR39" s="927" t="s">
        <v>3816</v>
      </c>
      <c r="DAS39" s="927" t="s">
        <v>3816</v>
      </c>
      <c r="DAT39" s="927" t="s">
        <v>3816</v>
      </c>
      <c r="DAU39" s="927" t="s">
        <v>3816</v>
      </c>
      <c r="DAV39" s="927" t="s">
        <v>3816</v>
      </c>
      <c r="DAW39" s="927" t="s">
        <v>3816</v>
      </c>
      <c r="DAX39" s="927" t="s">
        <v>3816</v>
      </c>
      <c r="DAY39" s="927" t="s">
        <v>3816</v>
      </c>
      <c r="DAZ39" s="927" t="s">
        <v>3816</v>
      </c>
      <c r="DBA39" s="927" t="s">
        <v>3816</v>
      </c>
      <c r="DBB39" s="927" t="s">
        <v>3816</v>
      </c>
      <c r="DBC39" s="927" t="s">
        <v>3816</v>
      </c>
      <c r="DBD39" s="927" t="s">
        <v>3816</v>
      </c>
      <c r="DBE39" s="927" t="s">
        <v>3816</v>
      </c>
      <c r="DBF39" s="927" t="s">
        <v>3816</v>
      </c>
      <c r="DBG39" s="927" t="s">
        <v>3816</v>
      </c>
      <c r="DBH39" s="927" t="s">
        <v>3816</v>
      </c>
      <c r="DBI39" s="927" t="s">
        <v>3816</v>
      </c>
      <c r="DBJ39" s="927" t="s">
        <v>3816</v>
      </c>
      <c r="DBK39" s="927" t="s">
        <v>3816</v>
      </c>
      <c r="DBL39" s="927" t="s">
        <v>3816</v>
      </c>
      <c r="DBM39" s="927" t="s">
        <v>3816</v>
      </c>
      <c r="DBN39" s="927" t="s">
        <v>3816</v>
      </c>
      <c r="DBO39" s="927" t="s">
        <v>3816</v>
      </c>
      <c r="DBP39" s="927" t="s">
        <v>3816</v>
      </c>
      <c r="DBQ39" s="927" t="s">
        <v>3816</v>
      </c>
      <c r="DBR39" s="927" t="s">
        <v>3816</v>
      </c>
      <c r="DBS39" s="927" t="s">
        <v>3816</v>
      </c>
      <c r="DBT39" s="927" t="s">
        <v>3816</v>
      </c>
      <c r="DBU39" s="927" t="s">
        <v>3816</v>
      </c>
      <c r="DBV39" s="927" t="s">
        <v>3816</v>
      </c>
      <c r="DBW39" s="927" t="s">
        <v>3816</v>
      </c>
      <c r="DBX39" s="927" t="s">
        <v>3816</v>
      </c>
      <c r="DBY39" s="927" t="s">
        <v>3816</v>
      </c>
      <c r="DBZ39" s="927" t="s">
        <v>3816</v>
      </c>
      <c r="DCA39" s="927" t="s">
        <v>3816</v>
      </c>
      <c r="DCB39" s="927" t="s">
        <v>3816</v>
      </c>
      <c r="DCC39" s="927" t="s">
        <v>3816</v>
      </c>
      <c r="DCD39" s="927" t="s">
        <v>3816</v>
      </c>
      <c r="DCE39" s="927" t="s">
        <v>3816</v>
      </c>
      <c r="DCF39" s="927" t="s">
        <v>3816</v>
      </c>
      <c r="DCG39" s="927" t="s">
        <v>3816</v>
      </c>
      <c r="DCH39" s="927" t="s">
        <v>3816</v>
      </c>
      <c r="DCI39" s="927" t="s">
        <v>3816</v>
      </c>
      <c r="DCJ39" s="927" t="s">
        <v>3816</v>
      </c>
      <c r="DCK39" s="927" t="s">
        <v>3816</v>
      </c>
      <c r="DCL39" s="927" t="s">
        <v>3816</v>
      </c>
      <c r="DCM39" s="927" t="s">
        <v>3816</v>
      </c>
      <c r="DCN39" s="927" t="s">
        <v>3816</v>
      </c>
      <c r="DCO39" s="927" t="s">
        <v>3816</v>
      </c>
      <c r="DCP39" s="927" t="s">
        <v>3816</v>
      </c>
      <c r="DCQ39" s="927" t="s">
        <v>3816</v>
      </c>
      <c r="DCR39" s="927" t="s">
        <v>3816</v>
      </c>
      <c r="DCS39" s="927" t="s">
        <v>3816</v>
      </c>
      <c r="DCT39" s="927" t="s">
        <v>3816</v>
      </c>
      <c r="DCU39" s="927" t="s">
        <v>3816</v>
      </c>
      <c r="DCV39" s="927" t="s">
        <v>3816</v>
      </c>
      <c r="DCW39" s="927" t="s">
        <v>3816</v>
      </c>
      <c r="DCX39" s="927" t="s">
        <v>3816</v>
      </c>
      <c r="DCY39" s="927" t="s">
        <v>3816</v>
      </c>
      <c r="DCZ39" s="927" t="s">
        <v>3816</v>
      </c>
      <c r="DDA39" s="927" t="s">
        <v>3816</v>
      </c>
      <c r="DDB39" s="927" t="s">
        <v>3816</v>
      </c>
      <c r="DDC39" s="927" t="s">
        <v>3816</v>
      </c>
      <c r="DDD39" s="927" t="s">
        <v>3816</v>
      </c>
      <c r="DDE39" s="927" t="s">
        <v>3816</v>
      </c>
      <c r="DDF39" s="927" t="s">
        <v>3816</v>
      </c>
      <c r="DDG39" s="927" t="s">
        <v>3816</v>
      </c>
      <c r="DDH39" s="927" t="s">
        <v>3816</v>
      </c>
      <c r="DDI39" s="927" t="s">
        <v>3816</v>
      </c>
      <c r="DDJ39" s="927" t="s">
        <v>3816</v>
      </c>
      <c r="DDK39" s="927" t="s">
        <v>3816</v>
      </c>
      <c r="DDL39" s="927" t="s">
        <v>3816</v>
      </c>
      <c r="DDM39" s="927" t="s">
        <v>3816</v>
      </c>
      <c r="DDN39" s="927" t="s">
        <v>3816</v>
      </c>
      <c r="DDO39" s="927" t="s">
        <v>3816</v>
      </c>
      <c r="DDP39" s="927" t="s">
        <v>3816</v>
      </c>
      <c r="DDQ39" s="927" t="s">
        <v>3816</v>
      </c>
      <c r="DDR39" s="927" t="s">
        <v>3816</v>
      </c>
      <c r="DDS39" s="927" t="s">
        <v>3816</v>
      </c>
      <c r="DDT39" s="927" t="s">
        <v>3816</v>
      </c>
      <c r="DDU39" s="927" t="s">
        <v>3816</v>
      </c>
      <c r="DDV39" s="927" t="s">
        <v>3816</v>
      </c>
      <c r="DDW39" s="927" t="s">
        <v>3816</v>
      </c>
      <c r="DDX39" s="927" t="s">
        <v>3816</v>
      </c>
      <c r="DDY39" s="927" t="s">
        <v>3816</v>
      </c>
      <c r="DDZ39" s="927" t="s">
        <v>3816</v>
      </c>
      <c r="DEA39" s="927" t="s">
        <v>3816</v>
      </c>
      <c r="DEB39" s="927" t="s">
        <v>3816</v>
      </c>
      <c r="DEC39" s="927" t="s">
        <v>3816</v>
      </c>
      <c r="DED39" s="927" t="s">
        <v>3816</v>
      </c>
      <c r="DEE39" s="927" t="s">
        <v>3816</v>
      </c>
      <c r="DEF39" s="927" t="s">
        <v>3816</v>
      </c>
      <c r="DEG39" s="927" t="s">
        <v>3816</v>
      </c>
      <c r="DEH39" s="927" t="s">
        <v>3816</v>
      </c>
      <c r="DEI39" s="927" t="s">
        <v>3816</v>
      </c>
      <c r="DEJ39" s="927" t="s">
        <v>3816</v>
      </c>
      <c r="DEK39" s="927" t="s">
        <v>3816</v>
      </c>
      <c r="DEL39" s="927" t="s">
        <v>3816</v>
      </c>
      <c r="DEM39" s="927" t="s">
        <v>3816</v>
      </c>
      <c r="DEN39" s="927" t="s">
        <v>3816</v>
      </c>
      <c r="DEO39" s="927" t="s">
        <v>3816</v>
      </c>
      <c r="DEP39" s="927" t="s">
        <v>3816</v>
      </c>
      <c r="DEQ39" s="927" t="s">
        <v>3816</v>
      </c>
      <c r="DER39" s="927" t="s">
        <v>3816</v>
      </c>
      <c r="DES39" s="927" t="s">
        <v>3816</v>
      </c>
      <c r="DET39" s="927" t="s">
        <v>3816</v>
      </c>
      <c r="DEU39" s="927" t="s">
        <v>3816</v>
      </c>
      <c r="DEV39" s="927" t="s">
        <v>3816</v>
      </c>
      <c r="DEW39" s="927" t="s">
        <v>3816</v>
      </c>
      <c r="DEX39" s="927" t="s">
        <v>3816</v>
      </c>
      <c r="DEY39" s="927" t="s">
        <v>3816</v>
      </c>
      <c r="DEZ39" s="927" t="s">
        <v>3816</v>
      </c>
      <c r="DFA39" s="927" t="s">
        <v>3816</v>
      </c>
      <c r="DFB39" s="927" t="s">
        <v>3816</v>
      </c>
      <c r="DFC39" s="927" t="s">
        <v>3816</v>
      </c>
      <c r="DFD39" s="927" t="s">
        <v>3816</v>
      </c>
      <c r="DFE39" s="927" t="s">
        <v>3816</v>
      </c>
      <c r="DFF39" s="927" t="s">
        <v>3816</v>
      </c>
      <c r="DFG39" s="927" t="s">
        <v>3816</v>
      </c>
      <c r="DFH39" s="927" t="s">
        <v>3816</v>
      </c>
      <c r="DFI39" s="927" t="s">
        <v>3816</v>
      </c>
      <c r="DFJ39" s="927" t="s">
        <v>3816</v>
      </c>
      <c r="DFK39" s="927" t="s">
        <v>3816</v>
      </c>
      <c r="DFL39" s="927" t="s">
        <v>3816</v>
      </c>
      <c r="DFM39" s="927" t="s">
        <v>3816</v>
      </c>
      <c r="DFN39" s="927" t="s">
        <v>3816</v>
      </c>
      <c r="DFO39" s="927" t="s">
        <v>3816</v>
      </c>
      <c r="DFP39" s="927" t="s">
        <v>3816</v>
      </c>
      <c r="DFQ39" s="927" t="s">
        <v>3816</v>
      </c>
      <c r="DFR39" s="927" t="s">
        <v>3816</v>
      </c>
      <c r="DFS39" s="927" t="s">
        <v>3816</v>
      </c>
      <c r="DFT39" s="927" t="s">
        <v>3816</v>
      </c>
      <c r="DFU39" s="927" t="s">
        <v>3816</v>
      </c>
      <c r="DFV39" s="927" t="s">
        <v>3816</v>
      </c>
      <c r="DFW39" s="927" t="s">
        <v>3816</v>
      </c>
      <c r="DFX39" s="927" t="s">
        <v>3816</v>
      </c>
      <c r="DFY39" s="927" t="s">
        <v>3816</v>
      </c>
      <c r="DFZ39" s="927" t="s">
        <v>3816</v>
      </c>
      <c r="DGA39" s="927" t="s">
        <v>3816</v>
      </c>
      <c r="DGB39" s="927" t="s">
        <v>3816</v>
      </c>
      <c r="DGC39" s="927" t="s">
        <v>3816</v>
      </c>
      <c r="DGD39" s="927" t="s">
        <v>3816</v>
      </c>
      <c r="DGE39" s="927" t="s">
        <v>3816</v>
      </c>
      <c r="DGF39" s="927" t="s">
        <v>3816</v>
      </c>
      <c r="DGG39" s="927" t="s">
        <v>3816</v>
      </c>
      <c r="DGH39" s="927" t="s">
        <v>3816</v>
      </c>
      <c r="DGI39" s="927" t="s">
        <v>3816</v>
      </c>
      <c r="DGJ39" s="927" t="s">
        <v>3816</v>
      </c>
      <c r="DGK39" s="927" t="s">
        <v>3816</v>
      </c>
      <c r="DGL39" s="927" t="s">
        <v>3816</v>
      </c>
      <c r="DGM39" s="927" t="s">
        <v>3816</v>
      </c>
      <c r="DGN39" s="927" t="s">
        <v>3816</v>
      </c>
      <c r="DGO39" s="927" t="s">
        <v>3816</v>
      </c>
      <c r="DGP39" s="927" t="s">
        <v>3816</v>
      </c>
      <c r="DGQ39" s="927" t="s">
        <v>3816</v>
      </c>
      <c r="DGR39" s="927" t="s">
        <v>3816</v>
      </c>
      <c r="DGS39" s="927" t="s">
        <v>3816</v>
      </c>
      <c r="DGT39" s="927" t="s">
        <v>3816</v>
      </c>
      <c r="DGU39" s="927" t="s">
        <v>3816</v>
      </c>
      <c r="DGV39" s="927" t="s">
        <v>3816</v>
      </c>
      <c r="DGW39" s="927" t="s">
        <v>3816</v>
      </c>
      <c r="DGX39" s="927" t="s">
        <v>3816</v>
      </c>
      <c r="DGY39" s="927" t="s">
        <v>3816</v>
      </c>
      <c r="DGZ39" s="927" t="s">
        <v>3816</v>
      </c>
      <c r="DHA39" s="927" t="s">
        <v>3816</v>
      </c>
      <c r="DHB39" s="927" t="s">
        <v>3816</v>
      </c>
      <c r="DHC39" s="927" t="s">
        <v>3816</v>
      </c>
      <c r="DHD39" s="927" t="s">
        <v>3816</v>
      </c>
      <c r="DHE39" s="927" t="s">
        <v>3816</v>
      </c>
      <c r="DHF39" s="927" t="s">
        <v>3816</v>
      </c>
      <c r="DHG39" s="927" t="s">
        <v>3816</v>
      </c>
      <c r="DHH39" s="927" t="s">
        <v>3816</v>
      </c>
      <c r="DHI39" s="927" t="s">
        <v>3816</v>
      </c>
      <c r="DHJ39" s="927" t="s">
        <v>3816</v>
      </c>
      <c r="DHK39" s="927" t="s">
        <v>3816</v>
      </c>
      <c r="DHL39" s="927" t="s">
        <v>3816</v>
      </c>
      <c r="DHM39" s="927" t="s">
        <v>3816</v>
      </c>
      <c r="DHN39" s="927" t="s">
        <v>3816</v>
      </c>
      <c r="DHO39" s="927" t="s">
        <v>3816</v>
      </c>
      <c r="DHP39" s="927" t="s">
        <v>3816</v>
      </c>
      <c r="DHQ39" s="927" t="s">
        <v>3816</v>
      </c>
      <c r="DHR39" s="927" t="s">
        <v>3816</v>
      </c>
      <c r="DHS39" s="927" t="s">
        <v>3816</v>
      </c>
      <c r="DHT39" s="927" t="s">
        <v>3816</v>
      </c>
      <c r="DHU39" s="927" t="s">
        <v>3816</v>
      </c>
      <c r="DHV39" s="927" t="s">
        <v>3816</v>
      </c>
      <c r="DHW39" s="927" t="s">
        <v>3816</v>
      </c>
      <c r="DHX39" s="927" t="s">
        <v>3816</v>
      </c>
      <c r="DHY39" s="927" t="s">
        <v>3816</v>
      </c>
      <c r="DHZ39" s="927" t="s">
        <v>3816</v>
      </c>
      <c r="DIA39" s="927" t="s">
        <v>3816</v>
      </c>
      <c r="DIB39" s="927" t="s">
        <v>3816</v>
      </c>
      <c r="DIC39" s="927" t="s">
        <v>3816</v>
      </c>
      <c r="DID39" s="927" t="s">
        <v>3816</v>
      </c>
      <c r="DIE39" s="927" t="s">
        <v>3816</v>
      </c>
      <c r="DIF39" s="927" t="s">
        <v>3816</v>
      </c>
      <c r="DIG39" s="927" t="s">
        <v>3816</v>
      </c>
      <c r="DIH39" s="927" t="s">
        <v>3816</v>
      </c>
      <c r="DII39" s="927" t="s">
        <v>3816</v>
      </c>
      <c r="DIJ39" s="927" t="s">
        <v>3816</v>
      </c>
      <c r="DIK39" s="927" t="s">
        <v>3816</v>
      </c>
      <c r="DIL39" s="927" t="s">
        <v>3816</v>
      </c>
      <c r="DIM39" s="927" t="s">
        <v>3816</v>
      </c>
      <c r="DIN39" s="927" t="s">
        <v>3816</v>
      </c>
      <c r="DIO39" s="927" t="s">
        <v>3816</v>
      </c>
      <c r="DIP39" s="927" t="s">
        <v>3816</v>
      </c>
      <c r="DIQ39" s="927" t="s">
        <v>3816</v>
      </c>
      <c r="DIR39" s="927" t="s">
        <v>3816</v>
      </c>
      <c r="DIS39" s="927" t="s">
        <v>3816</v>
      </c>
      <c r="DIT39" s="927" t="s">
        <v>3816</v>
      </c>
      <c r="DIU39" s="927" t="s">
        <v>3816</v>
      </c>
      <c r="DIV39" s="927" t="s">
        <v>3816</v>
      </c>
      <c r="DIW39" s="927" t="s">
        <v>3816</v>
      </c>
      <c r="DIX39" s="927" t="s">
        <v>3816</v>
      </c>
      <c r="DIY39" s="927" t="s">
        <v>3816</v>
      </c>
      <c r="DIZ39" s="927" t="s">
        <v>3816</v>
      </c>
      <c r="DJA39" s="927" t="s">
        <v>3816</v>
      </c>
      <c r="DJB39" s="927" t="s">
        <v>3816</v>
      </c>
      <c r="DJC39" s="927" t="s">
        <v>3816</v>
      </c>
      <c r="DJD39" s="927" t="s">
        <v>3816</v>
      </c>
      <c r="DJE39" s="927" t="s">
        <v>3816</v>
      </c>
      <c r="DJF39" s="927" t="s">
        <v>3816</v>
      </c>
      <c r="DJG39" s="927" t="s">
        <v>3816</v>
      </c>
      <c r="DJH39" s="927" t="s">
        <v>3816</v>
      </c>
      <c r="DJI39" s="927" t="s">
        <v>3816</v>
      </c>
      <c r="DJJ39" s="927" t="s">
        <v>3816</v>
      </c>
      <c r="DJK39" s="927" t="s">
        <v>3816</v>
      </c>
      <c r="DJL39" s="927" t="s">
        <v>3816</v>
      </c>
      <c r="DJM39" s="927" t="s">
        <v>3816</v>
      </c>
      <c r="DJN39" s="927" t="s">
        <v>3816</v>
      </c>
      <c r="DJO39" s="927" t="s">
        <v>3816</v>
      </c>
      <c r="DJP39" s="927" t="s">
        <v>3816</v>
      </c>
      <c r="DJQ39" s="927" t="s">
        <v>3816</v>
      </c>
      <c r="DJR39" s="927" t="s">
        <v>3816</v>
      </c>
      <c r="DJS39" s="927" t="s">
        <v>3816</v>
      </c>
      <c r="DJT39" s="927" t="s">
        <v>3816</v>
      </c>
      <c r="DJU39" s="927" t="s">
        <v>3816</v>
      </c>
      <c r="DJV39" s="927" t="s">
        <v>3816</v>
      </c>
      <c r="DJW39" s="927" t="s">
        <v>3816</v>
      </c>
      <c r="DJX39" s="927" t="s">
        <v>3816</v>
      </c>
      <c r="DJY39" s="927" t="s">
        <v>3816</v>
      </c>
      <c r="DJZ39" s="927" t="s">
        <v>3816</v>
      </c>
      <c r="DKA39" s="927" t="s">
        <v>3816</v>
      </c>
      <c r="DKB39" s="927" t="s">
        <v>3816</v>
      </c>
      <c r="DKC39" s="927" t="s">
        <v>3816</v>
      </c>
      <c r="DKD39" s="927" t="s">
        <v>3816</v>
      </c>
      <c r="DKE39" s="927" t="s">
        <v>3816</v>
      </c>
      <c r="DKF39" s="927" t="s">
        <v>3816</v>
      </c>
      <c r="DKG39" s="927" t="s">
        <v>3816</v>
      </c>
      <c r="DKH39" s="927" t="s">
        <v>3816</v>
      </c>
      <c r="DKI39" s="927" t="s">
        <v>3816</v>
      </c>
      <c r="DKJ39" s="927" t="s">
        <v>3816</v>
      </c>
      <c r="DKK39" s="927" t="s">
        <v>3816</v>
      </c>
      <c r="DKL39" s="927" t="s">
        <v>3816</v>
      </c>
      <c r="DKM39" s="927" t="s">
        <v>3816</v>
      </c>
      <c r="DKN39" s="927" t="s">
        <v>3816</v>
      </c>
      <c r="DKO39" s="927" t="s">
        <v>3816</v>
      </c>
      <c r="DKP39" s="927" t="s">
        <v>3816</v>
      </c>
      <c r="DKQ39" s="927" t="s">
        <v>3816</v>
      </c>
      <c r="DKR39" s="927" t="s">
        <v>3816</v>
      </c>
      <c r="DKS39" s="927" t="s">
        <v>3816</v>
      </c>
      <c r="DKT39" s="927" t="s">
        <v>3816</v>
      </c>
      <c r="DKU39" s="927" t="s">
        <v>3816</v>
      </c>
      <c r="DKV39" s="927" t="s">
        <v>3816</v>
      </c>
      <c r="DKW39" s="927" t="s">
        <v>3816</v>
      </c>
      <c r="DKX39" s="927" t="s">
        <v>3816</v>
      </c>
      <c r="DKY39" s="927" t="s">
        <v>3816</v>
      </c>
      <c r="DKZ39" s="927" t="s">
        <v>3816</v>
      </c>
      <c r="DLA39" s="927" t="s">
        <v>3816</v>
      </c>
      <c r="DLB39" s="927" t="s">
        <v>3816</v>
      </c>
      <c r="DLC39" s="927" t="s">
        <v>3816</v>
      </c>
      <c r="DLD39" s="927" t="s">
        <v>3816</v>
      </c>
      <c r="DLE39" s="927" t="s">
        <v>3816</v>
      </c>
      <c r="DLF39" s="927" t="s">
        <v>3816</v>
      </c>
      <c r="DLG39" s="927" t="s">
        <v>3816</v>
      </c>
      <c r="DLH39" s="927" t="s">
        <v>3816</v>
      </c>
      <c r="DLI39" s="927" t="s">
        <v>3816</v>
      </c>
      <c r="DLJ39" s="927" t="s">
        <v>3816</v>
      </c>
      <c r="DLK39" s="927" t="s">
        <v>3816</v>
      </c>
      <c r="DLL39" s="927" t="s">
        <v>3816</v>
      </c>
      <c r="DLM39" s="927" t="s">
        <v>3816</v>
      </c>
      <c r="DLN39" s="927" t="s">
        <v>3816</v>
      </c>
      <c r="DLO39" s="927" t="s">
        <v>3816</v>
      </c>
      <c r="DLP39" s="927" t="s">
        <v>3816</v>
      </c>
      <c r="DLQ39" s="927" t="s">
        <v>3816</v>
      </c>
      <c r="DLR39" s="927" t="s">
        <v>3816</v>
      </c>
      <c r="DLS39" s="927" t="s">
        <v>3816</v>
      </c>
      <c r="DLT39" s="927" t="s">
        <v>3816</v>
      </c>
      <c r="DLU39" s="927" t="s">
        <v>3816</v>
      </c>
      <c r="DLV39" s="927" t="s">
        <v>3816</v>
      </c>
      <c r="DLW39" s="927" t="s">
        <v>3816</v>
      </c>
      <c r="DLX39" s="927" t="s">
        <v>3816</v>
      </c>
      <c r="DLY39" s="927" t="s">
        <v>3816</v>
      </c>
      <c r="DLZ39" s="927" t="s">
        <v>3816</v>
      </c>
      <c r="DMA39" s="927" t="s">
        <v>3816</v>
      </c>
      <c r="DMB39" s="927" t="s">
        <v>3816</v>
      </c>
      <c r="DMC39" s="927" t="s">
        <v>3816</v>
      </c>
      <c r="DMD39" s="927" t="s">
        <v>3816</v>
      </c>
      <c r="DME39" s="927" t="s">
        <v>3816</v>
      </c>
      <c r="DMF39" s="927" t="s">
        <v>3816</v>
      </c>
      <c r="DMG39" s="927" t="s">
        <v>3816</v>
      </c>
      <c r="DMH39" s="927" t="s">
        <v>3816</v>
      </c>
      <c r="DMI39" s="927" t="s">
        <v>3816</v>
      </c>
      <c r="DMJ39" s="927" t="s">
        <v>3816</v>
      </c>
      <c r="DMK39" s="927" t="s">
        <v>3816</v>
      </c>
      <c r="DML39" s="927" t="s">
        <v>3816</v>
      </c>
      <c r="DMM39" s="927" t="s">
        <v>3816</v>
      </c>
      <c r="DMN39" s="927" t="s">
        <v>3816</v>
      </c>
      <c r="DMO39" s="927" t="s">
        <v>3816</v>
      </c>
      <c r="DMP39" s="927" t="s">
        <v>3816</v>
      </c>
      <c r="DMQ39" s="927" t="s">
        <v>3816</v>
      </c>
      <c r="DMR39" s="927" t="s">
        <v>3816</v>
      </c>
      <c r="DMS39" s="927" t="s">
        <v>3816</v>
      </c>
      <c r="DMT39" s="927" t="s">
        <v>3816</v>
      </c>
      <c r="DMU39" s="927" t="s">
        <v>3816</v>
      </c>
      <c r="DMV39" s="927" t="s">
        <v>3816</v>
      </c>
      <c r="DMW39" s="927" t="s">
        <v>3816</v>
      </c>
      <c r="DMX39" s="927" t="s">
        <v>3816</v>
      </c>
      <c r="DMY39" s="927" t="s">
        <v>3816</v>
      </c>
      <c r="DMZ39" s="927" t="s">
        <v>3816</v>
      </c>
      <c r="DNA39" s="927" t="s">
        <v>3816</v>
      </c>
      <c r="DNB39" s="927" t="s">
        <v>3816</v>
      </c>
      <c r="DNC39" s="927" t="s">
        <v>3816</v>
      </c>
      <c r="DND39" s="927" t="s">
        <v>3816</v>
      </c>
      <c r="DNE39" s="927" t="s">
        <v>3816</v>
      </c>
      <c r="DNF39" s="927" t="s">
        <v>3816</v>
      </c>
      <c r="DNG39" s="927" t="s">
        <v>3816</v>
      </c>
      <c r="DNH39" s="927" t="s">
        <v>3816</v>
      </c>
      <c r="DNI39" s="927" t="s">
        <v>3816</v>
      </c>
      <c r="DNJ39" s="927" t="s">
        <v>3816</v>
      </c>
      <c r="DNK39" s="927" t="s">
        <v>3816</v>
      </c>
      <c r="DNL39" s="927" t="s">
        <v>3816</v>
      </c>
      <c r="DNM39" s="927" t="s">
        <v>3816</v>
      </c>
      <c r="DNN39" s="927" t="s">
        <v>3816</v>
      </c>
      <c r="DNO39" s="927" t="s">
        <v>3816</v>
      </c>
      <c r="DNP39" s="927" t="s">
        <v>3816</v>
      </c>
      <c r="DNQ39" s="927" t="s">
        <v>3816</v>
      </c>
      <c r="DNR39" s="927" t="s">
        <v>3816</v>
      </c>
      <c r="DNS39" s="927" t="s">
        <v>3816</v>
      </c>
      <c r="DNT39" s="927" t="s">
        <v>3816</v>
      </c>
      <c r="DNU39" s="927" t="s">
        <v>3816</v>
      </c>
      <c r="DNV39" s="927" t="s">
        <v>3816</v>
      </c>
      <c r="DNW39" s="927" t="s">
        <v>3816</v>
      </c>
      <c r="DNX39" s="927" t="s">
        <v>3816</v>
      </c>
      <c r="DNY39" s="927" t="s">
        <v>3816</v>
      </c>
      <c r="DNZ39" s="927" t="s">
        <v>3816</v>
      </c>
      <c r="DOA39" s="927" t="s">
        <v>3816</v>
      </c>
      <c r="DOB39" s="927" t="s">
        <v>3816</v>
      </c>
      <c r="DOC39" s="927" t="s">
        <v>3816</v>
      </c>
      <c r="DOD39" s="927" t="s">
        <v>3816</v>
      </c>
      <c r="DOE39" s="927" t="s">
        <v>3816</v>
      </c>
      <c r="DOF39" s="927" t="s">
        <v>3816</v>
      </c>
      <c r="DOG39" s="927" t="s">
        <v>3816</v>
      </c>
      <c r="DOH39" s="927" t="s">
        <v>3816</v>
      </c>
      <c r="DOI39" s="927" t="s">
        <v>3816</v>
      </c>
      <c r="DOJ39" s="927" t="s">
        <v>3816</v>
      </c>
      <c r="DOK39" s="927" t="s">
        <v>3816</v>
      </c>
      <c r="DOL39" s="927" t="s">
        <v>3816</v>
      </c>
      <c r="DOM39" s="927" t="s">
        <v>3816</v>
      </c>
      <c r="DON39" s="927" t="s">
        <v>3816</v>
      </c>
      <c r="DOO39" s="927" t="s">
        <v>3816</v>
      </c>
      <c r="DOP39" s="927" t="s">
        <v>3816</v>
      </c>
      <c r="DOQ39" s="927" t="s">
        <v>3816</v>
      </c>
      <c r="DOR39" s="927" t="s">
        <v>3816</v>
      </c>
      <c r="DOS39" s="927" t="s">
        <v>3816</v>
      </c>
      <c r="DOT39" s="927" t="s">
        <v>3816</v>
      </c>
      <c r="DOU39" s="927" t="s">
        <v>3816</v>
      </c>
      <c r="DOV39" s="927" t="s">
        <v>3816</v>
      </c>
      <c r="DOW39" s="927" t="s">
        <v>3816</v>
      </c>
      <c r="DOX39" s="927" t="s">
        <v>3816</v>
      </c>
      <c r="DOY39" s="927" t="s">
        <v>3816</v>
      </c>
      <c r="DOZ39" s="927" t="s">
        <v>3816</v>
      </c>
      <c r="DPA39" s="927" t="s">
        <v>3816</v>
      </c>
      <c r="DPB39" s="927" t="s">
        <v>3816</v>
      </c>
      <c r="DPC39" s="927" t="s">
        <v>3816</v>
      </c>
      <c r="DPD39" s="927" t="s">
        <v>3816</v>
      </c>
      <c r="DPE39" s="927" t="s">
        <v>3816</v>
      </c>
      <c r="DPF39" s="927" t="s">
        <v>3816</v>
      </c>
      <c r="DPG39" s="927" t="s">
        <v>3816</v>
      </c>
      <c r="DPH39" s="927" t="s">
        <v>3816</v>
      </c>
      <c r="DPI39" s="927" t="s">
        <v>3816</v>
      </c>
      <c r="DPJ39" s="927" t="s">
        <v>3816</v>
      </c>
      <c r="DPK39" s="927" t="s">
        <v>3816</v>
      </c>
      <c r="DPL39" s="927" t="s">
        <v>3816</v>
      </c>
      <c r="DPM39" s="927" t="s">
        <v>3816</v>
      </c>
      <c r="DPN39" s="927" t="s">
        <v>3816</v>
      </c>
      <c r="DPO39" s="927" t="s">
        <v>3816</v>
      </c>
      <c r="DPP39" s="927" t="s">
        <v>3816</v>
      </c>
      <c r="DPQ39" s="927" t="s">
        <v>3816</v>
      </c>
      <c r="DPR39" s="927" t="s">
        <v>3816</v>
      </c>
      <c r="DPS39" s="927" t="s">
        <v>3816</v>
      </c>
      <c r="DPT39" s="927" t="s">
        <v>3816</v>
      </c>
      <c r="DPU39" s="927" t="s">
        <v>3816</v>
      </c>
      <c r="DPV39" s="927" t="s">
        <v>3816</v>
      </c>
      <c r="DPW39" s="927" t="s">
        <v>3816</v>
      </c>
      <c r="DPX39" s="927" t="s">
        <v>3816</v>
      </c>
      <c r="DPY39" s="927" t="s">
        <v>3816</v>
      </c>
      <c r="DPZ39" s="927" t="s">
        <v>3816</v>
      </c>
      <c r="DQA39" s="927" t="s">
        <v>3816</v>
      </c>
      <c r="DQB39" s="927" t="s">
        <v>3816</v>
      </c>
      <c r="DQC39" s="927" t="s">
        <v>3816</v>
      </c>
      <c r="DQD39" s="927" t="s">
        <v>3816</v>
      </c>
      <c r="DQE39" s="927" t="s">
        <v>3816</v>
      </c>
      <c r="DQF39" s="927" t="s">
        <v>3816</v>
      </c>
      <c r="DQG39" s="927" t="s">
        <v>3816</v>
      </c>
      <c r="DQH39" s="927" t="s">
        <v>3816</v>
      </c>
      <c r="DQI39" s="927" t="s">
        <v>3816</v>
      </c>
      <c r="DQJ39" s="927" t="s">
        <v>3816</v>
      </c>
      <c r="DQK39" s="927" t="s">
        <v>3816</v>
      </c>
      <c r="DQL39" s="927" t="s">
        <v>3816</v>
      </c>
      <c r="DQM39" s="927" t="s">
        <v>3816</v>
      </c>
      <c r="DQN39" s="927" t="s">
        <v>3816</v>
      </c>
      <c r="DQO39" s="927" t="s">
        <v>3816</v>
      </c>
      <c r="DQP39" s="927" t="s">
        <v>3816</v>
      </c>
      <c r="DQQ39" s="927" t="s">
        <v>3816</v>
      </c>
      <c r="DQR39" s="927" t="s">
        <v>3816</v>
      </c>
      <c r="DQS39" s="927" t="s">
        <v>3816</v>
      </c>
      <c r="DQT39" s="927" t="s">
        <v>3816</v>
      </c>
      <c r="DQU39" s="927" t="s">
        <v>3816</v>
      </c>
      <c r="DQV39" s="927" t="s">
        <v>3816</v>
      </c>
      <c r="DQW39" s="927" t="s">
        <v>3816</v>
      </c>
      <c r="DQX39" s="927" t="s">
        <v>3816</v>
      </c>
      <c r="DQY39" s="927" t="s">
        <v>3816</v>
      </c>
      <c r="DQZ39" s="927" t="s">
        <v>3816</v>
      </c>
      <c r="DRA39" s="927" t="s">
        <v>3816</v>
      </c>
      <c r="DRB39" s="927" t="s">
        <v>3816</v>
      </c>
      <c r="DRC39" s="927" t="s">
        <v>3816</v>
      </c>
      <c r="DRD39" s="927" t="s">
        <v>3816</v>
      </c>
      <c r="DRE39" s="927" t="s">
        <v>3816</v>
      </c>
      <c r="DRF39" s="927" t="s">
        <v>3816</v>
      </c>
      <c r="DRG39" s="927" t="s">
        <v>3816</v>
      </c>
      <c r="DRH39" s="927" t="s">
        <v>3816</v>
      </c>
      <c r="DRI39" s="927" t="s">
        <v>3816</v>
      </c>
      <c r="DRJ39" s="927" t="s">
        <v>3816</v>
      </c>
      <c r="DRK39" s="927" t="s">
        <v>3816</v>
      </c>
      <c r="DRL39" s="927" t="s">
        <v>3816</v>
      </c>
      <c r="DRM39" s="927" t="s">
        <v>3816</v>
      </c>
      <c r="DRN39" s="927" t="s">
        <v>3816</v>
      </c>
      <c r="DRO39" s="927" t="s">
        <v>3816</v>
      </c>
      <c r="DRP39" s="927" t="s">
        <v>3816</v>
      </c>
      <c r="DRQ39" s="927" t="s">
        <v>3816</v>
      </c>
      <c r="DRR39" s="927" t="s">
        <v>3816</v>
      </c>
      <c r="DRS39" s="927" t="s">
        <v>3816</v>
      </c>
      <c r="DRT39" s="927" t="s">
        <v>3816</v>
      </c>
      <c r="DRU39" s="927" t="s">
        <v>3816</v>
      </c>
      <c r="DRV39" s="927" t="s">
        <v>3816</v>
      </c>
      <c r="DRW39" s="927" t="s">
        <v>3816</v>
      </c>
      <c r="DRX39" s="927" t="s">
        <v>3816</v>
      </c>
      <c r="DRY39" s="927" t="s">
        <v>3816</v>
      </c>
      <c r="DRZ39" s="927" t="s">
        <v>3816</v>
      </c>
      <c r="DSA39" s="927" t="s">
        <v>3816</v>
      </c>
      <c r="DSB39" s="927" t="s">
        <v>3816</v>
      </c>
      <c r="DSC39" s="927" t="s">
        <v>3816</v>
      </c>
      <c r="DSD39" s="927" t="s">
        <v>3816</v>
      </c>
      <c r="DSE39" s="927" t="s">
        <v>3816</v>
      </c>
      <c r="DSF39" s="927" t="s">
        <v>3816</v>
      </c>
      <c r="DSG39" s="927" t="s">
        <v>3816</v>
      </c>
      <c r="DSH39" s="927" t="s">
        <v>3816</v>
      </c>
      <c r="DSI39" s="927" t="s">
        <v>3816</v>
      </c>
      <c r="DSJ39" s="927" t="s">
        <v>3816</v>
      </c>
      <c r="DSK39" s="927" t="s">
        <v>3816</v>
      </c>
      <c r="DSL39" s="927" t="s">
        <v>3816</v>
      </c>
      <c r="DSM39" s="927" t="s">
        <v>3816</v>
      </c>
      <c r="DSN39" s="927" t="s">
        <v>3816</v>
      </c>
      <c r="DSO39" s="927" t="s">
        <v>3816</v>
      </c>
      <c r="DSP39" s="927" t="s">
        <v>3816</v>
      </c>
      <c r="DSQ39" s="927" t="s">
        <v>3816</v>
      </c>
      <c r="DSR39" s="927" t="s">
        <v>3816</v>
      </c>
      <c r="DSS39" s="927" t="s">
        <v>3816</v>
      </c>
      <c r="DST39" s="927" t="s">
        <v>3816</v>
      </c>
      <c r="DSU39" s="927" t="s">
        <v>3816</v>
      </c>
      <c r="DSV39" s="927" t="s">
        <v>3816</v>
      </c>
      <c r="DSW39" s="927" t="s">
        <v>3816</v>
      </c>
      <c r="DSX39" s="927" t="s">
        <v>3816</v>
      </c>
      <c r="DSY39" s="927" t="s">
        <v>3816</v>
      </c>
      <c r="DSZ39" s="927" t="s">
        <v>3816</v>
      </c>
      <c r="DTA39" s="927" t="s">
        <v>3816</v>
      </c>
      <c r="DTB39" s="927" t="s">
        <v>3816</v>
      </c>
      <c r="DTC39" s="927" t="s">
        <v>3816</v>
      </c>
      <c r="DTD39" s="927" t="s">
        <v>3816</v>
      </c>
      <c r="DTE39" s="927" t="s">
        <v>3816</v>
      </c>
      <c r="DTF39" s="927" t="s">
        <v>3816</v>
      </c>
      <c r="DTG39" s="927" t="s">
        <v>3816</v>
      </c>
      <c r="DTH39" s="927" t="s">
        <v>3816</v>
      </c>
      <c r="DTI39" s="927" t="s">
        <v>3816</v>
      </c>
      <c r="DTJ39" s="927" t="s">
        <v>3816</v>
      </c>
      <c r="DTK39" s="927" t="s">
        <v>3816</v>
      </c>
      <c r="DTL39" s="927" t="s">
        <v>3816</v>
      </c>
      <c r="DTM39" s="927" t="s">
        <v>3816</v>
      </c>
      <c r="DTN39" s="927" t="s">
        <v>3816</v>
      </c>
      <c r="DTO39" s="927" t="s">
        <v>3816</v>
      </c>
      <c r="DTP39" s="927" t="s">
        <v>3816</v>
      </c>
      <c r="DTQ39" s="927" t="s">
        <v>3816</v>
      </c>
      <c r="DTR39" s="927" t="s">
        <v>3816</v>
      </c>
      <c r="DTS39" s="927" t="s">
        <v>3816</v>
      </c>
      <c r="DTT39" s="927" t="s">
        <v>3816</v>
      </c>
      <c r="DTU39" s="927" t="s">
        <v>3816</v>
      </c>
      <c r="DTV39" s="927" t="s">
        <v>3816</v>
      </c>
      <c r="DTW39" s="927" t="s">
        <v>3816</v>
      </c>
      <c r="DTX39" s="927" t="s">
        <v>3816</v>
      </c>
      <c r="DTY39" s="927" t="s">
        <v>3816</v>
      </c>
      <c r="DTZ39" s="927" t="s">
        <v>3816</v>
      </c>
      <c r="DUA39" s="927" t="s">
        <v>3816</v>
      </c>
      <c r="DUB39" s="927" t="s">
        <v>3816</v>
      </c>
      <c r="DUC39" s="927" t="s">
        <v>3816</v>
      </c>
      <c r="DUD39" s="927" t="s">
        <v>3816</v>
      </c>
      <c r="DUE39" s="927" t="s">
        <v>3816</v>
      </c>
      <c r="DUF39" s="927" t="s">
        <v>3816</v>
      </c>
      <c r="DUG39" s="927" t="s">
        <v>3816</v>
      </c>
      <c r="DUH39" s="927" t="s">
        <v>3816</v>
      </c>
      <c r="DUI39" s="927" t="s">
        <v>3816</v>
      </c>
      <c r="DUJ39" s="927" t="s">
        <v>3816</v>
      </c>
      <c r="DUK39" s="927" t="s">
        <v>3816</v>
      </c>
      <c r="DUL39" s="927" t="s">
        <v>3816</v>
      </c>
      <c r="DUM39" s="927" t="s">
        <v>3816</v>
      </c>
      <c r="DUN39" s="927" t="s">
        <v>3816</v>
      </c>
      <c r="DUO39" s="927" t="s">
        <v>3816</v>
      </c>
      <c r="DUP39" s="927" t="s">
        <v>3816</v>
      </c>
      <c r="DUQ39" s="927" t="s">
        <v>3816</v>
      </c>
      <c r="DUR39" s="927" t="s">
        <v>3816</v>
      </c>
      <c r="DUS39" s="927" t="s">
        <v>3816</v>
      </c>
      <c r="DUT39" s="927" t="s">
        <v>3816</v>
      </c>
      <c r="DUU39" s="927" t="s">
        <v>3816</v>
      </c>
      <c r="DUV39" s="927" t="s">
        <v>3816</v>
      </c>
      <c r="DUW39" s="927" t="s">
        <v>3816</v>
      </c>
      <c r="DUX39" s="927" t="s">
        <v>3816</v>
      </c>
      <c r="DUY39" s="927" t="s">
        <v>3816</v>
      </c>
      <c r="DUZ39" s="927" t="s">
        <v>3816</v>
      </c>
      <c r="DVA39" s="927" t="s">
        <v>3816</v>
      </c>
      <c r="DVB39" s="927" t="s">
        <v>3816</v>
      </c>
      <c r="DVC39" s="927" t="s">
        <v>3816</v>
      </c>
      <c r="DVD39" s="927" t="s">
        <v>3816</v>
      </c>
      <c r="DVE39" s="927" t="s">
        <v>3816</v>
      </c>
      <c r="DVF39" s="927" t="s">
        <v>3816</v>
      </c>
      <c r="DVG39" s="927" t="s">
        <v>3816</v>
      </c>
      <c r="DVH39" s="927" t="s">
        <v>3816</v>
      </c>
      <c r="DVI39" s="927" t="s">
        <v>3816</v>
      </c>
      <c r="DVJ39" s="927" t="s">
        <v>3816</v>
      </c>
      <c r="DVK39" s="927" t="s">
        <v>3816</v>
      </c>
      <c r="DVL39" s="927" t="s">
        <v>3816</v>
      </c>
      <c r="DVM39" s="927" t="s">
        <v>3816</v>
      </c>
      <c r="DVN39" s="927" t="s">
        <v>3816</v>
      </c>
      <c r="DVO39" s="927" t="s">
        <v>3816</v>
      </c>
      <c r="DVP39" s="927" t="s">
        <v>3816</v>
      </c>
      <c r="DVQ39" s="927" t="s">
        <v>3816</v>
      </c>
      <c r="DVR39" s="927" t="s">
        <v>3816</v>
      </c>
      <c r="DVS39" s="927" t="s">
        <v>3816</v>
      </c>
      <c r="DVT39" s="927" t="s">
        <v>3816</v>
      </c>
      <c r="DVU39" s="927" t="s">
        <v>3816</v>
      </c>
      <c r="DVV39" s="927" t="s">
        <v>3816</v>
      </c>
      <c r="DVW39" s="927" t="s">
        <v>3816</v>
      </c>
      <c r="DVX39" s="927" t="s">
        <v>3816</v>
      </c>
      <c r="DVY39" s="927" t="s">
        <v>3816</v>
      </c>
      <c r="DVZ39" s="927" t="s">
        <v>3816</v>
      </c>
      <c r="DWA39" s="927" t="s">
        <v>3816</v>
      </c>
      <c r="DWB39" s="927" t="s">
        <v>3816</v>
      </c>
      <c r="DWC39" s="927" t="s">
        <v>3816</v>
      </c>
      <c r="DWD39" s="927" t="s">
        <v>3816</v>
      </c>
      <c r="DWE39" s="927" t="s">
        <v>3816</v>
      </c>
      <c r="DWF39" s="927" t="s">
        <v>3816</v>
      </c>
      <c r="DWG39" s="927" t="s">
        <v>3816</v>
      </c>
      <c r="DWH39" s="927" t="s">
        <v>3816</v>
      </c>
      <c r="DWI39" s="927" t="s">
        <v>3816</v>
      </c>
      <c r="DWJ39" s="927" t="s">
        <v>3816</v>
      </c>
      <c r="DWK39" s="927" t="s">
        <v>3816</v>
      </c>
      <c r="DWL39" s="927" t="s">
        <v>3816</v>
      </c>
      <c r="DWM39" s="927" t="s">
        <v>3816</v>
      </c>
      <c r="DWN39" s="927" t="s">
        <v>3816</v>
      </c>
      <c r="DWO39" s="927" t="s">
        <v>3816</v>
      </c>
      <c r="DWP39" s="927" t="s">
        <v>3816</v>
      </c>
      <c r="DWQ39" s="927" t="s">
        <v>3816</v>
      </c>
      <c r="DWR39" s="927" t="s">
        <v>3816</v>
      </c>
      <c r="DWS39" s="927" t="s">
        <v>3816</v>
      </c>
      <c r="DWT39" s="927" t="s">
        <v>3816</v>
      </c>
      <c r="DWU39" s="927" t="s">
        <v>3816</v>
      </c>
      <c r="DWV39" s="927" t="s">
        <v>3816</v>
      </c>
      <c r="DWW39" s="927" t="s">
        <v>3816</v>
      </c>
      <c r="DWX39" s="927" t="s">
        <v>3816</v>
      </c>
      <c r="DWY39" s="927" t="s">
        <v>3816</v>
      </c>
      <c r="DWZ39" s="927" t="s">
        <v>3816</v>
      </c>
      <c r="DXA39" s="927" t="s">
        <v>3816</v>
      </c>
      <c r="DXB39" s="927" t="s">
        <v>3816</v>
      </c>
      <c r="DXC39" s="927" t="s">
        <v>3816</v>
      </c>
      <c r="DXD39" s="927" t="s">
        <v>3816</v>
      </c>
      <c r="DXE39" s="927" t="s">
        <v>3816</v>
      </c>
      <c r="DXF39" s="927" t="s">
        <v>3816</v>
      </c>
      <c r="DXG39" s="927" t="s">
        <v>3816</v>
      </c>
      <c r="DXH39" s="927" t="s">
        <v>3816</v>
      </c>
      <c r="DXI39" s="927" t="s">
        <v>3816</v>
      </c>
      <c r="DXJ39" s="927" t="s">
        <v>3816</v>
      </c>
      <c r="DXK39" s="927" t="s">
        <v>3816</v>
      </c>
      <c r="DXL39" s="927" t="s">
        <v>3816</v>
      </c>
      <c r="DXM39" s="927" t="s">
        <v>3816</v>
      </c>
      <c r="DXN39" s="927" t="s">
        <v>3816</v>
      </c>
      <c r="DXO39" s="927" t="s">
        <v>3816</v>
      </c>
      <c r="DXP39" s="927" t="s">
        <v>3816</v>
      </c>
      <c r="DXQ39" s="927" t="s">
        <v>3816</v>
      </c>
      <c r="DXR39" s="927" t="s">
        <v>3816</v>
      </c>
      <c r="DXS39" s="927" t="s">
        <v>3816</v>
      </c>
      <c r="DXT39" s="927" t="s">
        <v>3816</v>
      </c>
      <c r="DXU39" s="927" t="s">
        <v>3816</v>
      </c>
      <c r="DXV39" s="927" t="s">
        <v>3816</v>
      </c>
      <c r="DXW39" s="927" t="s">
        <v>3816</v>
      </c>
      <c r="DXX39" s="927" t="s">
        <v>3816</v>
      </c>
      <c r="DXY39" s="927" t="s">
        <v>3816</v>
      </c>
      <c r="DXZ39" s="927" t="s">
        <v>3816</v>
      </c>
      <c r="DYA39" s="927" t="s">
        <v>3816</v>
      </c>
      <c r="DYB39" s="927" t="s">
        <v>3816</v>
      </c>
      <c r="DYC39" s="927" t="s">
        <v>3816</v>
      </c>
      <c r="DYD39" s="927" t="s">
        <v>3816</v>
      </c>
      <c r="DYE39" s="927" t="s">
        <v>3816</v>
      </c>
      <c r="DYF39" s="927" t="s">
        <v>3816</v>
      </c>
      <c r="DYG39" s="927" t="s">
        <v>3816</v>
      </c>
      <c r="DYH39" s="927" t="s">
        <v>3816</v>
      </c>
      <c r="DYI39" s="927" t="s">
        <v>3816</v>
      </c>
      <c r="DYJ39" s="927" t="s">
        <v>3816</v>
      </c>
      <c r="DYK39" s="927" t="s">
        <v>3816</v>
      </c>
      <c r="DYL39" s="927" t="s">
        <v>3816</v>
      </c>
      <c r="DYM39" s="927" t="s">
        <v>3816</v>
      </c>
      <c r="DYN39" s="927" t="s">
        <v>3816</v>
      </c>
      <c r="DYO39" s="927" t="s">
        <v>3816</v>
      </c>
      <c r="DYP39" s="927" t="s">
        <v>3816</v>
      </c>
      <c r="DYQ39" s="927" t="s">
        <v>3816</v>
      </c>
      <c r="DYR39" s="927" t="s">
        <v>3816</v>
      </c>
      <c r="DYS39" s="927" t="s">
        <v>3816</v>
      </c>
      <c r="DYT39" s="927" t="s">
        <v>3816</v>
      </c>
      <c r="DYU39" s="927" t="s">
        <v>3816</v>
      </c>
      <c r="DYV39" s="927" t="s">
        <v>3816</v>
      </c>
      <c r="DYW39" s="927" t="s">
        <v>3816</v>
      </c>
      <c r="DYX39" s="927" t="s">
        <v>3816</v>
      </c>
      <c r="DYY39" s="927" t="s">
        <v>3816</v>
      </c>
      <c r="DYZ39" s="927" t="s">
        <v>3816</v>
      </c>
      <c r="DZA39" s="927" t="s">
        <v>3816</v>
      </c>
      <c r="DZB39" s="927" t="s">
        <v>3816</v>
      </c>
      <c r="DZC39" s="927" t="s">
        <v>3816</v>
      </c>
      <c r="DZD39" s="927" t="s">
        <v>3816</v>
      </c>
      <c r="DZE39" s="927" t="s">
        <v>3816</v>
      </c>
      <c r="DZF39" s="927" t="s">
        <v>3816</v>
      </c>
      <c r="DZG39" s="927" t="s">
        <v>3816</v>
      </c>
      <c r="DZH39" s="927" t="s">
        <v>3816</v>
      </c>
      <c r="DZI39" s="927" t="s">
        <v>3816</v>
      </c>
      <c r="DZJ39" s="927" t="s">
        <v>3816</v>
      </c>
      <c r="DZK39" s="927" t="s">
        <v>3816</v>
      </c>
      <c r="DZL39" s="927" t="s">
        <v>3816</v>
      </c>
      <c r="DZM39" s="927" t="s">
        <v>3816</v>
      </c>
      <c r="DZN39" s="927" t="s">
        <v>3816</v>
      </c>
      <c r="DZO39" s="927" t="s">
        <v>3816</v>
      </c>
      <c r="DZP39" s="927" t="s">
        <v>3816</v>
      </c>
      <c r="DZQ39" s="927" t="s">
        <v>3816</v>
      </c>
      <c r="DZR39" s="927" t="s">
        <v>3816</v>
      </c>
      <c r="DZS39" s="927" t="s">
        <v>3816</v>
      </c>
      <c r="DZT39" s="927" t="s">
        <v>3816</v>
      </c>
      <c r="DZU39" s="927" t="s">
        <v>3816</v>
      </c>
      <c r="DZV39" s="927" t="s">
        <v>3816</v>
      </c>
      <c r="DZW39" s="927" t="s">
        <v>3816</v>
      </c>
      <c r="DZX39" s="927" t="s">
        <v>3816</v>
      </c>
      <c r="DZY39" s="927" t="s">
        <v>3816</v>
      </c>
      <c r="DZZ39" s="927" t="s">
        <v>3816</v>
      </c>
      <c r="EAA39" s="927" t="s">
        <v>3816</v>
      </c>
      <c r="EAB39" s="927" t="s">
        <v>3816</v>
      </c>
      <c r="EAC39" s="927" t="s">
        <v>3816</v>
      </c>
      <c r="EAD39" s="927" t="s">
        <v>3816</v>
      </c>
      <c r="EAE39" s="927" t="s">
        <v>3816</v>
      </c>
      <c r="EAF39" s="927" t="s">
        <v>3816</v>
      </c>
      <c r="EAG39" s="927" t="s">
        <v>3816</v>
      </c>
      <c r="EAH39" s="927" t="s">
        <v>3816</v>
      </c>
      <c r="EAI39" s="927" t="s">
        <v>3816</v>
      </c>
      <c r="EAJ39" s="927" t="s">
        <v>3816</v>
      </c>
      <c r="EAK39" s="927" t="s">
        <v>3816</v>
      </c>
      <c r="EAL39" s="927" t="s">
        <v>3816</v>
      </c>
      <c r="EAM39" s="927" t="s">
        <v>3816</v>
      </c>
      <c r="EAN39" s="927" t="s">
        <v>3816</v>
      </c>
      <c r="EAO39" s="927" t="s">
        <v>3816</v>
      </c>
      <c r="EAP39" s="927" t="s">
        <v>3816</v>
      </c>
      <c r="EAQ39" s="927" t="s">
        <v>3816</v>
      </c>
      <c r="EAR39" s="927" t="s">
        <v>3816</v>
      </c>
      <c r="EAS39" s="927" t="s">
        <v>3816</v>
      </c>
      <c r="EAT39" s="927" t="s">
        <v>3816</v>
      </c>
      <c r="EAU39" s="927" t="s">
        <v>3816</v>
      </c>
      <c r="EAV39" s="927" t="s">
        <v>3816</v>
      </c>
      <c r="EAW39" s="927" t="s">
        <v>3816</v>
      </c>
      <c r="EAX39" s="927" t="s">
        <v>3816</v>
      </c>
      <c r="EAY39" s="927" t="s">
        <v>3816</v>
      </c>
      <c r="EAZ39" s="927" t="s">
        <v>3816</v>
      </c>
      <c r="EBA39" s="927" t="s">
        <v>3816</v>
      </c>
      <c r="EBB39" s="927" t="s">
        <v>3816</v>
      </c>
      <c r="EBC39" s="927" t="s">
        <v>3816</v>
      </c>
      <c r="EBD39" s="927" t="s">
        <v>3816</v>
      </c>
      <c r="EBE39" s="927" t="s">
        <v>3816</v>
      </c>
      <c r="EBF39" s="927" t="s">
        <v>3816</v>
      </c>
      <c r="EBG39" s="927" t="s">
        <v>3816</v>
      </c>
      <c r="EBH39" s="927" t="s">
        <v>3816</v>
      </c>
      <c r="EBI39" s="927" t="s">
        <v>3816</v>
      </c>
      <c r="EBJ39" s="927" t="s">
        <v>3816</v>
      </c>
      <c r="EBK39" s="927" t="s">
        <v>3816</v>
      </c>
      <c r="EBL39" s="927" t="s">
        <v>3816</v>
      </c>
      <c r="EBM39" s="927" t="s">
        <v>3816</v>
      </c>
      <c r="EBN39" s="927" t="s">
        <v>3816</v>
      </c>
      <c r="EBO39" s="927" t="s">
        <v>3816</v>
      </c>
      <c r="EBP39" s="927" t="s">
        <v>3816</v>
      </c>
      <c r="EBQ39" s="927" t="s">
        <v>3816</v>
      </c>
      <c r="EBR39" s="927" t="s">
        <v>3816</v>
      </c>
      <c r="EBS39" s="927" t="s">
        <v>3816</v>
      </c>
      <c r="EBT39" s="927" t="s">
        <v>3816</v>
      </c>
      <c r="EBU39" s="927" t="s">
        <v>3816</v>
      </c>
      <c r="EBV39" s="927" t="s">
        <v>3816</v>
      </c>
      <c r="EBW39" s="927" t="s">
        <v>3816</v>
      </c>
      <c r="EBX39" s="927" t="s">
        <v>3816</v>
      </c>
      <c r="EBY39" s="927" t="s">
        <v>3816</v>
      </c>
      <c r="EBZ39" s="927" t="s">
        <v>3816</v>
      </c>
      <c r="ECA39" s="927" t="s">
        <v>3816</v>
      </c>
      <c r="ECB39" s="927" t="s">
        <v>3816</v>
      </c>
      <c r="ECC39" s="927" t="s">
        <v>3816</v>
      </c>
      <c r="ECD39" s="927" t="s">
        <v>3816</v>
      </c>
      <c r="ECE39" s="927" t="s">
        <v>3816</v>
      </c>
      <c r="ECF39" s="927" t="s">
        <v>3816</v>
      </c>
      <c r="ECG39" s="927" t="s">
        <v>3816</v>
      </c>
      <c r="ECH39" s="927" t="s">
        <v>3816</v>
      </c>
      <c r="ECI39" s="927" t="s">
        <v>3816</v>
      </c>
      <c r="ECJ39" s="927" t="s">
        <v>3816</v>
      </c>
      <c r="ECK39" s="927" t="s">
        <v>3816</v>
      </c>
      <c r="ECL39" s="927" t="s">
        <v>3816</v>
      </c>
      <c r="ECM39" s="927" t="s">
        <v>3816</v>
      </c>
      <c r="ECN39" s="927" t="s">
        <v>3816</v>
      </c>
      <c r="ECO39" s="927" t="s">
        <v>3816</v>
      </c>
      <c r="ECP39" s="927" t="s">
        <v>3816</v>
      </c>
      <c r="ECQ39" s="927" t="s">
        <v>3816</v>
      </c>
      <c r="ECR39" s="927" t="s">
        <v>3816</v>
      </c>
      <c r="ECS39" s="927" t="s">
        <v>3816</v>
      </c>
      <c r="ECT39" s="927" t="s">
        <v>3816</v>
      </c>
      <c r="ECU39" s="927" t="s">
        <v>3816</v>
      </c>
      <c r="ECV39" s="927" t="s">
        <v>3816</v>
      </c>
      <c r="ECW39" s="927" t="s">
        <v>3816</v>
      </c>
      <c r="ECX39" s="927" t="s">
        <v>3816</v>
      </c>
      <c r="ECY39" s="927" t="s">
        <v>3816</v>
      </c>
      <c r="ECZ39" s="927" t="s">
        <v>3816</v>
      </c>
      <c r="EDA39" s="927" t="s">
        <v>3816</v>
      </c>
      <c r="EDB39" s="927" t="s">
        <v>3816</v>
      </c>
      <c r="EDC39" s="927" t="s">
        <v>3816</v>
      </c>
      <c r="EDD39" s="927" t="s">
        <v>3816</v>
      </c>
      <c r="EDE39" s="927" t="s">
        <v>3816</v>
      </c>
      <c r="EDF39" s="927" t="s">
        <v>3816</v>
      </c>
      <c r="EDG39" s="927" t="s">
        <v>3816</v>
      </c>
      <c r="EDH39" s="927" t="s">
        <v>3816</v>
      </c>
      <c r="EDI39" s="927" t="s">
        <v>3816</v>
      </c>
      <c r="EDJ39" s="927" t="s">
        <v>3816</v>
      </c>
      <c r="EDK39" s="927" t="s">
        <v>3816</v>
      </c>
      <c r="EDL39" s="927" t="s">
        <v>3816</v>
      </c>
      <c r="EDM39" s="927" t="s">
        <v>3816</v>
      </c>
      <c r="EDN39" s="927" t="s">
        <v>3816</v>
      </c>
      <c r="EDO39" s="927" t="s">
        <v>3816</v>
      </c>
      <c r="EDP39" s="927" t="s">
        <v>3816</v>
      </c>
      <c r="EDQ39" s="927" t="s">
        <v>3816</v>
      </c>
      <c r="EDR39" s="927" t="s">
        <v>3816</v>
      </c>
      <c r="EDS39" s="927" t="s">
        <v>3816</v>
      </c>
      <c r="EDT39" s="927" t="s">
        <v>3816</v>
      </c>
      <c r="EDU39" s="927" t="s">
        <v>3816</v>
      </c>
      <c r="EDV39" s="927" t="s">
        <v>3816</v>
      </c>
      <c r="EDW39" s="927" t="s">
        <v>3816</v>
      </c>
      <c r="EDX39" s="927" t="s">
        <v>3816</v>
      </c>
      <c r="EDY39" s="927" t="s">
        <v>3816</v>
      </c>
      <c r="EDZ39" s="927" t="s">
        <v>3816</v>
      </c>
      <c r="EEA39" s="927" t="s">
        <v>3816</v>
      </c>
      <c r="EEB39" s="927" t="s">
        <v>3816</v>
      </c>
      <c r="EEC39" s="927" t="s">
        <v>3816</v>
      </c>
      <c r="EED39" s="927" t="s">
        <v>3816</v>
      </c>
      <c r="EEE39" s="927" t="s">
        <v>3816</v>
      </c>
      <c r="EEF39" s="927" t="s">
        <v>3816</v>
      </c>
      <c r="EEG39" s="927" t="s">
        <v>3816</v>
      </c>
      <c r="EEH39" s="927" t="s">
        <v>3816</v>
      </c>
      <c r="EEI39" s="927" t="s">
        <v>3816</v>
      </c>
      <c r="EEJ39" s="927" t="s">
        <v>3816</v>
      </c>
      <c r="EEK39" s="927" t="s">
        <v>3816</v>
      </c>
      <c r="EEL39" s="927" t="s">
        <v>3816</v>
      </c>
      <c r="EEM39" s="927" t="s">
        <v>3816</v>
      </c>
      <c r="EEN39" s="927" t="s">
        <v>3816</v>
      </c>
      <c r="EEO39" s="927" t="s">
        <v>3816</v>
      </c>
      <c r="EEP39" s="927" t="s">
        <v>3816</v>
      </c>
      <c r="EEQ39" s="927" t="s">
        <v>3816</v>
      </c>
      <c r="EER39" s="927" t="s">
        <v>3816</v>
      </c>
      <c r="EES39" s="927" t="s">
        <v>3816</v>
      </c>
      <c r="EET39" s="927" t="s">
        <v>3816</v>
      </c>
      <c r="EEU39" s="927" t="s">
        <v>3816</v>
      </c>
      <c r="EEV39" s="927" t="s">
        <v>3816</v>
      </c>
      <c r="EEW39" s="927" t="s">
        <v>3816</v>
      </c>
      <c r="EEX39" s="927" t="s">
        <v>3816</v>
      </c>
      <c r="EEY39" s="927" t="s">
        <v>3816</v>
      </c>
      <c r="EEZ39" s="927" t="s">
        <v>3816</v>
      </c>
      <c r="EFA39" s="927" t="s">
        <v>3816</v>
      </c>
      <c r="EFB39" s="927" t="s">
        <v>3816</v>
      </c>
      <c r="EFC39" s="927" t="s">
        <v>3816</v>
      </c>
      <c r="EFD39" s="927" t="s">
        <v>3816</v>
      </c>
      <c r="EFE39" s="927" t="s">
        <v>3816</v>
      </c>
      <c r="EFF39" s="927" t="s">
        <v>3816</v>
      </c>
      <c r="EFG39" s="927" t="s">
        <v>3816</v>
      </c>
      <c r="EFH39" s="927" t="s">
        <v>3816</v>
      </c>
      <c r="EFI39" s="927" t="s">
        <v>3816</v>
      </c>
      <c r="EFJ39" s="927" t="s">
        <v>3816</v>
      </c>
      <c r="EFK39" s="927" t="s">
        <v>3816</v>
      </c>
      <c r="EFL39" s="927" t="s">
        <v>3816</v>
      </c>
      <c r="EFM39" s="927" t="s">
        <v>3816</v>
      </c>
      <c r="EFN39" s="927" t="s">
        <v>3816</v>
      </c>
      <c r="EFO39" s="927" t="s">
        <v>3816</v>
      </c>
      <c r="EFP39" s="927" t="s">
        <v>3816</v>
      </c>
      <c r="EFQ39" s="927" t="s">
        <v>3816</v>
      </c>
      <c r="EFR39" s="927" t="s">
        <v>3816</v>
      </c>
      <c r="EFS39" s="927" t="s">
        <v>3816</v>
      </c>
      <c r="EFT39" s="927" t="s">
        <v>3816</v>
      </c>
      <c r="EFU39" s="927" t="s">
        <v>3816</v>
      </c>
      <c r="EFV39" s="927" t="s">
        <v>3816</v>
      </c>
      <c r="EFW39" s="927" t="s">
        <v>3816</v>
      </c>
      <c r="EFX39" s="927" t="s">
        <v>3816</v>
      </c>
      <c r="EFY39" s="927" t="s">
        <v>3816</v>
      </c>
      <c r="EFZ39" s="927" t="s">
        <v>3816</v>
      </c>
      <c r="EGA39" s="927" t="s">
        <v>3816</v>
      </c>
      <c r="EGB39" s="927" t="s">
        <v>3816</v>
      </c>
      <c r="EGC39" s="927" t="s">
        <v>3816</v>
      </c>
      <c r="EGD39" s="927" t="s">
        <v>3816</v>
      </c>
      <c r="EGE39" s="927" t="s">
        <v>3816</v>
      </c>
      <c r="EGF39" s="927" t="s">
        <v>3816</v>
      </c>
      <c r="EGG39" s="927" t="s">
        <v>3816</v>
      </c>
      <c r="EGH39" s="927" t="s">
        <v>3816</v>
      </c>
      <c r="EGI39" s="927" t="s">
        <v>3816</v>
      </c>
      <c r="EGJ39" s="927" t="s">
        <v>3816</v>
      </c>
      <c r="EGK39" s="927" t="s">
        <v>3816</v>
      </c>
      <c r="EGL39" s="927" t="s">
        <v>3816</v>
      </c>
      <c r="EGM39" s="927" t="s">
        <v>3816</v>
      </c>
      <c r="EGN39" s="927" t="s">
        <v>3816</v>
      </c>
      <c r="EGO39" s="927" t="s">
        <v>3816</v>
      </c>
      <c r="EGP39" s="927" t="s">
        <v>3816</v>
      </c>
      <c r="EGQ39" s="927" t="s">
        <v>3816</v>
      </c>
      <c r="EGR39" s="927" t="s">
        <v>3816</v>
      </c>
      <c r="EGS39" s="927" t="s">
        <v>3816</v>
      </c>
      <c r="EGT39" s="927" t="s">
        <v>3816</v>
      </c>
      <c r="EGU39" s="927" t="s">
        <v>3816</v>
      </c>
      <c r="EGV39" s="927" t="s">
        <v>3816</v>
      </c>
      <c r="EGW39" s="927" t="s">
        <v>3816</v>
      </c>
      <c r="EGX39" s="927" t="s">
        <v>3816</v>
      </c>
      <c r="EGY39" s="927" t="s">
        <v>3816</v>
      </c>
      <c r="EGZ39" s="927" t="s">
        <v>3816</v>
      </c>
      <c r="EHA39" s="927" t="s">
        <v>3816</v>
      </c>
      <c r="EHB39" s="927" t="s">
        <v>3816</v>
      </c>
      <c r="EHC39" s="927" t="s">
        <v>3816</v>
      </c>
      <c r="EHD39" s="927" t="s">
        <v>3816</v>
      </c>
      <c r="EHE39" s="927" t="s">
        <v>3816</v>
      </c>
      <c r="EHF39" s="927" t="s">
        <v>3816</v>
      </c>
      <c r="EHG39" s="927" t="s">
        <v>3816</v>
      </c>
      <c r="EHH39" s="927" t="s">
        <v>3816</v>
      </c>
      <c r="EHI39" s="927" t="s">
        <v>3816</v>
      </c>
      <c r="EHJ39" s="927" t="s">
        <v>3816</v>
      </c>
      <c r="EHK39" s="927" t="s">
        <v>3816</v>
      </c>
      <c r="EHL39" s="927" t="s">
        <v>3816</v>
      </c>
      <c r="EHM39" s="927" t="s">
        <v>3816</v>
      </c>
      <c r="EHN39" s="927" t="s">
        <v>3816</v>
      </c>
      <c r="EHO39" s="927" t="s">
        <v>3816</v>
      </c>
      <c r="EHP39" s="927" t="s">
        <v>3816</v>
      </c>
      <c r="EHQ39" s="927" t="s">
        <v>3816</v>
      </c>
      <c r="EHR39" s="927" t="s">
        <v>3816</v>
      </c>
      <c r="EHS39" s="927" t="s">
        <v>3816</v>
      </c>
      <c r="EHT39" s="927" t="s">
        <v>3816</v>
      </c>
      <c r="EHU39" s="927" t="s">
        <v>3816</v>
      </c>
      <c r="EHV39" s="927" t="s">
        <v>3816</v>
      </c>
      <c r="EHW39" s="927" t="s">
        <v>3816</v>
      </c>
      <c r="EHX39" s="927" t="s">
        <v>3816</v>
      </c>
      <c r="EHY39" s="927" t="s">
        <v>3816</v>
      </c>
      <c r="EHZ39" s="927" t="s">
        <v>3816</v>
      </c>
      <c r="EIA39" s="927" t="s">
        <v>3816</v>
      </c>
      <c r="EIB39" s="927" t="s">
        <v>3816</v>
      </c>
      <c r="EIC39" s="927" t="s">
        <v>3816</v>
      </c>
      <c r="EID39" s="927" t="s">
        <v>3816</v>
      </c>
      <c r="EIE39" s="927" t="s">
        <v>3816</v>
      </c>
      <c r="EIF39" s="927" t="s">
        <v>3816</v>
      </c>
      <c r="EIG39" s="927" t="s">
        <v>3816</v>
      </c>
      <c r="EIH39" s="927" t="s">
        <v>3816</v>
      </c>
      <c r="EII39" s="927" t="s">
        <v>3816</v>
      </c>
      <c r="EIJ39" s="927" t="s">
        <v>3816</v>
      </c>
      <c r="EIK39" s="927" t="s">
        <v>3816</v>
      </c>
      <c r="EIL39" s="927" t="s">
        <v>3816</v>
      </c>
      <c r="EIM39" s="927" t="s">
        <v>3816</v>
      </c>
      <c r="EIN39" s="927" t="s">
        <v>3816</v>
      </c>
      <c r="EIO39" s="927" t="s">
        <v>3816</v>
      </c>
      <c r="EIP39" s="927" t="s">
        <v>3816</v>
      </c>
      <c r="EIQ39" s="927" t="s">
        <v>3816</v>
      </c>
      <c r="EIR39" s="927" t="s">
        <v>3816</v>
      </c>
      <c r="EIS39" s="927" t="s">
        <v>3816</v>
      </c>
      <c r="EIT39" s="927" t="s">
        <v>3816</v>
      </c>
      <c r="EIU39" s="927" t="s">
        <v>3816</v>
      </c>
      <c r="EIV39" s="927" t="s">
        <v>3816</v>
      </c>
      <c r="EIW39" s="927" t="s">
        <v>3816</v>
      </c>
      <c r="EIX39" s="927" t="s">
        <v>3816</v>
      </c>
      <c r="EIY39" s="927" t="s">
        <v>3816</v>
      </c>
      <c r="EIZ39" s="927" t="s">
        <v>3816</v>
      </c>
      <c r="EJA39" s="927" t="s">
        <v>3816</v>
      </c>
      <c r="EJB39" s="927" t="s">
        <v>3816</v>
      </c>
      <c r="EJC39" s="927" t="s">
        <v>3816</v>
      </c>
      <c r="EJD39" s="927" t="s">
        <v>3816</v>
      </c>
      <c r="EJE39" s="927" t="s">
        <v>3816</v>
      </c>
      <c r="EJF39" s="927" t="s">
        <v>3816</v>
      </c>
      <c r="EJG39" s="927" t="s">
        <v>3816</v>
      </c>
      <c r="EJH39" s="927" t="s">
        <v>3816</v>
      </c>
      <c r="EJI39" s="927" t="s">
        <v>3816</v>
      </c>
      <c r="EJJ39" s="927" t="s">
        <v>3816</v>
      </c>
      <c r="EJK39" s="927" t="s">
        <v>3816</v>
      </c>
      <c r="EJL39" s="927" t="s">
        <v>3816</v>
      </c>
      <c r="EJM39" s="927" t="s">
        <v>3816</v>
      </c>
      <c r="EJN39" s="927" t="s">
        <v>3816</v>
      </c>
      <c r="EJO39" s="927" t="s">
        <v>3816</v>
      </c>
      <c r="EJP39" s="927" t="s">
        <v>3816</v>
      </c>
      <c r="EJQ39" s="927" t="s">
        <v>3816</v>
      </c>
      <c r="EJR39" s="927" t="s">
        <v>3816</v>
      </c>
      <c r="EJS39" s="927" t="s">
        <v>3816</v>
      </c>
      <c r="EJT39" s="927" t="s">
        <v>3816</v>
      </c>
      <c r="EJU39" s="927" t="s">
        <v>3816</v>
      </c>
      <c r="EJV39" s="927" t="s">
        <v>3816</v>
      </c>
      <c r="EJW39" s="927" t="s">
        <v>3816</v>
      </c>
      <c r="EJX39" s="927" t="s">
        <v>3816</v>
      </c>
      <c r="EJY39" s="927" t="s">
        <v>3816</v>
      </c>
      <c r="EJZ39" s="927" t="s">
        <v>3816</v>
      </c>
      <c r="EKA39" s="927" t="s">
        <v>3816</v>
      </c>
      <c r="EKB39" s="927" t="s">
        <v>3816</v>
      </c>
      <c r="EKC39" s="927" t="s">
        <v>3816</v>
      </c>
      <c r="EKD39" s="927" t="s">
        <v>3816</v>
      </c>
      <c r="EKE39" s="927" t="s">
        <v>3816</v>
      </c>
      <c r="EKF39" s="927" t="s">
        <v>3816</v>
      </c>
      <c r="EKG39" s="927" t="s">
        <v>3816</v>
      </c>
      <c r="EKH39" s="927" t="s">
        <v>3816</v>
      </c>
      <c r="EKI39" s="927" t="s">
        <v>3816</v>
      </c>
      <c r="EKJ39" s="927" t="s">
        <v>3816</v>
      </c>
      <c r="EKK39" s="927" t="s">
        <v>3816</v>
      </c>
      <c r="EKL39" s="927" t="s">
        <v>3816</v>
      </c>
      <c r="EKM39" s="927" t="s">
        <v>3816</v>
      </c>
      <c r="EKN39" s="927" t="s">
        <v>3816</v>
      </c>
      <c r="EKO39" s="927" t="s">
        <v>3816</v>
      </c>
      <c r="EKP39" s="927" t="s">
        <v>3816</v>
      </c>
      <c r="EKQ39" s="927" t="s">
        <v>3816</v>
      </c>
      <c r="EKR39" s="927" t="s">
        <v>3816</v>
      </c>
      <c r="EKS39" s="927" t="s">
        <v>3816</v>
      </c>
      <c r="EKT39" s="927" t="s">
        <v>3816</v>
      </c>
      <c r="EKU39" s="927" t="s">
        <v>3816</v>
      </c>
      <c r="EKV39" s="927" t="s">
        <v>3816</v>
      </c>
      <c r="EKW39" s="927" t="s">
        <v>3816</v>
      </c>
      <c r="EKX39" s="927" t="s">
        <v>3816</v>
      </c>
      <c r="EKY39" s="927" t="s">
        <v>3816</v>
      </c>
      <c r="EKZ39" s="927" t="s">
        <v>3816</v>
      </c>
      <c r="ELA39" s="927" t="s">
        <v>3816</v>
      </c>
      <c r="ELB39" s="927" t="s">
        <v>3816</v>
      </c>
      <c r="ELC39" s="927" t="s">
        <v>3816</v>
      </c>
      <c r="ELD39" s="927" t="s">
        <v>3816</v>
      </c>
      <c r="ELE39" s="927" t="s">
        <v>3816</v>
      </c>
      <c r="ELF39" s="927" t="s">
        <v>3816</v>
      </c>
      <c r="ELG39" s="927" t="s">
        <v>3816</v>
      </c>
      <c r="ELH39" s="927" t="s">
        <v>3816</v>
      </c>
      <c r="ELI39" s="927" t="s">
        <v>3816</v>
      </c>
      <c r="ELJ39" s="927" t="s">
        <v>3816</v>
      </c>
      <c r="ELK39" s="927" t="s">
        <v>3816</v>
      </c>
      <c r="ELL39" s="927" t="s">
        <v>3816</v>
      </c>
      <c r="ELM39" s="927" t="s">
        <v>3816</v>
      </c>
      <c r="ELN39" s="927" t="s">
        <v>3816</v>
      </c>
      <c r="ELO39" s="927" t="s">
        <v>3816</v>
      </c>
      <c r="ELP39" s="927" t="s">
        <v>3816</v>
      </c>
      <c r="ELQ39" s="927" t="s">
        <v>3816</v>
      </c>
      <c r="ELR39" s="927" t="s">
        <v>3816</v>
      </c>
      <c r="ELS39" s="927" t="s">
        <v>3816</v>
      </c>
      <c r="ELT39" s="927" t="s">
        <v>3816</v>
      </c>
      <c r="ELU39" s="927" t="s">
        <v>3816</v>
      </c>
      <c r="ELV39" s="927" t="s">
        <v>3816</v>
      </c>
      <c r="ELW39" s="927" t="s">
        <v>3816</v>
      </c>
      <c r="ELX39" s="927" t="s">
        <v>3816</v>
      </c>
      <c r="ELY39" s="927" t="s">
        <v>3816</v>
      </c>
      <c r="ELZ39" s="927" t="s">
        <v>3816</v>
      </c>
      <c r="EMA39" s="927" t="s">
        <v>3816</v>
      </c>
      <c r="EMB39" s="927" t="s">
        <v>3816</v>
      </c>
      <c r="EMC39" s="927" t="s">
        <v>3816</v>
      </c>
      <c r="EMD39" s="927" t="s">
        <v>3816</v>
      </c>
      <c r="EME39" s="927" t="s">
        <v>3816</v>
      </c>
      <c r="EMF39" s="927" t="s">
        <v>3816</v>
      </c>
      <c r="EMG39" s="927" t="s">
        <v>3816</v>
      </c>
      <c r="EMH39" s="927" t="s">
        <v>3816</v>
      </c>
      <c r="EMI39" s="927" t="s">
        <v>3816</v>
      </c>
      <c r="EMJ39" s="927" t="s">
        <v>3816</v>
      </c>
      <c r="EMK39" s="927" t="s">
        <v>3816</v>
      </c>
      <c r="EML39" s="927" t="s">
        <v>3816</v>
      </c>
      <c r="EMM39" s="927" t="s">
        <v>3816</v>
      </c>
      <c r="EMN39" s="927" t="s">
        <v>3816</v>
      </c>
      <c r="EMO39" s="927" t="s">
        <v>3816</v>
      </c>
      <c r="EMP39" s="927" t="s">
        <v>3816</v>
      </c>
      <c r="EMQ39" s="927" t="s">
        <v>3816</v>
      </c>
      <c r="EMR39" s="927" t="s">
        <v>3816</v>
      </c>
      <c r="EMS39" s="927" t="s">
        <v>3816</v>
      </c>
      <c r="EMT39" s="927" t="s">
        <v>3816</v>
      </c>
      <c r="EMU39" s="927" t="s">
        <v>3816</v>
      </c>
      <c r="EMV39" s="927" t="s">
        <v>3816</v>
      </c>
      <c r="EMW39" s="927" t="s">
        <v>3816</v>
      </c>
      <c r="EMX39" s="927" t="s">
        <v>3816</v>
      </c>
      <c r="EMY39" s="927" t="s">
        <v>3816</v>
      </c>
      <c r="EMZ39" s="927" t="s">
        <v>3816</v>
      </c>
      <c r="ENA39" s="927" t="s">
        <v>3816</v>
      </c>
      <c r="ENB39" s="927" t="s">
        <v>3816</v>
      </c>
      <c r="ENC39" s="927" t="s">
        <v>3816</v>
      </c>
      <c r="END39" s="927" t="s">
        <v>3816</v>
      </c>
      <c r="ENE39" s="927" t="s">
        <v>3816</v>
      </c>
      <c r="ENF39" s="927" t="s">
        <v>3816</v>
      </c>
      <c r="ENG39" s="927" t="s">
        <v>3816</v>
      </c>
      <c r="ENH39" s="927" t="s">
        <v>3816</v>
      </c>
      <c r="ENI39" s="927" t="s">
        <v>3816</v>
      </c>
      <c r="ENJ39" s="927" t="s">
        <v>3816</v>
      </c>
      <c r="ENK39" s="927" t="s">
        <v>3816</v>
      </c>
      <c r="ENL39" s="927" t="s">
        <v>3816</v>
      </c>
      <c r="ENM39" s="927" t="s">
        <v>3816</v>
      </c>
      <c r="ENN39" s="927" t="s">
        <v>3816</v>
      </c>
      <c r="ENO39" s="927" t="s">
        <v>3816</v>
      </c>
      <c r="ENP39" s="927" t="s">
        <v>3816</v>
      </c>
      <c r="ENQ39" s="927" t="s">
        <v>3816</v>
      </c>
      <c r="ENR39" s="927" t="s">
        <v>3816</v>
      </c>
      <c r="ENS39" s="927" t="s">
        <v>3816</v>
      </c>
      <c r="ENT39" s="927" t="s">
        <v>3816</v>
      </c>
      <c r="ENU39" s="927" t="s">
        <v>3816</v>
      </c>
      <c r="ENV39" s="927" t="s">
        <v>3816</v>
      </c>
      <c r="ENW39" s="927" t="s">
        <v>3816</v>
      </c>
      <c r="ENX39" s="927" t="s">
        <v>3816</v>
      </c>
      <c r="ENY39" s="927" t="s">
        <v>3816</v>
      </c>
      <c r="ENZ39" s="927" t="s">
        <v>3816</v>
      </c>
      <c r="EOA39" s="927" t="s">
        <v>3816</v>
      </c>
      <c r="EOB39" s="927" t="s">
        <v>3816</v>
      </c>
      <c r="EOC39" s="927" t="s">
        <v>3816</v>
      </c>
      <c r="EOD39" s="927" t="s">
        <v>3816</v>
      </c>
      <c r="EOE39" s="927" t="s">
        <v>3816</v>
      </c>
      <c r="EOF39" s="927" t="s">
        <v>3816</v>
      </c>
      <c r="EOG39" s="927" t="s">
        <v>3816</v>
      </c>
      <c r="EOH39" s="927" t="s">
        <v>3816</v>
      </c>
      <c r="EOI39" s="927" t="s">
        <v>3816</v>
      </c>
      <c r="EOJ39" s="927" t="s">
        <v>3816</v>
      </c>
      <c r="EOK39" s="927" t="s">
        <v>3816</v>
      </c>
      <c r="EOL39" s="927" t="s">
        <v>3816</v>
      </c>
      <c r="EOM39" s="927" t="s">
        <v>3816</v>
      </c>
      <c r="EON39" s="927" t="s">
        <v>3816</v>
      </c>
      <c r="EOO39" s="927" t="s">
        <v>3816</v>
      </c>
      <c r="EOP39" s="927" t="s">
        <v>3816</v>
      </c>
      <c r="EOQ39" s="927" t="s">
        <v>3816</v>
      </c>
      <c r="EOR39" s="927" t="s">
        <v>3816</v>
      </c>
      <c r="EOS39" s="927" t="s">
        <v>3816</v>
      </c>
      <c r="EOT39" s="927" t="s">
        <v>3816</v>
      </c>
      <c r="EOU39" s="927" t="s">
        <v>3816</v>
      </c>
      <c r="EOV39" s="927" t="s">
        <v>3816</v>
      </c>
      <c r="EOW39" s="927" t="s">
        <v>3816</v>
      </c>
      <c r="EOX39" s="927" t="s">
        <v>3816</v>
      </c>
      <c r="EOY39" s="927" t="s">
        <v>3816</v>
      </c>
      <c r="EOZ39" s="927" t="s">
        <v>3816</v>
      </c>
      <c r="EPA39" s="927" t="s">
        <v>3816</v>
      </c>
      <c r="EPB39" s="927" t="s">
        <v>3816</v>
      </c>
      <c r="EPC39" s="927" t="s">
        <v>3816</v>
      </c>
      <c r="EPD39" s="927" t="s">
        <v>3816</v>
      </c>
      <c r="EPE39" s="927" t="s">
        <v>3816</v>
      </c>
      <c r="EPF39" s="927" t="s">
        <v>3816</v>
      </c>
      <c r="EPG39" s="927" t="s">
        <v>3816</v>
      </c>
      <c r="EPH39" s="927" t="s">
        <v>3816</v>
      </c>
      <c r="EPI39" s="927" t="s">
        <v>3816</v>
      </c>
      <c r="EPJ39" s="927" t="s">
        <v>3816</v>
      </c>
      <c r="EPK39" s="927" t="s">
        <v>3816</v>
      </c>
      <c r="EPL39" s="927" t="s">
        <v>3816</v>
      </c>
      <c r="EPM39" s="927" t="s">
        <v>3816</v>
      </c>
      <c r="EPN39" s="927" t="s">
        <v>3816</v>
      </c>
      <c r="EPO39" s="927" t="s">
        <v>3816</v>
      </c>
      <c r="EPP39" s="927" t="s">
        <v>3816</v>
      </c>
      <c r="EPQ39" s="927" t="s">
        <v>3816</v>
      </c>
      <c r="EPR39" s="927" t="s">
        <v>3816</v>
      </c>
      <c r="EPS39" s="927" t="s">
        <v>3816</v>
      </c>
      <c r="EPT39" s="927" t="s">
        <v>3816</v>
      </c>
      <c r="EPU39" s="927" t="s">
        <v>3816</v>
      </c>
      <c r="EPV39" s="927" t="s">
        <v>3816</v>
      </c>
      <c r="EPW39" s="927" t="s">
        <v>3816</v>
      </c>
      <c r="EPX39" s="927" t="s">
        <v>3816</v>
      </c>
      <c r="EPY39" s="927" t="s">
        <v>3816</v>
      </c>
      <c r="EPZ39" s="927" t="s">
        <v>3816</v>
      </c>
      <c r="EQA39" s="927" t="s">
        <v>3816</v>
      </c>
      <c r="EQB39" s="927" t="s">
        <v>3816</v>
      </c>
      <c r="EQC39" s="927" t="s">
        <v>3816</v>
      </c>
      <c r="EQD39" s="927" t="s">
        <v>3816</v>
      </c>
      <c r="EQE39" s="927" t="s">
        <v>3816</v>
      </c>
      <c r="EQF39" s="927" t="s">
        <v>3816</v>
      </c>
      <c r="EQG39" s="927" t="s">
        <v>3816</v>
      </c>
      <c r="EQH39" s="927" t="s">
        <v>3816</v>
      </c>
      <c r="EQI39" s="927" t="s">
        <v>3816</v>
      </c>
      <c r="EQJ39" s="927" t="s">
        <v>3816</v>
      </c>
      <c r="EQK39" s="927" t="s">
        <v>3816</v>
      </c>
      <c r="EQL39" s="927" t="s">
        <v>3816</v>
      </c>
      <c r="EQM39" s="927" t="s">
        <v>3816</v>
      </c>
      <c r="EQN39" s="927" t="s">
        <v>3816</v>
      </c>
      <c r="EQO39" s="927" t="s">
        <v>3816</v>
      </c>
      <c r="EQP39" s="927" t="s">
        <v>3816</v>
      </c>
      <c r="EQQ39" s="927" t="s">
        <v>3816</v>
      </c>
      <c r="EQR39" s="927" t="s">
        <v>3816</v>
      </c>
      <c r="EQS39" s="927" t="s">
        <v>3816</v>
      </c>
      <c r="EQT39" s="927" t="s">
        <v>3816</v>
      </c>
      <c r="EQU39" s="927" t="s">
        <v>3816</v>
      </c>
      <c r="EQV39" s="927" t="s">
        <v>3816</v>
      </c>
      <c r="EQW39" s="927" t="s">
        <v>3816</v>
      </c>
      <c r="EQX39" s="927" t="s">
        <v>3816</v>
      </c>
      <c r="EQY39" s="927" t="s">
        <v>3816</v>
      </c>
      <c r="EQZ39" s="927" t="s">
        <v>3816</v>
      </c>
      <c r="ERA39" s="927" t="s">
        <v>3816</v>
      </c>
      <c r="ERB39" s="927" t="s">
        <v>3816</v>
      </c>
      <c r="ERC39" s="927" t="s">
        <v>3816</v>
      </c>
      <c r="ERD39" s="927" t="s">
        <v>3816</v>
      </c>
      <c r="ERE39" s="927" t="s">
        <v>3816</v>
      </c>
      <c r="ERF39" s="927" t="s">
        <v>3816</v>
      </c>
      <c r="ERG39" s="927" t="s">
        <v>3816</v>
      </c>
      <c r="ERH39" s="927" t="s">
        <v>3816</v>
      </c>
      <c r="ERI39" s="927" t="s">
        <v>3816</v>
      </c>
      <c r="ERJ39" s="927" t="s">
        <v>3816</v>
      </c>
      <c r="ERK39" s="927" t="s">
        <v>3816</v>
      </c>
      <c r="ERL39" s="927" t="s">
        <v>3816</v>
      </c>
      <c r="ERM39" s="927" t="s">
        <v>3816</v>
      </c>
      <c r="ERN39" s="927" t="s">
        <v>3816</v>
      </c>
      <c r="ERO39" s="927" t="s">
        <v>3816</v>
      </c>
      <c r="ERP39" s="927" t="s">
        <v>3816</v>
      </c>
      <c r="ERQ39" s="927" t="s">
        <v>3816</v>
      </c>
      <c r="ERR39" s="927" t="s">
        <v>3816</v>
      </c>
      <c r="ERS39" s="927" t="s">
        <v>3816</v>
      </c>
      <c r="ERT39" s="927" t="s">
        <v>3816</v>
      </c>
      <c r="ERU39" s="927" t="s">
        <v>3816</v>
      </c>
      <c r="ERV39" s="927" t="s">
        <v>3816</v>
      </c>
      <c r="ERW39" s="927" t="s">
        <v>3816</v>
      </c>
      <c r="ERX39" s="927" t="s">
        <v>3816</v>
      </c>
      <c r="ERY39" s="927" t="s">
        <v>3816</v>
      </c>
      <c r="ERZ39" s="927" t="s">
        <v>3816</v>
      </c>
      <c r="ESA39" s="927" t="s">
        <v>3816</v>
      </c>
      <c r="ESB39" s="927" t="s">
        <v>3816</v>
      </c>
      <c r="ESC39" s="927" t="s">
        <v>3816</v>
      </c>
      <c r="ESD39" s="927" t="s">
        <v>3816</v>
      </c>
      <c r="ESE39" s="927" t="s">
        <v>3816</v>
      </c>
      <c r="ESF39" s="927" t="s">
        <v>3816</v>
      </c>
      <c r="ESG39" s="927" t="s">
        <v>3816</v>
      </c>
      <c r="ESH39" s="927" t="s">
        <v>3816</v>
      </c>
      <c r="ESI39" s="927" t="s">
        <v>3816</v>
      </c>
      <c r="ESJ39" s="927" t="s">
        <v>3816</v>
      </c>
      <c r="ESK39" s="927" t="s">
        <v>3816</v>
      </c>
      <c r="ESL39" s="927" t="s">
        <v>3816</v>
      </c>
      <c r="ESM39" s="927" t="s">
        <v>3816</v>
      </c>
      <c r="ESN39" s="927" t="s">
        <v>3816</v>
      </c>
      <c r="ESO39" s="927" t="s">
        <v>3816</v>
      </c>
      <c r="ESP39" s="927" t="s">
        <v>3816</v>
      </c>
      <c r="ESQ39" s="927" t="s">
        <v>3816</v>
      </c>
      <c r="ESR39" s="927" t="s">
        <v>3816</v>
      </c>
      <c r="ESS39" s="927" t="s">
        <v>3816</v>
      </c>
      <c r="EST39" s="927" t="s">
        <v>3816</v>
      </c>
      <c r="ESU39" s="927" t="s">
        <v>3816</v>
      </c>
      <c r="ESV39" s="927" t="s">
        <v>3816</v>
      </c>
      <c r="ESW39" s="927" t="s">
        <v>3816</v>
      </c>
      <c r="ESX39" s="927" t="s">
        <v>3816</v>
      </c>
      <c r="ESY39" s="927" t="s">
        <v>3816</v>
      </c>
      <c r="ESZ39" s="927" t="s">
        <v>3816</v>
      </c>
      <c r="ETA39" s="927" t="s">
        <v>3816</v>
      </c>
      <c r="ETB39" s="927" t="s">
        <v>3816</v>
      </c>
      <c r="ETC39" s="927" t="s">
        <v>3816</v>
      </c>
      <c r="ETD39" s="927" t="s">
        <v>3816</v>
      </c>
      <c r="ETE39" s="927" t="s">
        <v>3816</v>
      </c>
      <c r="ETF39" s="927" t="s">
        <v>3816</v>
      </c>
      <c r="ETG39" s="927" t="s">
        <v>3816</v>
      </c>
      <c r="ETH39" s="927" t="s">
        <v>3816</v>
      </c>
      <c r="ETI39" s="927" t="s">
        <v>3816</v>
      </c>
      <c r="ETJ39" s="927" t="s">
        <v>3816</v>
      </c>
      <c r="ETK39" s="927" t="s">
        <v>3816</v>
      </c>
      <c r="ETL39" s="927" t="s">
        <v>3816</v>
      </c>
      <c r="ETM39" s="927" t="s">
        <v>3816</v>
      </c>
      <c r="ETN39" s="927" t="s">
        <v>3816</v>
      </c>
      <c r="ETO39" s="927" t="s">
        <v>3816</v>
      </c>
      <c r="ETP39" s="927" t="s">
        <v>3816</v>
      </c>
      <c r="ETQ39" s="927" t="s">
        <v>3816</v>
      </c>
      <c r="ETR39" s="927" t="s">
        <v>3816</v>
      </c>
      <c r="ETS39" s="927" t="s">
        <v>3816</v>
      </c>
      <c r="ETT39" s="927" t="s">
        <v>3816</v>
      </c>
      <c r="ETU39" s="927" t="s">
        <v>3816</v>
      </c>
      <c r="ETV39" s="927" t="s">
        <v>3816</v>
      </c>
      <c r="ETW39" s="927" t="s">
        <v>3816</v>
      </c>
      <c r="ETX39" s="927" t="s">
        <v>3816</v>
      </c>
      <c r="ETY39" s="927" t="s">
        <v>3816</v>
      </c>
      <c r="ETZ39" s="927" t="s">
        <v>3816</v>
      </c>
      <c r="EUA39" s="927" t="s">
        <v>3816</v>
      </c>
      <c r="EUB39" s="927" t="s">
        <v>3816</v>
      </c>
      <c r="EUC39" s="927" t="s">
        <v>3816</v>
      </c>
      <c r="EUD39" s="927" t="s">
        <v>3816</v>
      </c>
      <c r="EUE39" s="927" t="s">
        <v>3816</v>
      </c>
      <c r="EUF39" s="927" t="s">
        <v>3816</v>
      </c>
      <c r="EUG39" s="927" t="s">
        <v>3816</v>
      </c>
      <c r="EUH39" s="927" t="s">
        <v>3816</v>
      </c>
      <c r="EUI39" s="927" t="s">
        <v>3816</v>
      </c>
      <c r="EUJ39" s="927" t="s">
        <v>3816</v>
      </c>
      <c r="EUK39" s="927" t="s">
        <v>3816</v>
      </c>
      <c r="EUL39" s="927" t="s">
        <v>3816</v>
      </c>
      <c r="EUM39" s="927" t="s">
        <v>3816</v>
      </c>
      <c r="EUN39" s="927" t="s">
        <v>3816</v>
      </c>
      <c r="EUO39" s="927" t="s">
        <v>3816</v>
      </c>
      <c r="EUP39" s="927" t="s">
        <v>3816</v>
      </c>
      <c r="EUQ39" s="927" t="s">
        <v>3816</v>
      </c>
      <c r="EUR39" s="927" t="s">
        <v>3816</v>
      </c>
      <c r="EUS39" s="927" t="s">
        <v>3816</v>
      </c>
      <c r="EUT39" s="927" t="s">
        <v>3816</v>
      </c>
      <c r="EUU39" s="927" t="s">
        <v>3816</v>
      </c>
      <c r="EUV39" s="927" t="s">
        <v>3816</v>
      </c>
      <c r="EUW39" s="927" t="s">
        <v>3816</v>
      </c>
      <c r="EUX39" s="927" t="s">
        <v>3816</v>
      </c>
      <c r="EUY39" s="927" t="s">
        <v>3816</v>
      </c>
      <c r="EUZ39" s="927" t="s">
        <v>3816</v>
      </c>
      <c r="EVA39" s="927" t="s">
        <v>3816</v>
      </c>
      <c r="EVB39" s="927" t="s">
        <v>3816</v>
      </c>
      <c r="EVC39" s="927" t="s">
        <v>3816</v>
      </c>
      <c r="EVD39" s="927" t="s">
        <v>3816</v>
      </c>
      <c r="EVE39" s="927" t="s">
        <v>3816</v>
      </c>
      <c r="EVF39" s="927" t="s">
        <v>3816</v>
      </c>
      <c r="EVG39" s="927" t="s">
        <v>3816</v>
      </c>
      <c r="EVH39" s="927" t="s">
        <v>3816</v>
      </c>
      <c r="EVI39" s="927" t="s">
        <v>3816</v>
      </c>
      <c r="EVJ39" s="927" t="s">
        <v>3816</v>
      </c>
      <c r="EVK39" s="927" t="s">
        <v>3816</v>
      </c>
      <c r="EVL39" s="927" t="s">
        <v>3816</v>
      </c>
      <c r="EVM39" s="927" t="s">
        <v>3816</v>
      </c>
      <c r="EVN39" s="927" t="s">
        <v>3816</v>
      </c>
      <c r="EVO39" s="927" t="s">
        <v>3816</v>
      </c>
      <c r="EVP39" s="927" t="s">
        <v>3816</v>
      </c>
      <c r="EVQ39" s="927" t="s">
        <v>3816</v>
      </c>
      <c r="EVR39" s="927" t="s">
        <v>3816</v>
      </c>
      <c r="EVS39" s="927" t="s">
        <v>3816</v>
      </c>
      <c r="EVT39" s="927" t="s">
        <v>3816</v>
      </c>
      <c r="EVU39" s="927" t="s">
        <v>3816</v>
      </c>
      <c r="EVV39" s="927" t="s">
        <v>3816</v>
      </c>
      <c r="EVW39" s="927" t="s">
        <v>3816</v>
      </c>
      <c r="EVX39" s="927" t="s">
        <v>3816</v>
      </c>
      <c r="EVY39" s="927" t="s">
        <v>3816</v>
      </c>
      <c r="EVZ39" s="927" t="s">
        <v>3816</v>
      </c>
      <c r="EWA39" s="927" t="s">
        <v>3816</v>
      </c>
      <c r="EWB39" s="927" t="s">
        <v>3816</v>
      </c>
      <c r="EWC39" s="927" t="s">
        <v>3816</v>
      </c>
      <c r="EWD39" s="927" t="s">
        <v>3816</v>
      </c>
      <c r="EWE39" s="927" t="s">
        <v>3816</v>
      </c>
      <c r="EWF39" s="927" t="s">
        <v>3816</v>
      </c>
      <c r="EWG39" s="927" t="s">
        <v>3816</v>
      </c>
      <c r="EWH39" s="927" t="s">
        <v>3816</v>
      </c>
      <c r="EWI39" s="927" t="s">
        <v>3816</v>
      </c>
      <c r="EWJ39" s="927" t="s">
        <v>3816</v>
      </c>
      <c r="EWK39" s="927" t="s">
        <v>3816</v>
      </c>
      <c r="EWL39" s="927" t="s">
        <v>3816</v>
      </c>
      <c r="EWM39" s="927" t="s">
        <v>3816</v>
      </c>
      <c r="EWN39" s="927" t="s">
        <v>3816</v>
      </c>
      <c r="EWO39" s="927" t="s">
        <v>3816</v>
      </c>
      <c r="EWP39" s="927" t="s">
        <v>3816</v>
      </c>
      <c r="EWQ39" s="927" t="s">
        <v>3816</v>
      </c>
      <c r="EWR39" s="927" t="s">
        <v>3816</v>
      </c>
      <c r="EWS39" s="927" t="s">
        <v>3816</v>
      </c>
      <c r="EWT39" s="927" t="s">
        <v>3816</v>
      </c>
      <c r="EWU39" s="927" t="s">
        <v>3816</v>
      </c>
      <c r="EWV39" s="927" t="s">
        <v>3816</v>
      </c>
      <c r="EWW39" s="927" t="s">
        <v>3816</v>
      </c>
      <c r="EWX39" s="927" t="s">
        <v>3816</v>
      </c>
      <c r="EWY39" s="927" t="s">
        <v>3816</v>
      </c>
      <c r="EWZ39" s="927" t="s">
        <v>3816</v>
      </c>
      <c r="EXA39" s="927" t="s">
        <v>3816</v>
      </c>
      <c r="EXB39" s="927" t="s">
        <v>3816</v>
      </c>
      <c r="EXC39" s="927" t="s">
        <v>3816</v>
      </c>
      <c r="EXD39" s="927" t="s">
        <v>3816</v>
      </c>
      <c r="EXE39" s="927" t="s">
        <v>3816</v>
      </c>
      <c r="EXF39" s="927" t="s">
        <v>3816</v>
      </c>
      <c r="EXG39" s="927" t="s">
        <v>3816</v>
      </c>
      <c r="EXH39" s="927" t="s">
        <v>3816</v>
      </c>
      <c r="EXI39" s="927" t="s">
        <v>3816</v>
      </c>
      <c r="EXJ39" s="927" t="s">
        <v>3816</v>
      </c>
      <c r="EXK39" s="927" t="s">
        <v>3816</v>
      </c>
      <c r="EXL39" s="927" t="s">
        <v>3816</v>
      </c>
      <c r="EXM39" s="927" t="s">
        <v>3816</v>
      </c>
      <c r="EXN39" s="927" t="s">
        <v>3816</v>
      </c>
      <c r="EXO39" s="927" t="s">
        <v>3816</v>
      </c>
      <c r="EXP39" s="927" t="s">
        <v>3816</v>
      </c>
      <c r="EXQ39" s="927" t="s">
        <v>3816</v>
      </c>
      <c r="EXR39" s="927" t="s">
        <v>3816</v>
      </c>
      <c r="EXS39" s="927" t="s">
        <v>3816</v>
      </c>
      <c r="EXT39" s="927" t="s">
        <v>3816</v>
      </c>
      <c r="EXU39" s="927" t="s">
        <v>3816</v>
      </c>
      <c r="EXV39" s="927" t="s">
        <v>3816</v>
      </c>
      <c r="EXW39" s="927" t="s">
        <v>3816</v>
      </c>
      <c r="EXX39" s="927" t="s">
        <v>3816</v>
      </c>
      <c r="EXY39" s="927" t="s">
        <v>3816</v>
      </c>
      <c r="EXZ39" s="927" t="s">
        <v>3816</v>
      </c>
      <c r="EYA39" s="927" t="s">
        <v>3816</v>
      </c>
      <c r="EYB39" s="927" t="s">
        <v>3816</v>
      </c>
      <c r="EYC39" s="927" t="s">
        <v>3816</v>
      </c>
      <c r="EYD39" s="927" t="s">
        <v>3816</v>
      </c>
      <c r="EYE39" s="927" t="s">
        <v>3816</v>
      </c>
      <c r="EYF39" s="927" t="s">
        <v>3816</v>
      </c>
      <c r="EYG39" s="927" t="s">
        <v>3816</v>
      </c>
      <c r="EYH39" s="927" t="s">
        <v>3816</v>
      </c>
      <c r="EYI39" s="927" t="s">
        <v>3816</v>
      </c>
      <c r="EYJ39" s="927" t="s">
        <v>3816</v>
      </c>
      <c r="EYK39" s="927" t="s">
        <v>3816</v>
      </c>
      <c r="EYL39" s="927" t="s">
        <v>3816</v>
      </c>
      <c r="EYM39" s="927" t="s">
        <v>3816</v>
      </c>
      <c r="EYN39" s="927" t="s">
        <v>3816</v>
      </c>
      <c r="EYO39" s="927" t="s">
        <v>3816</v>
      </c>
      <c r="EYP39" s="927" t="s">
        <v>3816</v>
      </c>
      <c r="EYQ39" s="927" t="s">
        <v>3816</v>
      </c>
      <c r="EYR39" s="927" t="s">
        <v>3816</v>
      </c>
      <c r="EYS39" s="927" t="s">
        <v>3816</v>
      </c>
      <c r="EYT39" s="927" t="s">
        <v>3816</v>
      </c>
      <c r="EYU39" s="927" t="s">
        <v>3816</v>
      </c>
      <c r="EYV39" s="927" t="s">
        <v>3816</v>
      </c>
      <c r="EYW39" s="927" t="s">
        <v>3816</v>
      </c>
      <c r="EYX39" s="927" t="s">
        <v>3816</v>
      </c>
      <c r="EYY39" s="927" t="s">
        <v>3816</v>
      </c>
      <c r="EYZ39" s="927" t="s">
        <v>3816</v>
      </c>
      <c r="EZA39" s="927" t="s">
        <v>3816</v>
      </c>
      <c r="EZB39" s="927" t="s">
        <v>3816</v>
      </c>
      <c r="EZC39" s="927" t="s">
        <v>3816</v>
      </c>
      <c r="EZD39" s="927" t="s">
        <v>3816</v>
      </c>
      <c r="EZE39" s="927" t="s">
        <v>3816</v>
      </c>
      <c r="EZF39" s="927" t="s">
        <v>3816</v>
      </c>
      <c r="EZG39" s="927" t="s">
        <v>3816</v>
      </c>
      <c r="EZH39" s="927" t="s">
        <v>3816</v>
      </c>
      <c r="EZI39" s="927" t="s">
        <v>3816</v>
      </c>
      <c r="EZJ39" s="927" t="s">
        <v>3816</v>
      </c>
      <c r="EZK39" s="927" t="s">
        <v>3816</v>
      </c>
      <c r="EZL39" s="927" t="s">
        <v>3816</v>
      </c>
      <c r="EZM39" s="927" t="s">
        <v>3816</v>
      </c>
      <c r="EZN39" s="927" t="s">
        <v>3816</v>
      </c>
      <c r="EZO39" s="927" t="s">
        <v>3816</v>
      </c>
      <c r="EZP39" s="927" t="s">
        <v>3816</v>
      </c>
      <c r="EZQ39" s="927" t="s">
        <v>3816</v>
      </c>
      <c r="EZR39" s="927" t="s">
        <v>3816</v>
      </c>
      <c r="EZS39" s="927" t="s">
        <v>3816</v>
      </c>
      <c r="EZT39" s="927" t="s">
        <v>3816</v>
      </c>
      <c r="EZU39" s="927" t="s">
        <v>3816</v>
      </c>
      <c r="EZV39" s="927" t="s">
        <v>3816</v>
      </c>
      <c r="EZW39" s="927" t="s">
        <v>3816</v>
      </c>
      <c r="EZX39" s="927" t="s">
        <v>3816</v>
      </c>
      <c r="EZY39" s="927" t="s">
        <v>3816</v>
      </c>
      <c r="EZZ39" s="927" t="s">
        <v>3816</v>
      </c>
      <c r="FAA39" s="927" t="s">
        <v>3816</v>
      </c>
      <c r="FAB39" s="927" t="s">
        <v>3816</v>
      </c>
      <c r="FAC39" s="927" t="s">
        <v>3816</v>
      </c>
      <c r="FAD39" s="927" t="s">
        <v>3816</v>
      </c>
      <c r="FAE39" s="927" t="s">
        <v>3816</v>
      </c>
      <c r="FAF39" s="927" t="s">
        <v>3816</v>
      </c>
      <c r="FAG39" s="927" t="s">
        <v>3816</v>
      </c>
      <c r="FAH39" s="927" t="s">
        <v>3816</v>
      </c>
      <c r="FAI39" s="927" t="s">
        <v>3816</v>
      </c>
      <c r="FAJ39" s="927" t="s">
        <v>3816</v>
      </c>
      <c r="FAK39" s="927" t="s">
        <v>3816</v>
      </c>
      <c r="FAL39" s="927" t="s">
        <v>3816</v>
      </c>
      <c r="FAM39" s="927" t="s">
        <v>3816</v>
      </c>
      <c r="FAN39" s="927" t="s">
        <v>3816</v>
      </c>
      <c r="FAO39" s="927" t="s">
        <v>3816</v>
      </c>
      <c r="FAP39" s="927" t="s">
        <v>3816</v>
      </c>
      <c r="FAQ39" s="927" t="s">
        <v>3816</v>
      </c>
      <c r="FAR39" s="927" t="s">
        <v>3816</v>
      </c>
      <c r="FAS39" s="927" t="s">
        <v>3816</v>
      </c>
      <c r="FAT39" s="927" t="s">
        <v>3816</v>
      </c>
      <c r="FAU39" s="927" t="s">
        <v>3816</v>
      </c>
      <c r="FAV39" s="927" t="s">
        <v>3816</v>
      </c>
      <c r="FAW39" s="927" t="s">
        <v>3816</v>
      </c>
      <c r="FAX39" s="927" t="s">
        <v>3816</v>
      </c>
      <c r="FAY39" s="927" t="s">
        <v>3816</v>
      </c>
      <c r="FAZ39" s="927" t="s">
        <v>3816</v>
      </c>
      <c r="FBA39" s="927" t="s">
        <v>3816</v>
      </c>
      <c r="FBB39" s="927" t="s">
        <v>3816</v>
      </c>
      <c r="FBC39" s="927" t="s">
        <v>3816</v>
      </c>
      <c r="FBD39" s="927" t="s">
        <v>3816</v>
      </c>
      <c r="FBE39" s="927" t="s">
        <v>3816</v>
      </c>
      <c r="FBF39" s="927" t="s">
        <v>3816</v>
      </c>
      <c r="FBG39" s="927" t="s">
        <v>3816</v>
      </c>
      <c r="FBH39" s="927" t="s">
        <v>3816</v>
      </c>
      <c r="FBI39" s="927" t="s">
        <v>3816</v>
      </c>
      <c r="FBJ39" s="927" t="s">
        <v>3816</v>
      </c>
      <c r="FBK39" s="927" t="s">
        <v>3816</v>
      </c>
      <c r="FBL39" s="927" t="s">
        <v>3816</v>
      </c>
      <c r="FBM39" s="927" t="s">
        <v>3816</v>
      </c>
      <c r="FBN39" s="927" t="s">
        <v>3816</v>
      </c>
      <c r="FBO39" s="927" t="s">
        <v>3816</v>
      </c>
      <c r="FBP39" s="927" t="s">
        <v>3816</v>
      </c>
      <c r="FBQ39" s="927" t="s">
        <v>3816</v>
      </c>
      <c r="FBR39" s="927" t="s">
        <v>3816</v>
      </c>
      <c r="FBS39" s="927" t="s">
        <v>3816</v>
      </c>
      <c r="FBT39" s="927" t="s">
        <v>3816</v>
      </c>
      <c r="FBU39" s="927" t="s">
        <v>3816</v>
      </c>
      <c r="FBV39" s="927" t="s">
        <v>3816</v>
      </c>
      <c r="FBW39" s="927" t="s">
        <v>3816</v>
      </c>
      <c r="FBX39" s="927" t="s">
        <v>3816</v>
      </c>
      <c r="FBY39" s="927" t="s">
        <v>3816</v>
      </c>
      <c r="FBZ39" s="927" t="s">
        <v>3816</v>
      </c>
      <c r="FCA39" s="927" t="s">
        <v>3816</v>
      </c>
      <c r="FCB39" s="927" t="s">
        <v>3816</v>
      </c>
      <c r="FCC39" s="927" t="s">
        <v>3816</v>
      </c>
      <c r="FCD39" s="927" t="s">
        <v>3816</v>
      </c>
      <c r="FCE39" s="927" t="s">
        <v>3816</v>
      </c>
      <c r="FCF39" s="927" t="s">
        <v>3816</v>
      </c>
      <c r="FCG39" s="927" t="s">
        <v>3816</v>
      </c>
      <c r="FCH39" s="927" t="s">
        <v>3816</v>
      </c>
      <c r="FCI39" s="927" t="s">
        <v>3816</v>
      </c>
      <c r="FCJ39" s="927" t="s">
        <v>3816</v>
      </c>
      <c r="FCK39" s="927" t="s">
        <v>3816</v>
      </c>
      <c r="FCL39" s="927" t="s">
        <v>3816</v>
      </c>
      <c r="FCM39" s="927" t="s">
        <v>3816</v>
      </c>
      <c r="FCN39" s="927" t="s">
        <v>3816</v>
      </c>
      <c r="FCO39" s="927" t="s">
        <v>3816</v>
      </c>
      <c r="FCP39" s="927" t="s">
        <v>3816</v>
      </c>
      <c r="FCQ39" s="927" t="s">
        <v>3816</v>
      </c>
      <c r="FCR39" s="927" t="s">
        <v>3816</v>
      </c>
      <c r="FCS39" s="927" t="s">
        <v>3816</v>
      </c>
      <c r="FCT39" s="927" t="s">
        <v>3816</v>
      </c>
      <c r="FCU39" s="927" t="s">
        <v>3816</v>
      </c>
      <c r="FCV39" s="927" t="s">
        <v>3816</v>
      </c>
      <c r="FCW39" s="927" t="s">
        <v>3816</v>
      </c>
      <c r="FCX39" s="927" t="s">
        <v>3816</v>
      </c>
      <c r="FCY39" s="927" t="s">
        <v>3816</v>
      </c>
      <c r="FCZ39" s="927" t="s">
        <v>3816</v>
      </c>
      <c r="FDA39" s="927" t="s">
        <v>3816</v>
      </c>
      <c r="FDB39" s="927" t="s">
        <v>3816</v>
      </c>
      <c r="FDC39" s="927" t="s">
        <v>3816</v>
      </c>
      <c r="FDD39" s="927" t="s">
        <v>3816</v>
      </c>
      <c r="FDE39" s="927" t="s">
        <v>3816</v>
      </c>
      <c r="FDF39" s="927" t="s">
        <v>3816</v>
      </c>
      <c r="FDG39" s="927" t="s">
        <v>3816</v>
      </c>
      <c r="FDH39" s="927" t="s">
        <v>3816</v>
      </c>
      <c r="FDI39" s="927" t="s">
        <v>3816</v>
      </c>
      <c r="FDJ39" s="927" t="s">
        <v>3816</v>
      </c>
      <c r="FDK39" s="927" t="s">
        <v>3816</v>
      </c>
      <c r="FDL39" s="927" t="s">
        <v>3816</v>
      </c>
      <c r="FDM39" s="927" t="s">
        <v>3816</v>
      </c>
      <c r="FDN39" s="927" t="s">
        <v>3816</v>
      </c>
      <c r="FDO39" s="927" t="s">
        <v>3816</v>
      </c>
      <c r="FDP39" s="927" t="s">
        <v>3816</v>
      </c>
      <c r="FDQ39" s="927" t="s">
        <v>3816</v>
      </c>
      <c r="FDR39" s="927" t="s">
        <v>3816</v>
      </c>
      <c r="FDS39" s="927" t="s">
        <v>3816</v>
      </c>
      <c r="FDT39" s="927" t="s">
        <v>3816</v>
      </c>
      <c r="FDU39" s="927" t="s">
        <v>3816</v>
      </c>
      <c r="FDV39" s="927" t="s">
        <v>3816</v>
      </c>
      <c r="FDW39" s="927" t="s">
        <v>3816</v>
      </c>
      <c r="FDX39" s="927" t="s">
        <v>3816</v>
      </c>
      <c r="FDY39" s="927" t="s">
        <v>3816</v>
      </c>
      <c r="FDZ39" s="927" t="s">
        <v>3816</v>
      </c>
      <c r="FEA39" s="927" t="s">
        <v>3816</v>
      </c>
      <c r="FEB39" s="927" t="s">
        <v>3816</v>
      </c>
      <c r="FEC39" s="927" t="s">
        <v>3816</v>
      </c>
      <c r="FED39" s="927" t="s">
        <v>3816</v>
      </c>
      <c r="FEE39" s="927" t="s">
        <v>3816</v>
      </c>
      <c r="FEF39" s="927" t="s">
        <v>3816</v>
      </c>
      <c r="FEG39" s="927" t="s">
        <v>3816</v>
      </c>
      <c r="FEH39" s="927" t="s">
        <v>3816</v>
      </c>
      <c r="FEI39" s="927" t="s">
        <v>3816</v>
      </c>
      <c r="FEJ39" s="927" t="s">
        <v>3816</v>
      </c>
      <c r="FEK39" s="927" t="s">
        <v>3816</v>
      </c>
      <c r="FEL39" s="927" t="s">
        <v>3816</v>
      </c>
      <c r="FEM39" s="927" t="s">
        <v>3816</v>
      </c>
      <c r="FEN39" s="927" t="s">
        <v>3816</v>
      </c>
      <c r="FEO39" s="927" t="s">
        <v>3816</v>
      </c>
      <c r="FEP39" s="927" t="s">
        <v>3816</v>
      </c>
      <c r="FEQ39" s="927" t="s">
        <v>3816</v>
      </c>
      <c r="FER39" s="927" t="s">
        <v>3816</v>
      </c>
      <c r="FES39" s="927" t="s">
        <v>3816</v>
      </c>
      <c r="FET39" s="927" t="s">
        <v>3816</v>
      </c>
      <c r="FEU39" s="927" t="s">
        <v>3816</v>
      </c>
      <c r="FEV39" s="927" t="s">
        <v>3816</v>
      </c>
      <c r="FEW39" s="927" t="s">
        <v>3816</v>
      </c>
      <c r="FEX39" s="927" t="s">
        <v>3816</v>
      </c>
      <c r="FEY39" s="927" t="s">
        <v>3816</v>
      </c>
      <c r="FEZ39" s="927" t="s">
        <v>3816</v>
      </c>
      <c r="FFA39" s="927" t="s">
        <v>3816</v>
      </c>
      <c r="FFB39" s="927" t="s">
        <v>3816</v>
      </c>
      <c r="FFC39" s="927" t="s">
        <v>3816</v>
      </c>
      <c r="FFD39" s="927" t="s">
        <v>3816</v>
      </c>
      <c r="FFE39" s="927" t="s">
        <v>3816</v>
      </c>
      <c r="FFF39" s="927" t="s">
        <v>3816</v>
      </c>
      <c r="FFG39" s="927" t="s">
        <v>3816</v>
      </c>
      <c r="FFH39" s="927" t="s">
        <v>3816</v>
      </c>
      <c r="FFI39" s="927" t="s">
        <v>3816</v>
      </c>
      <c r="FFJ39" s="927" t="s">
        <v>3816</v>
      </c>
      <c r="FFK39" s="927" t="s">
        <v>3816</v>
      </c>
      <c r="FFL39" s="927" t="s">
        <v>3816</v>
      </c>
      <c r="FFM39" s="927" t="s">
        <v>3816</v>
      </c>
      <c r="FFN39" s="927" t="s">
        <v>3816</v>
      </c>
      <c r="FFO39" s="927" t="s">
        <v>3816</v>
      </c>
      <c r="FFP39" s="927" t="s">
        <v>3816</v>
      </c>
      <c r="FFQ39" s="927" t="s">
        <v>3816</v>
      </c>
      <c r="FFR39" s="927" t="s">
        <v>3816</v>
      </c>
      <c r="FFS39" s="927" t="s">
        <v>3816</v>
      </c>
      <c r="FFT39" s="927" t="s">
        <v>3816</v>
      </c>
      <c r="FFU39" s="927" t="s">
        <v>3816</v>
      </c>
      <c r="FFV39" s="927" t="s">
        <v>3816</v>
      </c>
      <c r="FFW39" s="927" t="s">
        <v>3816</v>
      </c>
      <c r="FFX39" s="927" t="s">
        <v>3816</v>
      </c>
      <c r="FFY39" s="927" t="s">
        <v>3816</v>
      </c>
      <c r="FFZ39" s="927" t="s">
        <v>3816</v>
      </c>
      <c r="FGA39" s="927" t="s">
        <v>3816</v>
      </c>
      <c r="FGB39" s="927" t="s">
        <v>3816</v>
      </c>
      <c r="FGC39" s="927" t="s">
        <v>3816</v>
      </c>
      <c r="FGD39" s="927" t="s">
        <v>3816</v>
      </c>
      <c r="FGE39" s="927" t="s">
        <v>3816</v>
      </c>
      <c r="FGF39" s="927" t="s">
        <v>3816</v>
      </c>
      <c r="FGG39" s="927" t="s">
        <v>3816</v>
      </c>
      <c r="FGH39" s="927" t="s">
        <v>3816</v>
      </c>
      <c r="FGI39" s="927" t="s">
        <v>3816</v>
      </c>
      <c r="FGJ39" s="927" t="s">
        <v>3816</v>
      </c>
      <c r="FGK39" s="927" t="s">
        <v>3816</v>
      </c>
      <c r="FGL39" s="927" t="s">
        <v>3816</v>
      </c>
      <c r="FGM39" s="927" t="s">
        <v>3816</v>
      </c>
      <c r="FGN39" s="927" t="s">
        <v>3816</v>
      </c>
      <c r="FGO39" s="927" t="s">
        <v>3816</v>
      </c>
      <c r="FGP39" s="927" t="s">
        <v>3816</v>
      </c>
      <c r="FGQ39" s="927" t="s">
        <v>3816</v>
      </c>
      <c r="FGR39" s="927" t="s">
        <v>3816</v>
      </c>
      <c r="FGS39" s="927" t="s">
        <v>3816</v>
      </c>
      <c r="FGT39" s="927" t="s">
        <v>3816</v>
      </c>
      <c r="FGU39" s="927" t="s">
        <v>3816</v>
      </c>
      <c r="FGV39" s="927" t="s">
        <v>3816</v>
      </c>
      <c r="FGW39" s="927" t="s">
        <v>3816</v>
      </c>
      <c r="FGX39" s="927" t="s">
        <v>3816</v>
      </c>
      <c r="FGY39" s="927" t="s">
        <v>3816</v>
      </c>
      <c r="FGZ39" s="927" t="s">
        <v>3816</v>
      </c>
      <c r="FHA39" s="927" t="s">
        <v>3816</v>
      </c>
      <c r="FHB39" s="927" t="s">
        <v>3816</v>
      </c>
      <c r="FHC39" s="927" t="s">
        <v>3816</v>
      </c>
      <c r="FHD39" s="927" t="s">
        <v>3816</v>
      </c>
      <c r="FHE39" s="927" t="s">
        <v>3816</v>
      </c>
      <c r="FHF39" s="927" t="s">
        <v>3816</v>
      </c>
      <c r="FHG39" s="927" t="s">
        <v>3816</v>
      </c>
      <c r="FHH39" s="927" t="s">
        <v>3816</v>
      </c>
      <c r="FHI39" s="927" t="s">
        <v>3816</v>
      </c>
      <c r="FHJ39" s="927" t="s">
        <v>3816</v>
      </c>
      <c r="FHK39" s="927" t="s">
        <v>3816</v>
      </c>
      <c r="FHL39" s="927" t="s">
        <v>3816</v>
      </c>
      <c r="FHM39" s="927" t="s">
        <v>3816</v>
      </c>
      <c r="FHN39" s="927" t="s">
        <v>3816</v>
      </c>
      <c r="FHO39" s="927" t="s">
        <v>3816</v>
      </c>
      <c r="FHP39" s="927" t="s">
        <v>3816</v>
      </c>
      <c r="FHQ39" s="927" t="s">
        <v>3816</v>
      </c>
      <c r="FHR39" s="927" t="s">
        <v>3816</v>
      </c>
      <c r="FHS39" s="927" t="s">
        <v>3816</v>
      </c>
      <c r="FHT39" s="927" t="s">
        <v>3816</v>
      </c>
      <c r="FHU39" s="927" t="s">
        <v>3816</v>
      </c>
      <c r="FHV39" s="927" t="s">
        <v>3816</v>
      </c>
      <c r="FHW39" s="927" t="s">
        <v>3816</v>
      </c>
      <c r="FHX39" s="927" t="s">
        <v>3816</v>
      </c>
      <c r="FHY39" s="927" t="s">
        <v>3816</v>
      </c>
      <c r="FHZ39" s="927" t="s">
        <v>3816</v>
      </c>
      <c r="FIA39" s="927" t="s">
        <v>3816</v>
      </c>
      <c r="FIB39" s="927" t="s">
        <v>3816</v>
      </c>
      <c r="FIC39" s="927" t="s">
        <v>3816</v>
      </c>
      <c r="FID39" s="927" t="s">
        <v>3816</v>
      </c>
      <c r="FIE39" s="927" t="s">
        <v>3816</v>
      </c>
      <c r="FIF39" s="927" t="s">
        <v>3816</v>
      </c>
      <c r="FIG39" s="927" t="s">
        <v>3816</v>
      </c>
      <c r="FIH39" s="927" t="s">
        <v>3816</v>
      </c>
      <c r="FII39" s="927" t="s">
        <v>3816</v>
      </c>
      <c r="FIJ39" s="927" t="s">
        <v>3816</v>
      </c>
      <c r="FIK39" s="927" t="s">
        <v>3816</v>
      </c>
      <c r="FIL39" s="927" t="s">
        <v>3816</v>
      </c>
      <c r="FIM39" s="927" t="s">
        <v>3816</v>
      </c>
      <c r="FIN39" s="927" t="s">
        <v>3816</v>
      </c>
      <c r="FIO39" s="927" t="s">
        <v>3816</v>
      </c>
      <c r="FIP39" s="927" t="s">
        <v>3816</v>
      </c>
      <c r="FIQ39" s="927" t="s">
        <v>3816</v>
      </c>
      <c r="FIR39" s="927" t="s">
        <v>3816</v>
      </c>
      <c r="FIS39" s="927" t="s">
        <v>3816</v>
      </c>
      <c r="FIT39" s="927" t="s">
        <v>3816</v>
      </c>
      <c r="FIU39" s="927" t="s">
        <v>3816</v>
      </c>
      <c r="FIV39" s="927" t="s">
        <v>3816</v>
      </c>
      <c r="FIW39" s="927" t="s">
        <v>3816</v>
      </c>
      <c r="FIX39" s="927" t="s">
        <v>3816</v>
      </c>
      <c r="FIY39" s="927" t="s">
        <v>3816</v>
      </c>
      <c r="FIZ39" s="927" t="s">
        <v>3816</v>
      </c>
      <c r="FJA39" s="927" t="s">
        <v>3816</v>
      </c>
      <c r="FJB39" s="927" t="s">
        <v>3816</v>
      </c>
      <c r="FJC39" s="927" t="s">
        <v>3816</v>
      </c>
      <c r="FJD39" s="927" t="s">
        <v>3816</v>
      </c>
      <c r="FJE39" s="927" t="s">
        <v>3816</v>
      </c>
      <c r="FJF39" s="927" t="s">
        <v>3816</v>
      </c>
      <c r="FJG39" s="927" t="s">
        <v>3816</v>
      </c>
      <c r="FJH39" s="927" t="s">
        <v>3816</v>
      </c>
      <c r="FJI39" s="927" t="s">
        <v>3816</v>
      </c>
      <c r="FJJ39" s="927" t="s">
        <v>3816</v>
      </c>
      <c r="FJK39" s="927" t="s">
        <v>3816</v>
      </c>
      <c r="FJL39" s="927" t="s">
        <v>3816</v>
      </c>
      <c r="FJM39" s="927" t="s">
        <v>3816</v>
      </c>
      <c r="FJN39" s="927" t="s">
        <v>3816</v>
      </c>
      <c r="FJO39" s="927" t="s">
        <v>3816</v>
      </c>
      <c r="FJP39" s="927" t="s">
        <v>3816</v>
      </c>
      <c r="FJQ39" s="927" t="s">
        <v>3816</v>
      </c>
      <c r="FJR39" s="927" t="s">
        <v>3816</v>
      </c>
      <c r="FJS39" s="927" t="s">
        <v>3816</v>
      </c>
      <c r="FJT39" s="927" t="s">
        <v>3816</v>
      </c>
      <c r="FJU39" s="927" t="s">
        <v>3816</v>
      </c>
      <c r="FJV39" s="927" t="s">
        <v>3816</v>
      </c>
      <c r="FJW39" s="927" t="s">
        <v>3816</v>
      </c>
      <c r="FJX39" s="927" t="s">
        <v>3816</v>
      </c>
      <c r="FJY39" s="927" t="s">
        <v>3816</v>
      </c>
      <c r="FJZ39" s="927" t="s">
        <v>3816</v>
      </c>
      <c r="FKA39" s="927" t="s">
        <v>3816</v>
      </c>
      <c r="FKB39" s="927" t="s">
        <v>3816</v>
      </c>
      <c r="FKC39" s="927" t="s">
        <v>3816</v>
      </c>
      <c r="FKD39" s="927" t="s">
        <v>3816</v>
      </c>
      <c r="FKE39" s="927" t="s">
        <v>3816</v>
      </c>
      <c r="FKF39" s="927" t="s">
        <v>3816</v>
      </c>
      <c r="FKG39" s="927" t="s">
        <v>3816</v>
      </c>
      <c r="FKH39" s="927" t="s">
        <v>3816</v>
      </c>
      <c r="FKI39" s="927" t="s">
        <v>3816</v>
      </c>
      <c r="FKJ39" s="927" t="s">
        <v>3816</v>
      </c>
      <c r="FKK39" s="927" t="s">
        <v>3816</v>
      </c>
      <c r="FKL39" s="927" t="s">
        <v>3816</v>
      </c>
      <c r="FKM39" s="927" t="s">
        <v>3816</v>
      </c>
      <c r="FKN39" s="927" t="s">
        <v>3816</v>
      </c>
      <c r="FKO39" s="927" t="s">
        <v>3816</v>
      </c>
      <c r="FKP39" s="927" t="s">
        <v>3816</v>
      </c>
      <c r="FKQ39" s="927" t="s">
        <v>3816</v>
      </c>
      <c r="FKR39" s="927" t="s">
        <v>3816</v>
      </c>
      <c r="FKS39" s="927" t="s">
        <v>3816</v>
      </c>
      <c r="FKT39" s="927" t="s">
        <v>3816</v>
      </c>
      <c r="FKU39" s="927" t="s">
        <v>3816</v>
      </c>
      <c r="FKV39" s="927" t="s">
        <v>3816</v>
      </c>
      <c r="FKW39" s="927" t="s">
        <v>3816</v>
      </c>
      <c r="FKX39" s="927" t="s">
        <v>3816</v>
      </c>
      <c r="FKY39" s="927" t="s">
        <v>3816</v>
      </c>
      <c r="FKZ39" s="927" t="s">
        <v>3816</v>
      </c>
      <c r="FLA39" s="927" t="s">
        <v>3816</v>
      </c>
      <c r="FLB39" s="927" t="s">
        <v>3816</v>
      </c>
      <c r="FLC39" s="927" t="s">
        <v>3816</v>
      </c>
      <c r="FLD39" s="927" t="s">
        <v>3816</v>
      </c>
      <c r="FLE39" s="927" t="s">
        <v>3816</v>
      </c>
      <c r="FLF39" s="927" t="s">
        <v>3816</v>
      </c>
      <c r="FLG39" s="927" t="s">
        <v>3816</v>
      </c>
      <c r="FLH39" s="927" t="s">
        <v>3816</v>
      </c>
      <c r="FLI39" s="927" t="s">
        <v>3816</v>
      </c>
      <c r="FLJ39" s="927" t="s">
        <v>3816</v>
      </c>
      <c r="FLK39" s="927" t="s">
        <v>3816</v>
      </c>
      <c r="FLL39" s="927" t="s">
        <v>3816</v>
      </c>
      <c r="FLM39" s="927" t="s">
        <v>3816</v>
      </c>
      <c r="FLN39" s="927" t="s">
        <v>3816</v>
      </c>
      <c r="FLO39" s="927" t="s">
        <v>3816</v>
      </c>
      <c r="FLP39" s="927" t="s">
        <v>3816</v>
      </c>
      <c r="FLQ39" s="927" t="s">
        <v>3816</v>
      </c>
      <c r="FLR39" s="927" t="s">
        <v>3816</v>
      </c>
      <c r="FLS39" s="927" t="s">
        <v>3816</v>
      </c>
      <c r="FLT39" s="927" t="s">
        <v>3816</v>
      </c>
      <c r="FLU39" s="927" t="s">
        <v>3816</v>
      </c>
      <c r="FLV39" s="927" t="s">
        <v>3816</v>
      </c>
      <c r="FLW39" s="927" t="s">
        <v>3816</v>
      </c>
      <c r="FLX39" s="927" t="s">
        <v>3816</v>
      </c>
      <c r="FLY39" s="927" t="s">
        <v>3816</v>
      </c>
      <c r="FLZ39" s="927" t="s">
        <v>3816</v>
      </c>
      <c r="FMA39" s="927" t="s">
        <v>3816</v>
      </c>
      <c r="FMB39" s="927" t="s">
        <v>3816</v>
      </c>
      <c r="FMC39" s="927" t="s">
        <v>3816</v>
      </c>
      <c r="FMD39" s="927" t="s">
        <v>3816</v>
      </c>
      <c r="FME39" s="927" t="s">
        <v>3816</v>
      </c>
      <c r="FMF39" s="927" t="s">
        <v>3816</v>
      </c>
      <c r="FMG39" s="927" t="s">
        <v>3816</v>
      </c>
      <c r="FMH39" s="927" t="s">
        <v>3816</v>
      </c>
      <c r="FMI39" s="927" t="s">
        <v>3816</v>
      </c>
      <c r="FMJ39" s="927" t="s">
        <v>3816</v>
      </c>
      <c r="FMK39" s="927" t="s">
        <v>3816</v>
      </c>
      <c r="FML39" s="927" t="s">
        <v>3816</v>
      </c>
      <c r="FMM39" s="927" t="s">
        <v>3816</v>
      </c>
      <c r="FMN39" s="927" t="s">
        <v>3816</v>
      </c>
      <c r="FMO39" s="927" t="s">
        <v>3816</v>
      </c>
      <c r="FMP39" s="927" t="s">
        <v>3816</v>
      </c>
      <c r="FMQ39" s="927" t="s">
        <v>3816</v>
      </c>
      <c r="FMR39" s="927" t="s">
        <v>3816</v>
      </c>
      <c r="FMS39" s="927" t="s">
        <v>3816</v>
      </c>
      <c r="FMT39" s="927" t="s">
        <v>3816</v>
      </c>
      <c r="FMU39" s="927" t="s">
        <v>3816</v>
      </c>
      <c r="FMV39" s="927" t="s">
        <v>3816</v>
      </c>
      <c r="FMW39" s="927" t="s">
        <v>3816</v>
      </c>
      <c r="FMX39" s="927" t="s">
        <v>3816</v>
      </c>
      <c r="FMY39" s="927" t="s">
        <v>3816</v>
      </c>
      <c r="FMZ39" s="927" t="s">
        <v>3816</v>
      </c>
      <c r="FNA39" s="927" t="s">
        <v>3816</v>
      </c>
      <c r="FNB39" s="927" t="s">
        <v>3816</v>
      </c>
      <c r="FNC39" s="927" t="s">
        <v>3816</v>
      </c>
      <c r="FND39" s="927" t="s">
        <v>3816</v>
      </c>
      <c r="FNE39" s="927" t="s">
        <v>3816</v>
      </c>
      <c r="FNF39" s="927" t="s">
        <v>3816</v>
      </c>
      <c r="FNG39" s="927" t="s">
        <v>3816</v>
      </c>
      <c r="FNH39" s="927" t="s">
        <v>3816</v>
      </c>
      <c r="FNI39" s="927" t="s">
        <v>3816</v>
      </c>
      <c r="FNJ39" s="927" t="s">
        <v>3816</v>
      </c>
      <c r="FNK39" s="927" t="s">
        <v>3816</v>
      </c>
      <c r="FNL39" s="927" t="s">
        <v>3816</v>
      </c>
      <c r="FNM39" s="927" t="s">
        <v>3816</v>
      </c>
      <c r="FNN39" s="927" t="s">
        <v>3816</v>
      </c>
      <c r="FNO39" s="927" t="s">
        <v>3816</v>
      </c>
      <c r="FNP39" s="927" t="s">
        <v>3816</v>
      </c>
      <c r="FNQ39" s="927" t="s">
        <v>3816</v>
      </c>
      <c r="FNR39" s="927" t="s">
        <v>3816</v>
      </c>
      <c r="FNS39" s="927" t="s">
        <v>3816</v>
      </c>
      <c r="FNT39" s="927" t="s">
        <v>3816</v>
      </c>
      <c r="FNU39" s="927" t="s">
        <v>3816</v>
      </c>
      <c r="FNV39" s="927" t="s">
        <v>3816</v>
      </c>
      <c r="FNW39" s="927" t="s">
        <v>3816</v>
      </c>
      <c r="FNX39" s="927" t="s">
        <v>3816</v>
      </c>
      <c r="FNY39" s="927" t="s">
        <v>3816</v>
      </c>
      <c r="FNZ39" s="927" t="s">
        <v>3816</v>
      </c>
      <c r="FOA39" s="927" t="s">
        <v>3816</v>
      </c>
      <c r="FOB39" s="927" t="s">
        <v>3816</v>
      </c>
      <c r="FOC39" s="927" t="s">
        <v>3816</v>
      </c>
      <c r="FOD39" s="927" t="s">
        <v>3816</v>
      </c>
      <c r="FOE39" s="927" t="s">
        <v>3816</v>
      </c>
      <c r="FOF39" s="927" t="s">
        <v>3816</v>
      </c>
      <c r="FOG39" s="927" t="s">
        <v>3816</v>
      </c>
      <c r="FOH39" s="927" t="s">
        <v>3816</v>
      </c>
      <c r="FOI39" s="927" t="s">
        <v>3816</v>
      </c>
      <c r="FOJ39" s="927" t="s">
        <v>3816</v>
      </c>
      <c r="FOK39" s="927" t="s">
        <v>3816</v>
      </c>
      <c r="FOL39" s="927" t="s">
        <v>3816</v>
      </c>
      <c r="FOM39" s="927" t="s">
        <v>3816</v>
      </c>
      <c r="FON39" s="927" t="s">
        <v>3816</v>
      </c>
      <c r="FOO39" s="927" t="s">
        <v>3816</v>
      </c>
      <c r="FOP39" s="927" t="s">
        <v>3816</v>
      </c>
      <c r="FOQ39" s="927" t="s">
        <v>3816</v>
      </c>
      <c r="FOR39" s="927" t="s">
        <v>3816</v>
      </c>
      <c r="FOS39" s="927" t="s">
        <v>3816</v>
      </c>
      <c r="FOT39" s="927" t="s">
        <v>3816</v>
      </c>
      <c r="FOU39" s="927" t="s">
        <v>3816</v>
      </c>
      <c r="FOV39" s="927" t="s">
        <v>3816</v>
      </c>
      <c r="FOW39" s="927" t="s">
        <v>3816</v>
      </c>
      <c r="FOX39" s="927" t="s">
        <v>3816</v>
      </c>
      <c r="FOY39" s="927" t="s">
        <v>3816</v>
      </c>
      <c r="FOZ39" s="927" t="s">
        <v>3816</v>
      </c>
      <c r="FPA39" s="927" t="s">
        <v>3816</v>
      </c>
      <c r="FPB39" s="927" t="s">
        <v>3816</v>
      </c>
      <c r="FPC39" s="927" t="s">
        <v>3816</v>
      </c>
      <c r="FPD39" s="927" t="s">
        <v>3816</v>
      </c>
      <c r="FPE39" s="927" t="s">
        <v>3816</v>
      </c>
      <c r="FPF39" s="927" t="s">
        <v>3816</v>
      </c>
      <c r="FPG39" s="927" t="s">
        <v>3816</v>
      </c>
      <c r="FPH39" s="927" t="s">
        <v>3816</v>
      </c>
      <c r="FPI39" s="927" t="s">
        <v>3816</v>
      </c>
      <c r="FPJ39" s="927" t="s">
        <v>3816</v>
      </c>
      <c r="FPK39" s="927" t="s">
        <v>3816</v>
      </c>
      <c r="FPL39" s="927" t="s">
        <v>3816</v>
      </c>
      <c r="FPM39" s="927" t="s">
        <v>3816</v>
      </c>
      <c r="FPN39" s="927" t="s">
        <v>3816</v>
      </c>
      <c r="FPO39" s="927" t="s">
        <v>3816</v>
      </c>
      <c r="FPP39" s="927" t="s">
        <v>3816</v>
      </c>
      <c r="FPQ39" s="927" t="s">
        <v>3816</v>
      </c>
      <c r="FPR39" s="927" t="s">
        <v>3816</v>
      </c>
      <c r="FPS39" s="927" t="s">
        <v>3816</v>
      </c>
      <c r="FPT39" s="927" t="s">
        <v>3816</v>
      </c>
      <c r="FPU39" s="927" t="s">
        <v>3816</v>
      </c>
      <c r="FPV39" s="927" t="s">
        <v>3816</v>
      </c>
      <c r="FPW39" s="927" t="s">
        <v>3816</v>
      </c>
      <c r="FPX39" s="927" t="s">
        <v>3816</v>
      </c>
      <c r="FPY39" s="927" t="s">
        <v>3816</v>
      </c>
      <c r="FPZ39" s="927" t="s">
        <v>3816</v>
      </c>
      <c r="FQA39" s="927" t="s">
        <v>3816</v>
      </c>
      <c r="FQB39" s="927" t="s">
        <v>3816</v>
      </c>
      <c r="FQC39" s="927" t="s">
        <v>3816</v>
      </c>
      <c r="FQD39" s="927" t="s">
        <v>3816</v>
      </c>
      <c r="FQE39" s="927" t="s">
        <v>3816</v>
      </c>
      <c r="FQF39" s="927" t="s">
        <v>3816</v>
      </c>
      <c r="FQG39" s="927" t="s">
        <v>3816</v>
      </c>
      <c r="FQH39" s="927" t="s">
        <v>3816</v>
      </c>
      <c r="FQI39" s="927" t="s">
        <v>3816</v>
      </c>
      <c r="FQJ39" s="927" t="s">
        <v>3816</v>
      </c>
      <c r="FQK39" s="927" t="s">
        <v>3816</v>
      </c>
      <c r="FQL39" s="927" t="s">
        <v>3816</v>
      </c>
      <c r="FQM39" s="927" t="s">
        <v>3816</v>
      </c>
      <c r="FQN39" s="927" t="s">
        <v>3816</v>
      </c>
      <c r="FQO39" s="927" t="s">
        <v>3816</v>
      </c>
      <c r="FQP39" s="927" t="s">
        <v>3816</v>
      </c>
      <c r="FQQ39" s="927" t="s">
        <v>3816</v>
      </c>
      <c r="FQR39" s="927" t="s">
        <v>3816</v>
      </c>
      <c r="FQS39" s="927" t="s">
        <v>3816</v>
      </c>
      <c r="FQT39" s="927" t="s">
        <v>3816</v>
      </c>
      <c r="FQU39" s="927" t="s">
        <v>3816</v>
      </c>
      <c r="FQV39" s="927" t="s">
        <v>3816</v>
      </c>
      <c r="FQW39" s="927" t="s">
        <v>3816</v>
      </c>
      <c r="FQX39" s="927" t="s">
        <v>3816</v>
      </c>
      <c r="FQY39" s="927" t="s">
        <v>3816</v>
      </c>
      <c r="FQZ39" s="927" t="s">
        <v>3816</v>
      </c>
      <c r="FRA39" s="927" t="s">
        <v>3816</v>
      </c>
      <c r="FRB39" s="927" t="s">
        <v>3816</v>
      </c>
      <c r="FRC39" s="927" t="s">
        <v>3816</v>
      </c>
      <c r="FRD39" s="927" t="s">
        <v>3816</v>
      </c>
      <c r="FRE39" s="927" t="s">
        <v>3816</v>
      </c>
      <c r="FRF39" s="927" t="s">
        <v>3816</v>
      </c>
      <c r="FRG39" s="927" t="s">
        <v>3816</v>
      </c>
      <c r="FRH39" s="927" t="s">
        <v>3816</v>
      </c>
      <c r="FRI39" s="927" t="s">
        <v>3816</v>
      </c>
      <c r="FRJ39" s="927" t="s">
        <v>3816</v>
      </c>
      <c r="FRK39" s="927" t="s">
        <v>3816</v>
      </c>
      <c r="FRL39" s="927" t="s">
        <v>3816</v>
      </c>
      <c r="FRM39" s="927" t="s">
        <v>3816</v>
      </c>
      <c r="FRN39" s="927" t="s">
        <v>3816</v>
      </c>
      <c r="FRO39" s="927" t="s">
        <v>3816</v>
      </c>
      <c r="FRP39" s="927" t="s">
        <v>3816</v>
      </c>
      <c r="FRQ39" s="927" t="s">
        <v>3816</v>
      </c>
      <c r="FRR39" s="927" t="s">
        <v>3816</v>
      </c>
      <c r="FRS39" s="927" t="s">
        <v>3816</v>
      </c>
      <c r="FRT39" s="927" t="s">
        <v>3816</v>
      </c>
      <c r="FRU39" s="927" t="s">
        <v>3816</v>
      </c>
      <c r="FRV39" s="927" t="s">
        <v>3816</v>
      </c>
      <c r="FRW39" s="927" t="s">
        <v>3816</v>
      </c>
      <c r="FRX39" s="927" t="s">
        <v>3816</v>
      </c>
      <c r="FRY39" s="927" t="s">
        <v>3816</v>
      </c>
      <c r="FRZ39" s="927" t="s">
        <v>3816</v>
      </c>
      <c r="FSA39" s="927" t="s">
        <v>3816</v>
      </c>
      <c r="FSB39" s="927" t="s">
        <v>3816</v>
      </c>
      <c r="FSC39" s="927" t="s">
        <v>3816</v>
      </c>
      <c r="FSD39" s="927" t="s">
        <v>3816</v>
      </c>
      <c r="FSE39" s="927" t="s">
        <v>3816</v>
      </c>
      <c r="FSF39" s="927" t="s">
        <v>3816</v>
      </c>
      <c r="FSG39" s="927" t="s">
        <v>3816</v>
      </c>
      <c r="FSH39" s="927" t="s">
        <v>3816</v>
      </c>
      <c r="FSI39" s="927" t="s">
        <v>3816</v>
      </c>
      <c r="FSJ39" s="927" t="s">
        <v>3816</v>
      </c>
      <c r="FSK39" s="927" t="s">
        <v>3816</v>
      </c>
      <c r="FSL39" s="927" t="s">
        <v>3816</v>
      </c>
      <c r="FSM39" s="927" t="s">
        <v>3816</v>
      </c>
      <c r="FSN39" s="927" t="s">
        <v>3816</v>
      </c>
      <c r="FSO39" s="927" t="s">
        <v>3816</v>
      </c>
      <c r="FSP39" s="927" t="s">
        <v>3816</v>
      </c>
      <c r="FSQ39" s="927" t="s">
        <v>3816</v>
      </c>
      <c r="FSR39" s="927" t="s">
        <v>3816</v>
      </c>
      <c r="FSS39" s="927" t="s">
        <v>3816</v>
      </c>
      <c r="FST39" s="927" t="s">
        <v>3816</v>
      </c>
      <c r="FSU39" s="927" t="s">
        <v>3816</v>
      </c>
      <c r="FSV39" s="927" t="s">
        <v>3816</v>
      </c>
      <c r="FSW39" s="927" t="s">
        <v>3816</v>
      </c>
      <c r="FSX39" s="927" t="s">
        <v>3816</v>
      </c>
      <c r="FSY39" s="927" t="s">
        <v>3816</v>
      </c>
      <c r="FSZ39" s="927" t="s">
        <v>3816</v>
      </c>
      <c r="FTA39" s="927" t="s">
        <v>3816</v>
      </c>
      <c r="FTB39" s="927" t="s">
        <v>3816</v>
      </c>
      <c r="FTC39" s="927" t="s">
        <v>3816</v>
      </c>
      <c r="FTD39" s="927" t="s">
        <v>3816</v>
      </c>
      <c r="FTE39" s="927" t="s">
        <v>3816</v>
      </c>
      <c r="FTF39" s="927" t="s">
        <v>3816</v>
      </c>
      <c r="FTG39" s="927" t="s">
        <v>3816</v>
      </c>
      <c r="FTH39" s="927" t="s">
        <v>3816</v>
      </c>
      <c r="FTI39" s="927" t="s">
        <v>3816</v>
      </c>
      <c r="FTJ39" s="927" t="s">
        <v>3816</v>
      </c>
      <c r="FTK39" s="927" t="s">
        <v>3816</v>
      </c>
      <c r="FTL39" s="927" t="s">
        <v>3816</v>
      </c>
      <c r="FTM39" s="927" t="s">
        <v>3816</v>
      </c>
      <c r="FTN39" s="927" t="s">
        <v>3816</v>
      </c>
      <c r="FTO39" s="927" t="s">
        <v>3816</v>
      </c>
      <c r="FTP39" s="927" t="s">
        <v>3816</v>
      </c>
      <c r="FTQ39" s="927" t="s">
        <v>3816</v>
      </c>
      <c r="FTR39" s="927" t="s">
        <v>3816</v>
      </c>
      <c r="FTS39" s="927" t="s">
        <v>3816</v>
      </c>
      <c r="FTT39" s="927" t="s">
        <v>3816</v>
      </c>
      <c r="FTU39" s="927" t="s">
        <v>3816</v>
      </c>
      <c r="FTV39" s="927" t="s">
        <v>3816</v>
      </c>
      <c r="FTW39" s="927" t="s">
        <v>3816</v>
      </c>
      <c r="FTX39" s="927" t="s">
        <v>3816</v>
      </c>
      <c r="FTY39" s="927" t="s">
        <v>3816</v>
      </c>
      <c r="FTZ39" s="927" t="s">
        <v>3816</v>
      </c>
      <c r="FUA39" s="927" t="s">
        <v>3816</v>
      </c>
      <c r="FUB39" s="927" t="s">
        <v>3816</v>
      </c>
      <c r="FUC39" s="927" t="s">
        <v>3816</v>
      </c>
      <c r="FUD39" s="927" t="s">
        <v>3816</v>
      </c>
      <c r="FUE39" s="927" t="s">
        <v>3816</v>
      </c>
      <c r="FUF39" s="927" t="s">
        <v>3816</v>
      </c>
      <c r="FUG39" s="927" t="s">
        <v>3816</v>
      </c>
      <c r="FUH39" s="927" t="s">
        <v>3816</v>
      </c>
      <c r="FUI39" s="927" t="s">
        <v>3816</v>
      </c>
      <c r="FUJ39" s="927" t="s">
        <v>3816</v>
      </c>
      <c r="FUK39" s="927" t="s">
        <v>3816</v>
      </c>
      <c r="FUL39" s="927" t="s">
        <v>3816</v>
      </c>
      <c r="FUM39" s="927" t="s">
        <v>3816</v>
      </c>
      <c r="FUN39" s="927" t="s">
        <v>3816</v>
      </c>
      <c r="FUO39" s="927" t="s">
        <v>3816</v>
      </c>
      <c r="FUP39" s="927" t="s">
        <v>3816</v>
      </c>
      <c r="FUQ39" s="927" t="s">
        <v>3816</v>
      </c>
      <c r="FUR39" s="927" t="s">
        <v>3816</v>
      </c>
      <c r="FUS39" s="927" t="s">
        <v>3816</v>
      </c>
      <c r="FUT39" s="927" t="s">
        <v>3816</v>
      </c>
      <c r="FUU39" s="927" t="s">
        <v>3816</v>
      </c>
      <c r="FUV39" s="927" t="s">
        <v>3816</v>
      </c>
      <c r="FUW39" s="927" t="s">
        <v>3816</v>
      </c>
      <c r="FUX39" s="927" t="s">
        <v>3816</v>
      </c>
      <c r="FUY39" s="927" t="s">
        <v>3816</v>
      </c>
      <c r="FUZ39" s="927" t="s">
        <v>3816</v>
      </c>
      <c r="FVA39" s="927" t="s">
        <v>3816</v>
      </c>
      <c r="FVB39" s="927" t="s">
        <v>3816</v>
      </c>
      <c r="FVC39" s="927" t="s">
        <v>3816</v>
      </c>
      <c r="FVD39" s="927" t="s">
        <v>3816</v>
      </c>
      <c r="FVE39" s="927" t="s">
        <v>3816</v>
      </c>
      <c r="FVF39" s="927" t="s">
        <v>3816</v>
      </c>
      <c r="FVG39" s="927" t="s">
        <v>3816</v>
      </c>
      <c r="FVH39" s="927" t="s">
        <v>3816</v>
      </c>
      <c r="FVI39" s="927" t="s">
        <v>3816</v>
      </c>
      <c r="FVJ39" s="927" t="s">
        <v>3816</v>
      </c>
      <c r="FVK39" s="927" t="s">
        <v>3816</v>
      </c>
      <c r="FVL39" s="927" t="s">
        <v>3816</v>
      </c>
      <c r="FVM39" s="927" t="s">
        <v>3816</v>
      </c>
      <c r="FVN39" s="927" t="s">
        <v>3816</v>
      </c>
      <c r="FVO39" s="927" t="s">
        <v>3816</v>
      </c>
      <c r="FVP39" s="927" t="s">
        <v>3816</v>
      </c>
      <c r="FVQ39" s="927" t="s">
        <v>3816</v>
      </c>
      <c r="FVR39" s="927" t="s">
        <v>3816</v>
      </c>
      <c r="FVS39" s="927" t="s">
        <v>3816</v>
      </c>
      <c r="FVT39" s="927" t="s">
        <v>3816</v>
      </c>
      <c r="FVU39" s="927" t="s">
        <v>3816</v>
      </c>
      <c r="FVV39" s="927" t="s">
        <v>3816</v>
      </c>
      <c r="FVW39" s="927" t="s">
        <v>3816</v>
      </c>
      <c r="FVX39" s="927" t="s">
        <v>3816</v>
      </c>
      <c r="FVY39" s="927" t="s">
        <v>3816</v>
      </c>
      <c r="FVZ39" s="927" t="s">
        <v>3816</v>
      </c>
      <c r="FWA39" s="927" t="s">
        <v>3816</v>
      </c>
      <c r="FWB39" s="927" t="s">
        <v>3816</v>
      </c>
      <c r="FWC39" s="927" t="s">
        <v>3816</v>
      </c>
      <c r="FWD39" s="927" t="s">
        <v>3816</v>
      </c>
      <c r="FWE39" s="927" t="s">
        <v>3816</v>
      </c>
      <c r="FWF39" s="927" t="s">
        <v>3816</v>
      </c>
      <c r="FWG39" s="927" t="s">
        <v>3816</v>
      </c>
      <c r="FWH39" s="927" t="s">
        <v>3816</v>
      </c>
      <c r="FWI39" s="927" t="s">
        <v>3816</v>
      </c>
      <c r="FWJ39" s="927" t="s">
        <v>3816</v>
      </c>
      <c r="FWK39" s="927" t="s">
        <v>3816</v>
      </c>
      <c r="FWL39" s="927" t="s">
        <v>3816</v>
      </c>
      <c r="FWM39" s="927" t="s">
        <v>3816</v>
      </c>
      <c r="FWN39" s="927" t="s">
        <v>3816</v>
      </c>
      <c r="FWO39" s="927" t="s">
        <v>3816</v>
      </c>
      <c r="FWP39" s="927" t="s">
        <v>3816</v>
      </c>
      <c r="FWQ39" s="927" t="s">
        <v>3816</v>
      </c>
      <c r="FWR39" s="927" t="s">
        <v>3816</v>
      </c>
      <c r="FWS39" s="927" t="s">
        <v>3816</v>
      </c>
      <c r="FWT39" s="927" t="s">
        <v>3816</v>
      </c>
      <c r="FWU39" s="927" t="s">
        <v>3816</v>
      </c>
      <c r="FWV39" s="927" t="s">
        <v>3816</v>
      </c>
      <c r="FWW39" s="927" t="s">
        <v>3816</v>
      </c>
      <c r="FWX39" s="927" t="s">
        <v>3816</v>
      </c>
      <c r="FWY39" s="927" t="s">
        <v>3816</v>
      </c>
      <c r="FWZ39" s="927" t="s">
        <v>3816</v>
      </c>
      <c r="FXA39" s="927" t="s">
        <v>3816</v>
      </c>
      <c r="FXB39" s="927" t="s">
        <v>3816</v>
      </c>
      <c r="FXC39" s="927" t="s">
        <v>3816</v>
      </c>
      <c r="FXD39" s="927" t="s">
        <v>3816</v>
      </c>
      <c r="FXE39" s="927" t="s">
        <v>3816</v>
      </c>
      <c r="FXF39" s="927" t="s">
        <v>3816</v>
      </c>
      <c r="FXG39" s="927" t="s">
        <v>3816</v>
      </c>
      <c r="FXH39" s="927" t="s">
        <v>3816</v>
      </c>
      <c r="FXI39" s="927" t="s">
        <v>3816</v>
      </c>
      <c r="FXJ39" s="927" t="s">
        <v>3816</v>
      </c>
      <c r="FXK39" s="927" t="s">
        <v>3816</v>
      </c>
      <c r="FXL39" s="927" t="s">
        <v>3816</v>
      </c>
      <c r="FXM39" s="927" t="s">
        <v>3816</v>
      </c>
      <c r="FXN39" s="927" t="s">
        <v>3816</v>
      </c>
      <c r="FXO39" s="927" t="s">
        <v>3816</v>
      </c>
      <c r="FXP39" s="927" t="s">
        <v>3816</v>
      </c>
      <c r="FXQ39" s="927" t="s">
        <v>3816</v>
      </c>
      <c r="FXR39" s="927" t="s">
        <v>3816</v>
      </c>
      <c r="FXS39" s="927" t="s">
        <v>3816</v>
      </c>
      <c r="FXT39" s="927" t="s">
        <v>3816</v>
      </c>
      <c r="FXU39" s="927" t="s">
        <v>3816</v>
      </c>
      <c r="FXV39" s="927" t="s">
        <v>3816</v>
      </c>
      <c r="FXW39" s="927" t="s">
        <v>3816</v>
      </c>
      <c r="FXX39" s="927" t="s">
        <v>3816</v>
      </c>
      <c r="FXY39" s="927" t="s">
        <v>3816</v>
      </c>
      <c r="FXZ39" s="927" t="s">
        <v>3816</v>
      </c>
      <c r="FYA39" s="927" t="s">
        <v>3816</v>
      </c>
      <c r="FYB39" s="927" t="s">
        <v>3816</v>
      </c>
      <c r="FYC39" s="927" t="s">
        <v>3816</v>
      </c>
      <c r="FYD39" s="927" t="s">
        <v>3816</v>
      </c>
      <c r="FYE39" s="927" t="s">
        <v>3816</v>
      </c>
      <c r="FYF39" s="927" t="s">
        <v>3816</v>
      </c>
      <c r="FYG39" s="927" t="s">
        <v>3816</v>
      </c>
      <c r="FYH39" s="927" t="s">
        <v>3816</v>
      </c>
      <c r="FYI39" s="927" t="s">
        <v>3816</v>
      </c>
      <c r="FYJ39" s="927" t="s">
        <v>3816</v>
      </c>
      <c r="FYK39" s="927" t="s">
        <v>3816</v>
      </c>
      <c r="FYL39" s="927" t="s">
        <v>3816</v>
      </c>
      <c r="FYM39" s="927" t="s">
        <v>3816</v>
      </c>
      <c r="FYN39" s="927" t="s">
        <v>3816</v>
      </c>
      <c r="FYO39" s="927" t="s">
        <v>3816</v>
      </c>
      <c r="FYP39" s="927" t="s">
        <v>3816</v>
      </c>
      <c r="FYQ39" s="927" t="s">
        <v>3816</v>
      </c>
      <c r="FYR39" s="927" t="s">
        <v>3816</v>
      </c>
      <c r="FYS39" s="927" t="s">
        <v>3816</v>
      </c>
      <c r="FYT39" s="927" t="s">
        <v>3816</v>
      </c>
      <c r="FYU39" s="927" t="s">
        <v>3816</v>
      </c>
      <c r="FYV39" s="927" t="s">
        <v>3816</v>
      </c>
      <c r="FYW39" s="927" t="s">
        <v>3816</v>
      </c>
      <c r="FYX39" s="927" t="s">
        <v>3816</v>
      </c>
      <c r="FYY39" s="927" t="s">
        <v>3816</v>
      </c>
      <c r="FYZ39" s="927" t="s">
        <v>3816</v>
      </c>
      <c r="FZA39" s="927" t="s">
        <v>3816</v>
      </c>
      <c r="FZB39" s="927" t="s">
        <v>3816</v>
      </c>
      <c r="FZC39" s="927" t="s">
        <v>3816</v>
      </c>
      <c r="FZD39" s="927" t="s">
        <v>3816</v>
      </c>
      <c r="FZE39" s="927" t="s">
        <v>3816</v>
      </c>
      <c r="FZF39" s="927" t="s">
        <v>3816</v>
      </c>
      <c r="FZG39" s="927" t="s">
        <v>3816</v>
      </c>
      <c r="FZH39" s="927" t="s">
        <v>3816</v>
      </c>
      <c r="FZI39" s="927" t="s">
        <v>3816</v>
      </c>
      <c r="FZJ39" s="927" t="s">
        <v>3816</v>
      </c>
      <c r="FZK39" s="927" t="s">
        <v>3816</v>
      </c>
      <c r="FZL39" s="927" t="s">
        <v>3816</v>
      </c>
      <c r="FZM39" s="927" t="s">
        <v>3816</v>
      </c>
      <c r="FZN39" s="927" t="s">
        <v>3816</v>
      </c>
      <c r="FZO39" s="927" t="s">
        <v>3816</v>
      </c>
      <c r="FZP39" s="927" t="s">
        <v>3816</v>
      </c>
      <c r="FZQ39" s="927" t="s">
        <v>3816</v>
      </c>
      <c r="FZR39" s="927" t="s">
        <v>3816</v>
      </c>
      <c r="FZS39" s="927" t="s">
        <v>3816</v>
      </c>
      <c r="FZT39" s="927" t="s">
        <v>3816</v>
      </c>
      <c r="FZU39" s="927" t="s">
        <v>3816</v>
      </c>
      <c r="FZV39" s="927" t="s">
        <v>3816</v>
      </c>
      <c r="FZW39" s="927" t="s">
        <v>3816</v>
      </c>
      <c r="FZX39" s="927" t="s">
        <v>3816</v>
      </c>
      <c r="FZY39" s="927" t="s">
        <v>3816</v>
      </c>
      <c r="FZZ39" s="927" t="s">
        <v>3816</v>
      </c>
      <c r="GAA39" s="927" t="s">
        <v>3816</v>
      </c>
      <c r="GAB39" s="927" t="s">
        <v>3816</v>
      </c>
      <c r="GAC39" s="927" t="s">
        <v>3816</v>
      </c>
      <c r="GAD39" s="927" t="s">
        <v>3816</v>
      </c>
      <c r="GAE39" s="927" t="s">
        <v>3816</v>
      </c>
      <c r="GAF39" s="927" t="s">
        <v>3816</v>
      </c>
      <c r="GAG39" s="927" t="s">
        <v>3816</v>
      </c>
      <c r="GAH39" s="927" t="s">
        <v>3816</v>
      </c>
      <c r="GAI39" s="927" t="s">
        <v>3816</v>
      </c>
      <c r="GAJ39" s="927" t="s">
        <v>3816</v>
      </c>
      <c r="GAK39" s="927" t="s">
        <v>3816</v>
      </c>
      <c r="GAL39" s="927" t="s">
        <v>3816</v>
      </c>
      <c r="GAM39" s="927" t="s">
        <v>3816</v>
      </c>
      <c r="GAN39" s="927" t="s">
        <v>3816</v>
      </c>
      <c r="GAO39" s="927" t="s">
        <v>3816</v>
      </c>
      <c r="GAP39" s="927" t="s">
        <v>3816</v>
      </c>
      <c r="GAQ39" s="927" t="s">
        <v>3816</v>
      </c>
      <c r="GAR39" s="927" t="s">
        <v>3816</v>
      </c>
      <c r="GAS39" s="927" t="s">
        <v>3816</v>
      </c>
      <c r="GAT39" s="927" t="s">
        <v>3816</v>
      </c>
      <c r="GAU39" s="927" t="s">
        <v>3816</v>
      </c>
      <c r="GAV39" s="927" t="s">
        <v>3816</v>
      </c>
      <c r="GAW39" s="927" t="s">
        <v>3816</v>
      </c>
      <c r="GAX39" s="927" t="s">
        <v>3816</v>
      </c>
      <c r="GAY39" s="927" t="s">
        <v>3816</v>
      </c>
      <c r="GAZ39" s="927" t="s">
        <v>3816</v>
      </c>
      <c r="GBA39" s="927" t="s">
        <v>3816</v>
      </c>
      <c r="GBB39" s="927" t="s">
        <v>3816</v>
      </c>
      <c r="GBC39" s="927" t="s">
        <v>3816</v>
      </c>
      <c r="GBD39" s="927" t="s">
        <v>3816</v>
      </c>
      <c r="GBE39" s="927" t="s">
        <v>3816</v>
      </c>
      <c r="GBF39" s="927" t="s">
        <v>3816</v>
      </c>
      <c r="GBG39" s="927" t="s">
        <v>3816</v>
      </c>
      <c r="GBH39" s="927" t="s">
        <v>3816</v>
      </c>
      <c r="GBI39" s="927" t="s">
        <v>3816</v>
      </c>
      <c r="GBJ39" s="927" t="s">
        <v>3816</v>
      </c>
      <c r="GBK39" s="927" t="s">
        <v>3816</v>
      </c>
      <c r="GBL39" s="927" t="s">
        <v>3816</v>
      </c>
      <c r="GBM39" s="927" t="s">
        <v>3816</v>
      </c>
      <c r="GBN39" s="927" t="s">
        <v>3816</v>
      </c>
      <c r="GBO39" s="927" t="s">
        <v>3816</v>
      </c>
      <c r="GBP39" s="927" t="s">
        <v>3816</v>
      </c>
      <c r="GBQ39" s="927" t="s">
        <v>3816</v>
      </c>
      <c r="GBR39" s="927" t="s">
        <v>3816</v>
      </c>
      <c r="GBS39" s="927" t="s">
        <v>3816</v>
      </c>
      <c r="GBT39" s="927" t="s">
        <v>3816</v>
      </c>
      <c r="GBU39" s="927" t="s">
        <v>3816</v>
      </c>
      <c r="GBV39" s="927" t="s">
        <v>3816</v>
      </c>
      <c r="GBW39" s="927" t="s">
        <v>3816</v>
      </c>
      <c r="GBX39" s="927" t="s">
        <v>3816</v>
      </c>
      <c r="GBY39" s="927" t="s">
        <v>3816</v>
      </c>
      <c r="GBZ39" s="927" t="s">
        <v>3816</v>
      </c>
      <c r="GCA39" s="927" t="s">
        <v>3816</v>
      </c>
      <c r="GCB39" s="927" t="s">
        <v>3816</v>
      </c>
      <c r="GCC39" s="927" t="s">
        <v>3816</v>
      </c>
      <c r="GCD39" s="927" t="s">
        <v>3816</v>
      </c>
      <c r="GCE39" s="927" t="s">
        <v>3816</v>
      </c>
      <c r="GCF39" s="927" t="s">
        <v>3816</v>
      </c>
      <c r="GCG39" s="927" t="s">
        <v>3816</v>
      </c>
      <c r="GCH39" s="927" t="s">
        <v>3816</v>
      </c>
      <c r="GCI39" s="927" t="s">
        <v>3816</v>
      </c>
      <c r="GCJ39" s="927" t="s">
        <v>3816</v>
      </c>
      <c r="GCK39" s="927" t="s">
        <v>3816</v>
      </c>
      <c r="GCL39" s="927" t="s">
        <v>3816</v>
      </c>
      <c r="GCM39" s="927" t="s">
        <v>3816</v>
      </c>
      <c r="GCN39" s="927" t="s">
        <v>3816</v>
      </c>
      <c r="GCO39" s="927" t="s">
        <v>3816</v>
      </c>
      <c r="GCP39" s="927" t="s">
        <v>3816</v>
      </c>
      <c r="GCQ39" s="927" t="s">
        <v>3816</v>
      </c>
      <c r="GCR39" s="927" t="s">
        <v>3816</v>
      </c>
      <c r="GCS39" s="927" t="s">
        <v>3816</v>
      </c>
      <c r="GCT39" s="927" t="s">
        <v>3816</v>
      </c>
      <c r="GCU39" s="927" t="s">
        <v>3816</v>
      </c>
      <c r="GCV39" s="927" t="s">
        <v>3816</v>
      </c>
      <c r="GCW39" s="927" t="s">
        <v>3816</v>
      </c>
      <c r="GCX39" s="927" t="s">
        <v>3816</v>
      </c>
      <c r="GCY39" s="927" t="s">
        <v>3816</v>
      </c>
      <c r="GCZ39" s="927" t="s">
        <v>3816</v>
      </c>
      <c r="GDA39" s="927" t="s">
        <v>3816</v>
      </c>
      <c r="GDB39" s="927" t="s">
        <v>3816</v>
      </c>
      <c r="GDC39" s="927" t="s">
        <v>3816</v>
      </c>
      <c r="GDD39" s="927" t="s">
        <v>3816</v>
      </c>
      <c r="GDE39" s="927" t="s">
        <v>3816</v>
      </c>
      <c r="GDF39" s="927" t="s">
        <v>3816</v>
      </c>
      <c r="GDG39" s="927" t="s">
        <v>3816</v>
      </c>
      <c r="GDH39" s="927" t="s">
        <v>3816</v>
      </c>
      <c r="GDI39" s="927" t="s">
        <v>3816</v>
      </c>
      <c r="GDJ39" s="927" t="s">
        <v>3816</v>
      </c>
      <c r="GDK39" s="927" t="s">
        <v>3816</v>
      </c>
      <c r="GDL39" s="927" t="s">
        <v>3816</v>
      </c>
      <c r="GDM39" s="927" t="s">
        <v>3816</v>
      </c>
      <c r="GDN39" s="927" t="s">
        <v>3816</v>
      </c>
      <c r="GDO39" s="927" t="s">
        <v>3816</v>
      </c>
      <c r="GDP39" s="927" t="s">
        <v>3816</v>
      </c>
      <c r="GDQ39" s="927" t="s">
        <v>3816</v>
      </c>
      <c r="GDR39" s="927" t="s">
        <v>3816</v>
      </c>
      <c r="GDS39" s="927" t="s">
        <v>3816</v>
      </c>
      <c r="GDT39" s="927" t="s">
        <v>3816</v>
      </c>
      <c r="GDU39" s="927" t="s">
        <v>3816</v>
      </c>
      <c r="GDV39" s="927" t="s">
        <v>3816</v>
      </c>
      <c r="GDW39" s="927" t="s">
        <v>3816</v>
      </c>
      <c r="GDX39" s="927" t="s">
        <v>3816</v>
      </c>
      <c r="GDY39" s="927" t="s">
        <v>3816</v>
      </c>
      <c r="GDZ39" s="927" t="s">
        <v>3816</v>
      </c>
      <c r="GEA39" s="927" t="s">
        <v>3816</v>
      </c>
      <c r="GEB39" s="927" t="s">
        <v>3816</v>
      </c>
      <c r="GEC39" s="927" t="s">
        <v>3816</v>
      </c>
      <c r="GED39" s="927" t="s">
        <v>3816</v>
      </c>
      <c r="GEE39" s="927" t="s">
        <v>3816</v>
      </c>
      <c r="GEF39" s="927" t="s">
        <v>3816</v>
      </c>
      <c r="GEG39" s="927" t="s">
        <v>3816</v>
      </c>
      <c r="GEH39" s="927" t="s">
        <v>3816</v>
      </c>
      <c r="GEI39" s="927" t="s">
        <v>3816</v>
      </c>
      <c r="GEJ39" s="927" t="s">
        <v>3816</v>
      </c>
      <c r="GEK39" s="927" t="s">
        <v>3816</v>
      </c>
      <c r="GEL39" s="927" t="s">
        <v>3816</v>
      </c>
      <c r="GEM39" s="927" t="s">
        <v>3816</v>
      </c>
      <c r="GEN39" s="927" t="s">
        <v>3816</v>
      </c>
      <c r="GEO39" s="927" t="s">
        <v>3816</v>
      </c>
      <c r="GEP39" s="927" t="s">
        <v>3816</v>
      </c>
      <c r="GEQ39" s="927" t="s">
        <v>3816</v>
      </c>
      <c r="GER39" s="927" t="s">
        <v>3816</v>
      </c>
      <c r="GES39" s="927" t="s">
        <v>3816</v>
      </c>
      <c r="GET39" s="927" t="s">
        <v>3816</v>
      </c>
      <c r="GEU39" s="927" t="s">
        <v>3816</v>
      </c>
      <c r="GEV39" s="927" t="s">
        <v>3816</v>
      </c>
      <c r="GEW39" s="927" t="s">
        <v>3816</v>
      </c>
      <c r="GEX39" s="927" t="s">
        <v>3816</v>
      </c>
      <c r="GEY39" s="927" t="s">
        <v>3816</v>
      </c>
      <c r="GEZ39" s="927" t="s">
        <v>3816</v>
      </c>
      <c r="GFA39" s="927" t="s">
        <v>3816</v>
      </c>
      <c r="GFB39" s="927" t="s">
        <v>3816</v>
      </c>
      <c r="GFC39" s="927" t="s">
        <v>3816</v>
      </c>
      <c r="GFD39" s="927" t="s">
        <v>3816</v>
      </c>
      <c r="GFE39" s="927" t="s">
        <v>3816</v>
      </c>
      <c r="GFF39" s="927" t="s">
        <v>3816</v>
      </c>
      <c r="GFG39" s="927" t="s">
        <v>3816</v>
      </c>
      <c r="GFH39" s="927" t="s">
        <v>3816</v>
      </c>
      <c r="GFI39" s="927" t="s">
        <v>3816</v>
      </c>
      <c r="GFJ39" s="927" t="s">
        <v>3816</v>
      </c>
      <c r="GFK39" s="927" t="s">
        <v>3816</v>
      </c>
      <c r="GFL39" s="927" t="s">
        <v>3816</v>
      </c>
      <c r="GFM39" s="927" t="s">
        <v>3816</v>
      </c>
      <c r="GFN39" s="927" t="s">
        <v>3816</v>
      </c>
      <c r="GFO39" s="927" t="s">
        <v>3816</v>
      </c>
      <c r="GFP39" s="927" t="s">
        <v>3816</v>
      </c>
      <c r="GFQ39" s="927" t="s">
        <v>3816</v>
      </c>
      <c r="GFR39" s="927" t="s">
        <v>3816</v>
      </c>
      <c r="GFS39" s="927" t="s">
        <v>3816</v>
      </c>
      <c r="GFT39" s="927" t="s">
        <v>3816</v>
      </c>
      <c r="GFU39" s="927" t="s">
        <v>3816</v>
      </c>
      <c r="GFV39" s="927" t="s">
        <v>3816</v>
      </c>
      <c r="GFW39" s="927" t="s">
        <v>3816</v>
      </c>
      <c r="GFX39" s="927" t="s">
        <v>3816</v>
      </c>
      <c r="GFY39" s="927" t="s">
        <v>3816</v>
      </c>
      <c r="GFZ39" s="927" t="s">
        <v>3816</v>
      </c>
      <c r="GGA39" s="927" t="s">
        <v>3816</v>
      </c>
      <c r="GGB39" s="927" t="s">
        <v>3816</v>
      </c>
      <c r="GGC39" s="927" t="s">
        <v>3816</v>
      </c>
      <c r="GGD39" s="927" t="s">
        <v>3816</v>
      </c>
      <c r="GGE39" s="927" t="s">
        <v>3816</v>
      </c>
      <c r="GGF39" s="927" t="s">
        <v>3816</v>
      </c>
      <c r="GGG39" s="927" t="s">
        <v>3816</v>
      </c>
      <c r="GGH39" s="927" t="s">
        <v>3816</v>
      </c>
      <c r="GGI39" s="927" t="s">
        <v>3816</v>
      </c>
      <c r="GGJ39" s="927" t="s">
        <v>3816</v>
      </c>
      <c r="GGK39" s="927" t="s">
        <v>3816</v>
      </c>
      <c r="GGL39" s="927" t="s">
        <v>3816</v>
      </c>
      <c r="GGM39" s="927" t="s">
        <v>3816</v>
      </c>
      <c r="GGN39" s="927" t="s">
        <v>3816</v>
      </c>
      <c r="GGO39" s="927" t="s">
        <v>3816</v>
      </c>
      <c r="GGP39" s="927" t="s">
        <v>3816</v>
      </c>
      <c r="GGQ39" s="927" t="s">
        <v>3816</v>
      </c>
      <c r="GGR39" s="927" t="s">
        <v>3816</v>
      </c>
      <c r="GGS39" s="927" t="s">
        <v>3816</v>
      </c>
      <c r="GGT39" s="927" t="s">
        <v>3816</v>
      </c>
      <c r="GGU39" s="927" t="s">
        <v>3816</v>
      </c>
      <c r="GGV39" s="927" t="s">
        <v>3816</v>
      </c>
      <c r="GGW39" s="927" t="s">
        <v>3816</v>
      </c>
      <c r="GGX39" s="927" t="s">
        <v>3816</v>
      </c>
      <c r="GGY39" s="927" t="s">
        <v>3816</v>
      </c>
      <c r="GGZ39" s="927" t="s">
        <v>3816</v>
      </c>
      <c r="GHA39" s="927" t="s">
        <v>3816</v>
      </c>
      <c r="GHB39" s="927" t="s">
        <v>3816</v>
      </c>
      <c r="GHC39" s="927" t="s">
        <v>3816</v>
      </c>
      <c r="GHD39" s="927" t="s">
        <v>3816</v>
      </c>
      <c r="GHE39" s="927" t="s">
        <v>3816</v>
      </c>
      <c r="GHF39" s="927" t="s">
        <v>3816</v>
      </c>
      <c r="GHG39" s="927" t="s">
        <v>3816</v>
      </c>
      <c r="GHH39" s="927" t="s">
        <v>3816</v>
      </c>
      <c r="GHI39" s="927" t="s">
        <v>3816</v>
      </c>
      <c r="GHJ39" s="927" t="s">
        <v>3816</v>
      </c>
      <c r="GHK39" s="927" t="s">
        <v>3816</v>
      </c>
      <c r="GHL39" s="927" t="s">
        <v>3816</v>
      </c>
      <c r="GHM39" s="927" t="s">
        <v>3816</v>
      </c>
      <c r="GHN39" s="927" t="s">
        <v>3816</v>
      </c>
      <c r="GHO39" s="927" t="s">
        <v>3816</v>
      </c>
      <c r="GHP39" s="927" t="s">
        <v>3816</v>
      </c>
      <c r="GHQ39" s="927" t="s">
        <v>3816</v>
      </c>
      <c r="GHR39" s="927" t="s">
        <v>3816</v>
      </c>
      <c r="GHS39" s="927" t="s">
        <v>3816</v>
      </c>
      <c r="GHT39" s="927" t="s">
        <v>3816</v>
      </c>
      <c r="GHU39" s="927" t="s">
        <v>3816</v>
      </c>
      <c r="GHV39" s="927" t="s">
        <v>3816</v>
      </c>
      <c r="GHW39" s="927" t="s">
        <v>3816</v>
      </c>
      <c r="GHX39" s="927" t="s">
        <v>3816</v>
      </c>
      <c r="GHY39" s="927" t="s">
        <v>3816</v>
      </c>
      <c r="GHZ39" s="927" t="s">
        <v>3816</v>
      </c>
      <c r="GIA39" s="927" t="s">
        <v>3816</v>
      </c>
      <c r="GIB39" s="927" t="s">
        <v>3816</v>
      </c>
      <c r="GIC39" s="927" t="s">
        <v>3816</v>
      </c>
      <c r="GID39" s="927" t="s">
        <v>3816</v>
      </c>
      <c r="GIE39" s="927" t="s">
        <v>3816</v>
      </c>
      <c r="GIF39" s="927" t="s">
        <v>3816</v>
      </c>
      <c r="GIG39" s="927" t="s">
        <v>3816</v>
      </c>
      <c r="GIH39" s="927" t="s">
        <v>3816</v>
      </c>
      <c r="GII39" s="927" t="s">
        <v>3816</v>
      </c>
      <c r="GIJ39" s="927" t="s">
        <v>3816</v>
      </c>
      <c r="GIK39" s="927" t="s">
        <v>3816</v>
      </c>
      <c r="GIL39" s="927" t="s">
        <v>3816</v>
      </c>
      <c r="GIM39" s="927" t="s">
        <v>3816</v>
      </c>
      <c r="GIN39" s="927" t="s">
        <v>3816</v>
      </c>
      <c r="GIO39" s="927" t="s">
        <v>3816</v>
      </c>
      <c r="GIP39" s="927" t="s">
        <v>3816</v>
      </c>
      <c r="GIQ39" s="927" t="s">
        <v>3816</v>
      </c>
      <c r="GIR39" s="927" t="s">
        <v>3816</v>
      </c>
      <c r="GIS39" s="927" t="s">
        <v>3816</v>
      </c>
      <c r="GIT39" s="927" t="s">
        <v>3816</v>
      </c>
      <c r="GIU39" s="927" t="s">
        <v>3816</v>
      </c>
      <c r="GIV39" s="927" t="s">
        <v>3816</v>
      </c>
      <c r="GIW39" s="927" t="s">
        <v>3816</v>
      </c>
      <c r="GIX39" s="927" t="s">
        <v>3816</v>
      </c>
      <c r="GIY39" s="927" t="s">
        <v>3816</v>
      </c>
      <c r="GIZ39" s="927" t="s">
        <v>3816</v>
      </c>
      <c r="GJA39" s="927" t="s">
        <v>3816</v>
      </c>
      <c r="GJB39" s="927" t="s">
        <v>3816</v>
      </c>
      <c r="GJC39" s="927" t="s">
        <v>3816</v>
      </c>
      <c r="GJD39" s="927" t="s">
        <v>3816</v>
      </c>
      <c r="GJE39" s="927" t="s">
        <v>3816</v>
      </c>
      <c r="GJF39" s="927" t="s">
        <v>3816</v>
      </c>
      <c r="GJG39" s="927" t="s">
        <v>3816</v>
      </c>
      <c r="GJH39" s="927" t="s">
        <v>3816</v>
      </c>
      <c r="GJI39" s="927" t="s">
        <v>3816</v>
      </c>
      <c r="GJJ39" s="927" t="s">
        <v>3816</v>
      </c>
      <c r="GJK39" s="927" t="s">
        <v>3816</v>
      </c>
      <c r="GJL39" s="927" t="s">
        <v>3816</v>
      </c>
      <c r="GJM39" s="927" t="s">
        <v>3816</v>
      </c>
      <c r="GJN39" s="927" t="s">
        <v>3816</v>
      </c>
      <c r="GJO39" s="927" t="s">
        <v>3816</v>
      </c>
      <c r="GJP39" s="927" t="s">
        <v>3816</v>
      </c>
      <c r="GJQ39" s="927" t="s">
        <v>3816</v>
      </c>
      <c r="GJR39" s="927" t="s">
        <v>3816</v>
      </c>
      <c r="GJS39" s="927" t="s">
        <v>3816</v>
      </c>
      <c r="GJT39" s="927" t="s">
        <v>3816</v>
      </c>
      <c r="GJU39" s="927" t="s">
        <v>3816</v>
      </c>
      <c r="GJV39" s="927" t="s">
        <v>3816</v>
      </c>
      <c r="GJW39" s="927" t="s">
        <v>3816</v>
      </c>
      <c r="GJX39" s="927" t="s">
        <v>3816</v>
      </c>
      <c r="GJY39" s="927" t="s">
        <v>3816</v>
      </c>
      <c r="GJZ39" s="927" t="s">
        <v>3816</v>
      </c>
      <c r="GKA39" s="927" t="s">
        <v>3816</v>
      </c>
      <c r="GKB39" s="927" t="s">
        <v>3816</v>
      </c>
      <c r="GKC39" s="927" t="s">
        <v>3816</v>
      </c>
      <c r="GKD39" s="927" t="s">
        <v>3816</v>
      </c>
      <c r="GKE39" s="927" t="s">
        <v>3816</v>
      </c>
      <c r="GKF39" s="927" t="s">
        <v>3816</v>
      </c>
      <c r="GKG39" s="927" t="s">
        <v>3816</v>
      </c>
      <c r="GKH39" s="927" t="s">
        <v>3816</v>
      </c>
      <c r="GKI39" s="927" t="s">
        <v>3816</v>
      </c>
      <c r="GKJ39" s="927" t="s">
        <v>3816</v>
      </c>
      <c r="GKK39" s="927" t="s">
        <v>3816</v>
      </c>
      <c r="GKL39" s="927" t="s">
        <v>3816</v>
      </c>
      <c r="GKM39" s="927" t="s">
        <v>3816</v>
      </c>
      <c r="GKN39" s="927" t="s">
        <v>3816</v>
      </c>
      <c r="GKO39" s="927" t="s">
        <v>3816</v>
      </c>
      <c r="GKP39" s="927" t="s">
        <v>3816</v>
      </c>
      <c r="GKQ39" s="927" t="s">
        <v>3816</v>
      </c>
      <c r="GKR39" s="927" t="s">
        <v>3816</v>
      </c>
      <c r="GKS39" s="927" t="s">
        <v>3816</v>
      </c>
      <c r="GKT39" s="927" t="s">
        <v>3816</v>
      </c>
      <c r="GKU39" s="927" t="s">
        <v>3816</v>
      </c>
      <c r="GKV39" s="927" t="s">
        <v>3816</v>
      </c>
      <c r="GKW39" s="927" t="s">
        <v>3816</v>
      </c>
      <c r="GKX39" s="927" t="s">
        <v>3816</v>
      </c>
      <c r="GKY39" s="927" t="s">
        <v>3816</v>
      </c>
      <c r="GKZ39" s="927" t="s">
        <v>3816</v>
      </c>
      <c r="GLA39" s="927" t="s">
        <v>3816</v>
      </c>
      <c r="GLB39" s="927" t="s">
        <v>3816</v>
      </c>
      <c r="GLC39" s="927" t="s">
        <v>3816</v>
      </c>
      <c r="GLD39" s="927" t="s">
        <v>3816</v>
      </c>
      <c r="GLE39" s="927" t="s">
        <v>3816</v>
      </c>
      <c r="GLF39" s="927" t="s">
        <v>3816</v>
      </c>
      <c r="GLG39" s="927" t="s">
        <v>3816</v>
      </c>
      <c r="GLH39" s="927" t="s">
        <v>3816</v>
      </c>
      <c r="GLI39" s="927" t="s">
        <v>3816</v>
      </c>
      <c r="GLJ39" s="927" t="s">
        <v>3816</v>
      </c>
      <c r="GLK39" s="927" t="s">
        <v>3816</v>
      </c>
      <c r="GLL39" s="927" t="s">
        <v>3816</v>
      </c>
      <c r="GLM39" s="927" t="s">
        <v>3816</v>
      </c>
      <c r="GLN39" s="927" t="s">
        <v>3816</v>
      </c>
      <c r="GLO39" s="927" t="s">
        <v>3816</v>
      </c>
      <c r="GLP39" s="927" t="s">
        <v>3816</v>
      </c>
      <c r="GLQ39" s="927" t="s">
        <v>3816</v>
      </c>
      <c r="GLR39" s="927" t="s">
        <v>3816</v>
      </c>
      <c r="GLS39" s="927" t="s">
        <v>3816</v>
      </c>
      <c r="GLT39" s="927" t="s">
        <v>3816</v>
      </c>
      <c r="GLU39" s="927" t="s">
        <v>3816</v>
      </c>
      <c r="GLV39" s="927" t="s">
        <v>3816</v>
      </c>
      <c r="GLW39" s="927" t="s">
        <v>3816</v>
      </c>
      <c r="GLX39" s="927" t="s">
        <v>3816</v>
      </c>
      <c r="GLY39" s="927" t="s">
        <v>3816</v>
      </c>
      <c r="GLZ39" s="927" t="s">
        <v>3816</v>
      </c>
      <c r="GMA39" s="927" t="s">
        <v>3816</v>
      </c>
      <c r="GMB39" s="927" t="s">
        <v>3816</v>
      </c>
      <c r="GMC39" s="927" t="s">
        <v>3816</v>
      </c>
      <c r="GMD39" s="927" t="s">
        <v>3816</v>
      </c>
      <c r="GME39" s="927" t="s">
        <v>3816</v>
      </c>
      <c r="GMF39" s="927" t="s">
        <v>3816</v>
      </c>
      <c r="GMG39" s="927" t="s">
        <v>3816</v>
      </c>
      <c r="GMH39" s="927" t="s">
        <v>3816</v>
      </c>
      <c r="GMI39" s="927" t="s">
        <v>3816</v>
      </c>
      <c r="GMJ39" s="927" t="s">
        <v>3816</v>
      </c>
      <c r="GMK39" s="927" t="s">
        <v>3816</v>
      </c>
      <c r="GML39" s="927" t="s">
        <v>3816</v>
      </c>
      <c r="GMM39" s="927" t="s">
        <v>3816</v>
      </c>
      <c r="GMN39" s="927" t="s">
        <v>3816</v>
      </c>
      <c r="GMO39" s="927" t="s">
        <v>3816</v>
      </c>
      <c r="GMP39" s="927" t="s">
        <v>3816</v>
      </c>
      <c r="GMQ39" s="927" t="s">
        <v>3816</v>
      </c>
      <c r="GMR39" s="927" t="s">
        <v>3816</v>
      </c>
      <c r="GMS39" s="927" t="s">
        <v>3816</v>
      </c>
      <c r="GMT39" s="927" t="s">
        <v>3816</v>
      </c>
      <c r="GMU39" s="927" t="s">
        <v>3816</v>
      </c>
      <c r="GMV39" s="927" t="s">
        <v>3816</v>
      </c>
      <c r="GMW39" s="927" t="s">
        <v>3816</v>
      </c>
      <c r="GMX39" s="927" t="s">
        <v>3816</v>
      </c>
      <c r="GMY39" s="927" t="s">
        <v>3816</v>
      </c>
      <c r="GMZ39" s="927" t="s">
        <v>3816</v>
      </c>
      <c r="GNA39" s="927" t="s">
        <v>3816</v>
      </c>
      <c r="GNB39" s="927" t="s">
        <v>3816</v>
      </c>
      <c r="GNC39" s="927" t="s">
        <v>3816</v>
      </c>
      <c r="GND39" s="927" t="s">
        <v>3816</v>
      </c>
      <c r="GNE39" s="927" t="s">
        <v>3816</v>
      </c>
      <c r="GNF39" s="927" t="s">
        <v>3816</v>
      </c>
      <c r="GNG39" s="927" t="s">
        <v>3816</v>
      </c>
      <c r="GNH39" s="927" t="s">
        <v>3816</v>
      </c>
      <c r="GNI39" s="927" t="s">
        <v>3816</v>
      </c>
      <c r="GNJ39" s="927" t="s">
        <v>3816</v>
      </c>
      <c r="GNK39" s="927" t="s">
        <v>3816</v>
      </c>
      <c r="GNL39" s="927" t="s">
        <v>3816</v>
      </c>
      <c r="GNM39" s="927" t="s">
        <v>3816</v>
      </c>
      <c r="GNN39" s="927" t="s">
        <v>3816</v>
      </c>
      <c r="GNO39" s="927" t="s">
        <v>3816</v>
      </c>
      <c r="GNP39" s="927" t="s">
        <v>3816</v>
      </c>
      <c r="GNQ39" s="927" t="s">
        <v>3816</v>
      </c>
      <c r="GNR39" s="927" t="s">
        <v>3816</v>
      </c>
      <c r="GNS39" s="927" t="s">
        <v>3816</v>
      </c>
      <c r="GNT39" s="927" t="s">
        <v>3816</v>
      </c>
      <c r="GNU39" s="927" t="s">
        <v>3816</v>
      </c>
      <c r="GNV39" s="927" t="s">
        <v>3816</v>
      </c>
      <c r="GNW39" s="927" t="s">
        <v>3816</v>
      </c>
      <c r="GNX39" s="927" t="s">
        <v>3816</v>
      </c>
      <c r="GNY39" s="927" t="s">
        <v>3816</v>
      </c>
      <c r="GNZ39" s="927" t="s">
        <v>3816</v>
      </c>
      <c r="GOA39" s="927" t="s">
        <v>3816</v>
      </c>
      <c r="GOB39" s="927" t="s">
        <v>3816</v>
      </c>
      <c r="GOC39" s="927" t="s">
        <v>3816</v>
      </c>
      <c r="GOD39" s="927" t="s">
        <v>3816</v>
      </c>
      <c r="GOE39" s="927" t="s">
        <v>3816</v>
      </c>
      <c r="GOF39" s="927" t="s">
        <v>3816</v>
      </c>
      <c r="GOG39" s="927" t="s">
        <v>3816</v>
      </c>
      <c r="GOH39" s="927" t="s">
        <v>3816</v>
      </c>
      <c r="GOI39" s="927" t="s">
        <v>3816</v>
      </c>
      <c r="GOJ39" s="927" t="s">
        <v>3816</v>
      </c>
      <c r="GOK39" s="927" t="s">
        <v>3816</v>
      </c>
      <c r="GOL39" s="927" t="s">
        <v>3816</v>
      </c>
      <c r="GOM39" s="927" t="s">
        <v>3816</v>
      </c>
      <c r="GON39" s="927" t="s">
        <v>3816</v>
      </c>
      <c r="GOO39" s="927" t="s">
        <v>3816</v>
      </c>
      <c r="GOP39" s="927" t="s">
        <v>3816</v>
      </c>
      <c r="GOQ39" s="927" t="s">
        <v>3816</v>
      </c>
      <c r="GOR39" s="927" t="s">
        <v>3816</v>
      </c>
      <c r="GOS39" s="927" t="s">
        <v>3816</v>
      </c>
      <c r="GOT39" s="927" t="s">
        <v>3816</v>
      </c>
      <c r="GOU39" s="927" t="s">
        <v>3816</v>
      </c>
      <c r="GOV39" s="927" t="s">
        <v>3816</v>
      </c>
      <c r="GOW39" s="927" t="s">
        <v>3816</v>
      </c>
      <c r="GOX39" s="927" t="s">
        <v>3816</v>
      </c>
      <c r="GOY39" s="927" t="s">
        <v>3816</v>
      </c>
      <c r="GOZ39" s="927" t="s">
        <v>3816</v>
      </c>
      <c r="GPA39" s="927" t="s">
        <v>3816</v>
      </c>
      <c r="GPB39" s="927" t="s">
        <v>3816</v>
      </c>
      <c r="GPC39" s="927" t="s">
        <v>3816</v>
      </c>
      <c r="GPD39" s="927" t="s">
        <v>3816</v>
      </c>
      <c r="GPE39" s="927" t="s">
        <v>3816</v>
      </c>
      <c r="GPF39" s="927" t="s">
        <v>3816</v>
      </c>
      <c r="GPG39" s="927" t="s">
        <v>3816</v>
      </c>
      <c r="GPH39" s="927" t="s">
        <v>3816</v>
      </c>
      <c r="GPI39" s="927" t="s">
        <v>3816</v>
      </c>
      <c r="GPJ39" s="927" t="s">
        <v>3816</v>
      </c>
      <c r="GPK39" s="927" t="s">
        <v>3816</v>
      </c>
      <c r="GPL39" s="927" t="s">
        <v>3816</v>
      </c>
      <c r="GPM39" s="927" t="s">
        <v>3816</v>
      </c>
      <c r="GPN39" s="927" t="s">
        <v>3816</v>
      </c>
      <c r="GPO39" s="927" t="s">
        <v>3816</v>
      </c>
      <c r="GPP39" s="927" t="s">
        <v>3816</v>
      </c>
      <c r="GPQ39" s="927" t="s">
        <v>3816</v>
      </c>
      <c r="GPR39" s="927" t="s">
        <v>3816</v>
      </c>
      <c r="GPS39" s="927" t="s">
        <v>3816</v>
      </c>
      <c r="GPT39" s="927" t="s">
        <v>3816</v>
      </c>
      <c r="GPU39" s="927" t="s">
        <v>3816</v>
      </c>
      <c r="GPV39" s="927" t="s">
        <v>3816</v>
      </c>
      <c r="GPW39" s="927" t="s">
        <v>3816</v>
      </c>
      <c r="GPX39" s="927" t="s">
        <v>3816</v>
      </c>
      <c r="GPY39" s="927" t="s">
        <v>3816</v>
      </c>
      <c r="GPZ39" s="927" t="s">
        <v>3816</v>
      </c>
      <c r="GQA39" s="927" t="s">
        <v>3816</v>
      </c>
      <c r="GQB39" s="927" t="s">
        <v>3816</v>
      </c>
      <c r="GQC39" s="927" t="s">
        <v>3816</v>
      </c>
      <c r="GQD39" s="927" t="s">
        <v>3816</v>
      </c>
      <c r="GQE39" s="927" t="s">
        <v>3816</v>
      </c>
      <c r="GQF39" s="927" t="s">
        <v>3816</v>
      </c>
      <c r="GQG39" s="927" t="s">
        <v>3816</v>
      </c>
      <c r="GQH39" s="927" t="s">
        <v>3816</v>
      </c>
      <c r="GQI39" s="927" t="s">
        <v>3816</v>
      </c>
      <c r="GQJ39" s="927" t="s">
        <v>3816</v>
      </c>
      <c r="GQK39" s="927" t="s">
        <v>3816</v>
      </c>
      <c r="GQL39" s="927" t="s">
        <v>3816</v>
      </c>
      <c r="GQM39" s="927" t="s">
        <v>3816</v>
      </c>
      <c r="GQN39" s="927" t="s">
        <v>3816</v>
      </c>
      <c r="GQO39" s="927" t="s">
        <v>3816</v>
      </c>
      <c r="GQP39" s="927" t="s">
        <v>3816</v>
      </c>
      <c r="GQQ39" s="927" t="s">
        <v>3816</v>
      </c>
      <c r="GQR39" s="927" t="s">
        <v>3816</v>
      </c>
      <c r="GQS39" s="927" t="s">
        <v>3816</v>
      </c>
      <c r="GQT39" s="927" t="s">
        <v>3816</v>
      </c>
      <c r="GQU39" s="927" t="s">
        <v>3816</v>
      </c>
      <c r="GQV39" s="927" t="s">
        <v>3816</v>
      </c>
      <c r="GQW39" s="927" t="s">
        <v>3816</v>
      </c>
      <c r="GQX39" s="927" t="s">
        <v>3816</v>
      </c>
      <c r="GQY39" s="927" t="s">
        <v>3816</v>
      </c>
      <c r="GQZ39" s="927" t="s">
        <v>3816</v>
      </c>
      <c r="GRA39" s="927" t="s">
        <v>3816</v>
      </c>
      <c r="GRB39" s="927" t="s">
        <v>3816</v>
      </c>
      <c r="GRC39" s="927" t="s">
        <v>3816</v>
      </c>
      <c r="GRD39" s="927" t="s">
        <v>3816</v>
      </c>
      <c r="GRE39" s="927" t="s">
        <v>3816</v>
      </c>
      <c r="GRF39" s="927" t="s">
        <v>3816</v>
      </c>
      <c r="GRG39" s="927" t="s">
        <v>3816</v>
      </c>
      <c r="GRH39" s="927" t="s">
        <v>3816</v>
      </c>
      <c r="GRI39" s="927" t="s">
        <v>3816</v>
      </c>
      <c r="GRJ39" s="927" t="s">
        <v>3816</v>
      </c>
      <c r="GRK39" s="927" t="s">
        <v>3816</v>
      </c>
      <c r="GRL39" s="927" t="s">
        <v>3816</v>
      </c>
      <c r="GRM39" s="927" t="s">
        <v>3816</v>
      </c>
      <c r="GRN39" s="927" t="s">
        <v>3816</v>
      </c>
      <c r="GRO39" s="927" t="s">
        <v>3816</v>
      </c>
      <c r="GRP39" s="927" t="s">
        <v>3816</v>
      </c>
      <c r="GRQ39" s="927" t="s">
        <v>3816</v>
      </c>
      <c r="GRR39" s="927" t="s">
        <v>3816</v>
      </c>
      <c r="GRS39" s="927" t="s">
        <v>3816</v>
      </c>
      <c r="GRT39" s="927" t="s">
        <v>3816</v>
      </c>
      <c r="GRU39" s="927" t="s">
        <v>3816</v>
      </c>
      <c r="GRV39" s="927" t="s">
        <v>3816</v>
      </c>
      <c r="GRW39" s="927" t="s">
        <v>3816</v>
      </c>
      <c r="GRX39" s="927" t="s">
        <v>3816</v>
      </c>
      <c r="GRY39" s="927" t="s">
        <v>3816</v>
      </c>
      <c r="GRZ39" s="927" t="s">
        <v>3816</v>
      </c>
      <c r="GSA39" s="927" t="s">
        <v>3816</v>
      </c>
      <c r="GSB39" s="927" t="s">
        <v>3816</v>
      </c>
      <c r="GSC39" s="927" t="s">
        <v>3816</v>
      </c>
      <c r="GSD39" s="927" t="s">
        <v>3816</v>
      </c>
      <c r="GSE39" s="927" t="s">
        <v>3816</v>
      </c>
      <c r="GSF39" s="927" t="s">
        <v>3816</v>
      </c>
      <c r="GSG39" s="927" t="s">
        <v>3816</v>
      </c>
      <c r="GSH39" s="927" t="s">
        <v>3816</v>
      </c>
      <c r="GSI39" s="927" t="s">
        <v>3816</v>
      </c>
      <c r="GSJ39" s="927" t="s">
        <v>3816</v>
      </c>
      <c r="GSK39" s="927" t="s">
        <v>3816</v>
      </c>
      <c r="GSL39" s="927" t="s">
        <v>3816</v>
      </c>
      <c r="GSM39" s="927" t="s">
        <v>3816</v>
      </c>
      <c r="GSN39" s="927" t="s">
        <v>3816</v>
      </c>
      <c r="GSO39" s="927" t="s">
        <v>3816</v>
      </c>
      <c r="GSP39" s="927" t="s">
        <v>3816</v>
      </c>
      <c r="GSQ39" s="927" t="s">
        <v>3816</v>
      </c>
      <c r="GSR39" s="927" t="s">
        <v>3816</v>
      </c>
      <c r="GSS39" s="927" t="s">
        <v>3816</v>
      </c>
      <c r="GST39" s="927" t="s">
        <v>3816</v>
      </c>
      <c r="GSU39" s="927" t="s">
        <v>3816</v>
      </c>
      <c r="GSV39" s="927" t="s">
        <v>3816</v>
      </c>
      <c r="GSW39" s="927" t="s">
        <v>3816</v>
      </c>
      <c r="GSX39" s="927" t="s">
        <v>3816</v>
      </c>
      <c r="GSY39" s="927" t="s">
        <v>3816</v>
      </c>
      <c r="GSZ39" s="927" t="s">
        <v>3816</v>
      </c>
      <c r="GTA39" s="927" t="s">
        <v>3816</v>
      </c>
      <c r="GTB39" s="927" t="s">
        <v>3816</v>
      </c>
      <c r="GTC39" s="927" t="s">
        <v>3816</v>
      </c>
      <c r="GTD39" s="927" t="s">
        <v>3816</v>
      </c>
      <c r="GTE39" s="927" t="s">
        <v>3816</v>
      </c>
      <c r="GTF39" s="927" t="s">
        <v>3816</v>
      </c>
      <c r="GTG39" s="927" t="s">
        <v>3816</v>
      </c>
      <c r="GTH39" s="927" t="s">
        <v>3816</v>
      </c>
      <c r="GTI39" s="927" t="s">
        <v>3816</v>
      </c>
      <c r="GTJ39" s="927" t="s">
        <v>3816</v>
      </c>
      <c r="GTK39" s="927" t="s">
        <v>3816</v>
      </c>
      <c r="GTL39" s="927" t="s">
        <v>3816</v>
      </c>
      <c r="GTM39" s="927" t="s">
        <v>3816</v>
      </c>
      <c r="GTN39" s="927" t="s">
        <v>3816</v>
      </c>
      <c r="GTO39" s="927" t="s">
        <v>3816</v>
      </c>
      <c r="GTP39" s="927" t="s">
        <v>3816</v>
      </c>
      <c r="GTQ39" s="927" t="s">
        <v>3816</v>
      </c>
      <c r="GTR39" s="927" t="s">
        <v>3816</v>
      </c>
      <c r="GTS39" s="927" t="s">
        <v>3816</v>
      </c>
      <c r="GTT39" s="927" t="s">
        <v>3816</v>
      </c>
      <c r="GTU39" s="927" t="s">
        <v>3816</v>
      </c>
      <c r="GTV39" s="927" t="s">
        <v>3816</v>
      </c>
      <c r="GTW39" s="927" t="s">
        <v>3816</v>
      </c>
      <c r="GTX39" s="927" t="s">
        <v>3816</v>
      </c>
      <c r="GTY39" s="927" t="s">
        <v>3816</v>
      </c>
      <c r="GTZ39" s="927" t="s">
        <v>3816</v>
      </c>
      <c r="GUA39" s="927" t="s">
        <v>3816</v>
      </c>
      <c r="GUB39" s="927" t="s">
        <v>3816</v>
      </c>
      <c r="GUC39" s="927" t="s">
        <v>3816</v>
      </c>
      <c r="GUD39" s="927" t="s">
        <v>3816</v>
      </c>
      <c r="GUE39" s="927" t="s">
        <v>3816</v>
      </c>
      <c r="GUF39" s="927" t="s">
        <v>3816</v>
      </c>
      <c r="GUG39" s="927" t="s">
        <v>3816</v>
      </c>
      <c r="GUH39" s="927" t="s">
        <v>3816</v>
      </c>
      <c r="GUI39" s="927" t="s">
        <v>3816</v>
      </c>
      <c r="GUJ39" s="927" t="s">
        <v>3816</v>
      </c>
      <c r="GUK39" s="927" t="s">
        <v>3816</v>
      </c>
      <c r="GUL39" s="927" t="s">
        <v>3816</v>
      </c>
      <c r="GUM39" s="927" t="s">
        <v>3816</v>
      </c>
      <c r="GUN39" s="927" t="s">
        <v>3816</v>
      </c>
      <c r="GUO39" s="927" t="s">
        <v>3816</v>
      </c>
      <c r="GUP39" s="927" t="s">
        <v>3816</v>
      </c>
      <c r="GUQ39" s="927" t="s">
        <v>3816</v>
      </c>
      <c r="GUR39" s="927" t="s">
        <v>3816</v>
      </c>
      <c r="GUS39" s="927" t="s">
        <v>3816</v>
      </c>
      <c r="GUT39" s="927" t="s">
        <v>3816</v>
      </c>
      <c r="GUU39" s="927" t="s">
        <v>3816</v>
      </c>
      <c r="GUV39" s="927" t="s">
        <v>3816</v>
      </c>
      <c r="GUW39" s="927" t="s">
        <v>3816</v>
      </c>
      <c r="GUX39" s="927" t="s">
        <v>3816</v>
      </c>
      <c r="GUY39" s="927" t="s">
        <v>3816</v>
      </c>
      <c r="GUZ39" s="927" t="s">
        <v>3816</v>
      </c>
      <c r="GVA39" s="927" t="s">
        <v>3816</v>
      </c>
      <c r="GVB39" s="927" t="s">
        <v>3816</v>
      </c>
      <c r="GVC39" s="927" t="s">
        <v>3816</v>
      </c>
      <c r="GVD39" s="927" t="s">
        <v>3816</v>
      </c>
      <c r="GVE39" s="927" t="s">
        <v>3816</v>
      </c>
      <c r="GVF39" s="927" t="s">
        <v>3816</v>
      </c>
      <c r="GVG39" s="927" t="s">
        <v>3816</v>
      </c>
      <c r="GVH39" s="927" t="s">
        <v>3816</v>
      </c>
      <c r="GVI39" s="927" t="s">
        <v>3816</v>
      </c>
      <c r="GVJ39" s="927" t="s">
        <v>3816</v>
      </c>
      <c r="GVK39" s="927" t="s">
        <v>3816</v>
      </c>
      <c r="GVL39" s="927" t="s">
        <v>3816</v>
      </c>
      <c r="GVM39" s="927" t="s">
        <v>3816</v>
      </c>
      <c r="GVN39" s="927" t="s">
        <v>3816</v>
      </c>
      <c r="GVO39" s="927" t="s">
        <v>3816</v>
      </c>
      <c r="GVP39" s="927" t="s">
        <v>3816</v>
      </c>
      <c r="GVQ39" s="927" t="s">
        <v>3816</v>
      </c>
      <c r="GVR39" s="927" t="s">
        <v>3816</v>
      </c>
      <c r="GVS39" s="927" t="s">
        <v>3816</v>
      </c>
      <c r="GVT39" s="927" t="s">
        <v>3816</v>
      </c>
      <c r="GVU39" s="927" t="s">
        <v>3816</v>
      </c>
      <c r="GVV39" s="927" t="s">
        <v>3816</v>
      </c>
      <c r="GVW39" s="927" t="s">
        <v>3816</v>
      </c>
      <c r="GVX39" s="927" t="s">
        <v>3816</v>
      </c>
      <c r="GVY39" s="927" t="s">
        <v>3816</v>
      </c>
      <c r="GVZ39" s="927" t="s">
        <v>3816</v>
      </c>
      <c r="GWA39" s="927" t="s">
        <v>3816</v>
      </c>
      <c r="GWB39" s="927" t="s">
        <v>3816</v>
      </c>
      <c r="GWC39" s="927" t="s">
        <v>3816</v>
      </c>
      <c r="GWD39" s="927" t="s">
        <v>3816</v>
      </c>
      <c r="GWE39" s="927" t="s">
        <v>3816</v>
      </c>
      <c r="GWF39" s="927" t="s">
        <v>3816</v>
      </c>
      <c r="GWG39" s="927" t="s">
        <v>3816</v>
      </c>
      <c r="GWH39" s="927" t="s">
        <v>3816</v>
      </c>
      <c r="GWI39" s="927" t="s">
        <v>3816</v>
      </c>
      <c r="GWJ39" s="927" t="s">
        <v>3816</v>
      </c>
      <c r="GWK39" s="927" t="s">
        <v>3816</v>
      </c>
      <c r="GWL39" s="927" t="s">
        <v>3816</v>
      </c>
      <c r="GWM39" s="927" t="s">
        <v>3816</v>
      </c>
      <c r="GWN39" s="927" t="s">
        <v>3816</v>
      </c>
      <c r="GWO39" s="927" t="s">
        <v>3816</v>
      </c>
      <c r="GWP39" s="927" t="s">
        <v>3816</v>
      </c>
      <c r="GWQ39" s="927" t="s">
        <v>3816</v>
      </c>
      <c r="GWR39" s="927" t="s">
        <v>3816</v>
      </c>
      <c r="GWS39" s="927" t="s">
        <v>3816</v>
      </c>
      <c r="GWT39" s="927" t="s">
        <v>3816</v>
      </c>
      <c r="GWU39" s="927" t="s">
        <v>3816</v>
      </c>
      <c r="GWV39" s="927" t="s">
        <v>3816</v>
      </c>
      <c r="GWW39" s="927" t="s">
        <v>3816</v>
      </c>
      <c r="GWX39" s="927" t="s">
        <v>3816</v>
      </c>
      <c r="GWY39" s="927" t="s">
        <v>3816</v>
      </c>
      <c r="GWZ39" s="927" t="s">
        <v>3816</v>
      </c>
      <c r="GXA39" s="927" t="s">
        <v>3816</v>
      </c>
      <c r="GXB39" s="927" t="s">
        <v>3816</v>
      </c>
      <c r="GXC39" s="927" t="s">
        <v>3816</v>
      </c>
      <c r="GXD39" s="927" t="s">
        <v>3816</v>
      </c>
      <c r="GXE39" s="927" t="s">
        <v>3816</v>
      </c>
      <c r="GXF39" s="927" t="s">
        <v>3816</v>
      </c>
      <c r="GXG39" s="927" t="s">
        <v>3816</v>
      </c>
      <c r="GXH39" s="927" t="s">
        <v>3816</v>
      </c>
      <c r="GXI39" s="927" t="s">
        <v>3816</v>
      </c>
      <c r="GXJ39" s="927" t="s">
        <v>3816</v>
      </c>
      <c r="GXK39" s="927" t="s">
        <v>3816</v>
      </c>
      <c r="GXL39" s="927" t="s">
        <v>3816</v>
      </c>
      <c r="GXM39" s="927" t="s">
        <v>3816</v>
      </c>
      <c r="GXN39" s="927" t="s">
        <v>3816</v>
      </c>
      <c r="GXO39" s="927" t="s">
        <v>3816</v>
      </c>
      <c r="GXP39" s="927" t="s">
        <v>3816</v>
      </c>
      <c r="GXQ39" s="927" t="s">
        <v>3816</v>
      </c>
      <c r="GXR39" s="927" t="s">
        <v>3816</v>
      </c>
      <c r="GXS39" s="927" t="s">
        <v>3816</v>
      </c>
      <c r="GXT39" s="927" t="s">
        <v>3816</v>
      </c>
      <c r="GXU39" s="927" t="s">
        <v>3816</v>
      </c>
      <c r="GXV39" s="927" t="s">
        <v>3816</v>
      </c>
      <c r="GXW39" s="927" t="s">
        <v>3816</v>
      </c>
      <c r="GXX39" s="927" t="s">
        <v>3816</v>
      </c>
      <c r="GXY39" s="927" t="s">
        <v>3816</v>
      </c>
      <c r="GXZ39" s="927" t="s">
        <v>3816</v>
      </c>
      <c r="GYA39" s="927" t="s">
        <v>3816</v>
      </c>
      <c r="GYB39" s="927" t="s">
        <v>3816</v>
      </c>
      <c r="GYC39" s="927" t="s">
        <v>3816</v>
      </c>
      <c r="GYD39" s="927" t="s">
        <v>3816</v>
      </c>
      <c r="GYE39" s="927" t="s">
        <v>3816</v>
      </c>
      <c r="GYF39" s="927" t="s">
        <v>3816</v>
      </c>
      <c r="GYG39" s="927" t="s">
        <v>3816</v>
      </c>
      <c r="GYH39" s="927" t="s">
        <v>3816</v>
      </c>
      <c r="GYI39" s="927" t="s">
        <v>3816</v>
      </c>
      <c r="GYJ39" s="927" t="s">
        <v>3816</v>
      </c>
      <c r="GYK39" s="927" t="s">
        <v>3816</v>
      </c>
      <c r="GYL39" s="927" t="s">
        <v>3816</v>
      </c>
      <c r="GYM39" s="927" t="s">
        <v>3816</v>
      </c>
      <c r="GYN39" s="927" t="s">
        <v>3816</v>
      </c>
      <c r="GYO39" s="927" t="s">
        <v>3816</v>
      </c>
      <c r="GYP39" s="927" t="s">
        <v>3816</v>
      </c>
      <c r="GYQ39" s="927" t="s">
        <v>3816</v>
      </c>
      <c r="GYR39" s="927" t="s">
        <v>3816</v>
      </c>
      <c r="GYS39" s="927" t="s">
        <v>3816</v>
      </c>
      <c r="GYT39" s="927" t="s">
        <v>3816</v>
      </c>
      <c r="GYU39" s="927" t="s">
        <v>3816</v>
      </c>
      <c r="GYV39" s="927" t="s">
        <v>3816</v>
      </c>
      <c r="GYW39" s="927" t="s">
        <v>3816</v>
      </c>
      <c r="GYX39" s="927" t="s">
        <v>3816</v>
      </c>
      <c r="GYY39" s="927" t="s">
        <v>3816</v>
      </c>
      <c r="GYZ39" s="927" t="s">
        <v>3816</v>
      </c>
      <c r="GZA39" s="927" t="s">
        <v>3816</v>
      </c>
      <c r="GZB39" s="927" t="s">
        <v>3816</v>
      </c>
      <c r="GZC39" s="927" t="s">
        <v>3816</v>
      </c>
      <c r="GZD39" s="927" t="s">
        <v>3816</v>
      </c>
      <c r="GZE39" s="927" t="s">
        <v>3816</v>
      </c>
      <c r="GZF39" s="927" t="s">
        <v>3816</v>
      </c>
      <c r="GZG39" s="927" t="s">
        <v>3816</v>
      </c>
      <c r="GZH39" s="927" t="s">
        <v>3816</v>
      </c>
      <c r="GZI39" s="927" t="s">
        <v>3816</v>
      </c>
      <c r="GZJ39" s="927" t="s">
        <v>3816</v>
      </c>
      <c r="GZK39" s="927" t="s">
        <v>3816</v>
      </c>
      <c r="GZL39" s="927" t="s">
        <v>3816</v>
      </c>
      <c r="GZM39" s="927" t="s">
        <v>3816</v>
      </c>
      <c r="GZN39" s="927" t="s">
        <v>3816</v>
      </c>
      <c r="GZO39" s="927" t="s">
        <v>3816</v>
      </c>
      <c r="GZP39" s="927" t="s">
        <v>3816</v>
      </c>
      <c r="GZQ39" s="927" t="s">
        <v>3816</v>
      </c>
      <c r="GZR39" s="927" t="s">
        <v>3816</v>
      </c>
      <c r="GZS39" s="927" t="s">
        <v>3816</v>
      </c>
      <c r="GZT39" s="927" t="s">
        <v>3816</v>
      </c>
      <c r="GZU39" s="927" t="s">
        <v>3816</v>
      </c>
      <c r="GZV39" s="927" t="s">
        <v>3816</v>
      </c>
      <c r="GZW39" s="927" t="s">
        <v>3816</v>
      </c>
      <c r="GZX39" s="927" t="s">
        <v>3816</v>
      </c>
      <c r="GZY39" s="927" t="s">
        <v>3816</v>
      </c>
      <c r="GZZ39" s="927" t="s">
        <v>3816</v>
      </c>
      <c r="HAA39" s="927" t="s">
        <v>3816</v>
      </c>
      <c r="HAB39" s="927" t="s">
        <v>3816</v>
      </c>
      <c r="HAC39" s="927" t="s">
        <v>3816</v>
      </c>
      <c r="HAD39" s="927" t="s">
        <v>3816</v>
      </c>
      <c r="HAE39" s="927" t="s">
        <v>3816</v>
      </c>
      <c r="HAF39" s="927" t="s">
        <v>3816</v>
      </c>
      <c r="HAG39" s="927" t="s">
        <v>3816</v>
      </c>
      <c r="HAH39" s="927" t="s">
        <v>3816</v>
      </c>
      <c r="HAI39" s="927" t="s">
        <v>3816</v>
      </c>
      <c r="HAJ39" s="927" t="s">
        <v>3816</v>
      </c>
      <c r="HAK39" s="927" t="s">
        <v>3816</v>
      </c>
      <c r="HAL39" s="927" t="s">
        <v>3816</v>
      </c>
      <c r="HAM39" s="927" t="s">
        <v>3816</v>
      </c>
      <c r="HAN39" s="927" t="s">
        <v>3816</v>
      </c>
      <c r="HAO39" s="927" t="s">
        <v>3816</v>
      </c>
      <c r="HAP39" s="927" t="s">
        <v>3816</v>
      </c>
      <c r="HAQ39" s="927" t="s">
        <v>3816</v>
      </c>
      <c r="HAR39" s="927" t="s">
        <v>3816</v>
      </c>
      <c r="HAS39" s="927" t="s">
        <v>3816</v>
      </c>
      <c r="HAT39" s="927" t="s">
        <v>3816</v>
      </c>
      <c r="HAU39" s="927" t="s">
        <v>3816</v>
      </c>
      <c r="HAV39" s="927" t="s">
        <v>3816</v>
      </c>
      <c r="HAW39" s="927" t="s">
        <v>3816</v>
      </c>
      <c r="HAX39" s="927" t="s">
        <v>3816</v>
      </c>
      <c r="HAY39" s="927" t="s">
        <v>3816</v>
      </c>
      <c r="HAZ39" s="927" t="s">
        <v>3816</v>
      </c>
      <c r="HBA39" s="927" t="s">
        <v>3816</v>
      </c>
      <c r="HBB39" s="927" t="s">
        <v>3816</v>
      </c>
      <c r="HBC39" s="927" t="s">
        <v>3816</v>
      </c>
      <c r="HBD39" s="927" t="s">
        <v>3816</v>
      </c>
      <c r="HBE39" s="927" t="s">
        <v>3816</v>
      </c>
      <c r="HBF39" s="927" t="s">
        <v>3816</v>
      </c>
      <c r="HBG39" s="927" t="s">
        <v>3816</v>
      </c>
      <c r="HBH39" s="927" t="s">
        <v>3816</v>
      </c>
      <c r="HBI39" s="927" t="s">
        <v>3816</v>
      </c>
      <c r="HBJ39" s="927" t="s">
        <v>3816</v>
      </c>
      <c r="HBK39" s="927" t="s">
        <v>3816</v>
      </c>
      <c r="HBL39" s="927" t="s">
        <v>3816</v>
      </c>
      <c r="HBM39" s="927" t="s">
        <v>3816</v>
      </c>
      <c r="HBN39" s="927" t="s">
        <v>3816</v>
      </c>
      <c r="HBO39" s="927" t="s">
        <v>3816</v>
      </c>
      <c r="HBP39" s="927" t="s">
        <v>3816</v>
      </c>
      <c r="HBQ39" s="927" t="s">
        <v>3816</v>
      </c>
      <c r="HBR39" s="927" t="s">
        <v>3816</v>
      </c>
      <c r="HBS39" s="927" t="s">
        <v>3816</v>
      </c>
      <c r="HBT39" s="927" t="s">
        <v>3816</v>
      </c>
      <c r="HBU39" s="927" t="s">
        <v>3816</v>
      </c>
      <c r="HBV39" s="927" t="s">
        <v>3816</v>
      </c>
      <c r="HBW39" s="927" t="s">
        <v>3816</v>
      </c>
      <c r="HBX39" s="927" t="s">
        <v>3816</v>
      </c>
      <c r="HBY39" s="927" t="s">
        <v>3816</v>
      </c>
      <c r="HBZ39" s="927" t="s">
        <v>3816</v>
      </c>
      <c r="HCA39" s="927" t="s">
        <v>3816</v>
      </c>
      <c r="HCB39" s="927" t="s">
        <v>3816</v>
      </c>
      <c r="HCC39" s="927" t="s">
        <v>3816</v>
      </c>
      <c r="HCD39" s="927" t="s">
        <v>3816</v>
      </c>
      <c r="HCE39" s="927" t="s">
        <v>3816</v>
      </c>
      <c r="HCF39" s="927" t="s">
        <v>3816</v>
      </c>
      <c r="HCG39" s="927" t="s">
        <v>3816</v>
      </c>
      <c r="HCH39" s="927" t="s">
        <v>3816</v>
      </c>
      <c r="HCI39" s="927" t="s">
        <v>3816</v>
      </c>
      <c r="HCJ39" s="927" t="s">
        <v>3816</v>
      </c>
      <c r="HCK39" s="927" t="s">
        <v>3816</v>
      </c>
      <c r="HCL39" s="927" t="s">
        <v>3816</v>
      </c>
      <c r="HCM39" s="927" t="s">
        <v>3816</v>
      </c>
      <c r="HCN39" s="927" t="s">
        <v>3816</v>
      </c>
      <c r="HCO39" s="927" t="s">
        <v>3816</v>
      </c>
      <c r="HCP39" s="927" t="s">
        <v>3816</v>
      </c>
      <c r="HCQ39" s="927" t="s">
        <v>3816</v>
      </c>
      <c r="HCR39" s="927" t="s">
        <v>3816</v>
      </c>
      <c r="HCS39" s="927" t="s">
        <v>3816</v>
      </c>
      <c r="HCT39" s="927" t="s">
        <v>3816</v>
      </c>
      <c r="HCU39" s="927" t="s">
        <v>3816</v>
      </c>
      <c r="HCV39" s="927" t="s">
        <v>3816</v>
      </c>
      <c r="HCW39" s="927" t="s">
        <v>3816</v>
      </c>
      <c r="HCX39" s="927" t="s">
        <v>3816</v>
      </c>
      <c r="HCY39" s="927" t="s">
        <v>3816</v>
      </c>
      <c r="HCZ39" s="927" t="s">
        <v>3816</v>
      </c>
      <c r="HDA39" s="927" t="s">
        <v>3816</v>
      </c>
      <c r="HDB39" s="927" t="s">
        <v>3816</v>
      </c>
      <c r="HDC39" s="927" t="s">
        <v>3816</v>
      </c>
      <c r="HDD39" s="927" t="s">
        <v>3816</v>
      </c>
      <c r="HDE39" s="927" t="s">
        <v>3816</v>
      </c>
      <c r="HDF39" s="927" t="s">
        <v>3816</v>
      </c>
      <c r="HDG39" s="927" t="s">
        <v>3816</v>
      </c>
      <c r="HDH39" s="927" t="s">
        <v>3816</v>
      </c>
      <c r="HDI39" s="927" t="s">
        <v>3816</v>
      </c>
      <c r="HDJ39" s="927" t="s">
        <v>3816</v>
      </c>
      <c r="HDK39" s="927" t="s">
        <v>3816</v>
      </c>
      <c r="HDL39" s="927" t="s">
        <v>3816</v>
      </c>
      <c r="HDM39" s="927" t="s">
        <v>3816</v>
      </c>
      <c r="HDN39" s="927" t="s">
        <v>3816</v>
      </c>
      <c r="HDO39" s="927" t="s">
        <v>3816</v>
      </c>
      <c r="HDP39" s="927" t="s">
        <v>3816</v>
      </c>
      <c r="HDQ39" s="927" t="s">
        <v>3816</v>
      </c>
      <c r="HDR39" s="927" t="s">
        <v>3816</v>
      </c>
      <c r="HDS39" s="927" t="s">
        <v>3816</v>
      </c>
      <c r="HDT39" s="927" t="s">
        <v>3816</v>
      </c>
      <c r="HDU39" s="927" t="s">
        <v>3816</v>
      </c>
      <c r="HDV39" s="927" t="s">
        <v>3816</v>
      </c>
      <c r="HDW39" s="927" t="s">
        <v>3816</v>
      </c>
      <c r="HDX39" s="927" t="s">
        <v>3816</v>
      </c>
      <c r="HDY39" s="927" t="s">
        <v>3816</v>
      </c>
      <c r="HDZ39" s="927" t="s">
        <v>3816</v>
      </c>
      <c r="HEA39" s="927" t="s">
        <v>3816</v>
      </c>
      <c r="HEB39" s="927" t="s">
        <v>3816</v>
      </c>
      <c r="HEC39" s="927" t="s">
        <v>3816</v>
      </c>
      <c r="HED39" s="927" t="s">
        <v>3816</v>
      </c>
      <c r="HEE39" s="927" t="s">
        <v>3816</v>
      </c>
      <c r="HEF39" s="927" t="s">
        <v>3816</v>
      </c>
      <c r="HEG39" s="927" t="s">
        <v>3816</v>
      </c>
      <c r="HEH39" s="927" t="s">
        <v>3816</v>
      </c>
      <c r="HEI39" s="927" t="s">
        <v>3816</v>
      </c>
      <c r="HEJ39" s="927" t="s">
        <v>3816</v>
      </c>
      <c r="HEK39" s="927" t="s">
        <v>3816</v>
      </c>
      <c r="HEL39" s="927" t="s">
        <v>3816</v>
      </c>
      <c r="HEM39" s="927" t="s">
        <v>3816</v>
      </c>
      <c r="HEN39" s="927" t="s">
        <v>3816</v>
      </c>
      <c r="HEO39" s="927" t="s">
        <v>3816</v>
      </c>
      <c r="HEP39" s="927" t="s">
        <v>3816</v>
      </c>
      <c r="HEQ39" s="927" t="s">
        <v>3816</v>
      </c>
      <c r="HER39" s="927" t="s">
        <v>3816</v>
      </c>
      <c r="HES39" s="927" t="s">
        <v>3816</v>
      </c>
      <c r="HET39" s="927" t="s">
        <v>3816</v>
      </c>
      <c r="HEU39" s="927" t="s">
        <v>3816</v>
      </c>
      <c r="HEV39" s="927" t="s">
        <v>3816</v>
      </c>
      <c r="HEW39" s="927" t="s">
        <v>3816</v>
      </c>
      <c r="HEX39" s="927" t="s">
        <v>3816</v>
      </c>
      <c r="HEY39" s="927" t="s">
        <v>3816</v>
      </c>
      <c r="HEZ39" s="927" t="s">
        <v>3816</v>
      </c>
      <c r="HFA39" s="927" t="s">
        <v>3816</v>
      </c>
      <c r="HFB39" s="927" t="s">
        <v>3816</v>
      </c>
      <c r="HFC39" s="927" t="s">
        <v>3816</v>
      </c>
      <c r="HFD39" s="927" t="s">
        <v>3816</v>
      </c>
      <c r="HFE39" s="927" t="s">
        <v>3816</v>
      </c>
      <c r="HFF39" s="927" t="s">
        <v>3816</v>
      </c>
      <c r="HFG39" s="927" t="s">
        <v>3816</v>
      </c>
      <c r="HFH39" s="927" t="s">
        <v>3816</v>
      </c>
      <c r="HFI39" s="927" t="s">
        <v>3816</v>
      </c>
      <c r="HFJ39" s="927" t="s">
        <v>3816</v>
      </c>
      <c r="HFK39" s="927" t="s">
        <v>3816</v>
      </c>
      <c r="HFL39" s="927" t="s">
        <v>3816</v>
      </c>
      <c r="HFM39" s="927" t="s">
        <v>3816</v>
      </c>
      <c r="HFN39" s="927" t="s">
        <v>3816</v>
      </c>
      <c r="HFO39" s="927" t="s">
        <v>3816</v>
      </c>
      <c r="HFP39" s="927" t="s">
        <v>3816</v>
      </c>
      <c r="HFQ39" s="927" t="s">
        <v>3816</v>
      </c>
      <c r="HFR39" s="927" t="s">
        <v>3816</v>
      </c>
      <c r="HFS39" s="927" t="s">
        <v>3816</v>
      </c>
      <c r="HFT39" s="927" t="s">
        <v>3816</v>
      </c>
      <c r="HFU39" s="927" t="s">
        <v>3816</v>
      </c>
      <c r="HFV39" s="927" t="s">
        <v>3816</v>
      </c>
      <c r="HFW39" s="927" t="s">
        <v>3816</v>
      </c>
      <c r="HFX39" s="927" t="s">
        <v>3816</v>
      </c>
      <c r="HFY39" s="927" t="s">
        <v>3816</v>
      </c>
      <c r="HFZ39" s="927" t="s">
        <v>3816</v>
      </c>
      <c r="HGA39" s="927" t="s">
        <v>3816</v>
      </c>
      <c r="HGB39" s="927" t="s">
        <v>3816</v>
      </c>
      <c r="HGC39" s="927" t="s">
        <v>3816</v>
      </c>
      <c r="HGD39" s="927" t="s">
        <v>3816</v>
      </c>
      <c r="HGE39" s="927" t="s">
        <v>3816</v>
      </c>
      <c r="HGF39" s="927" t="s">
        <v>3816</v>
      </c>
      <c r="HGG39" s="927" t="s">
        <v>3816</v>
      </c>
      <c r="HGH39" s="927" t="s">
        <v>3816</v>
      </c>
      <c r="HGI39" s="927" t="s">
        <v>3816</v>
      </c>
      <c r="HGJ39" s="927" t="s">
        <v>3816</v>
      </c>
      <c r="HGK39" s="927" t="s">
        <v>3816</v>
      </c>
      <c r="HGL39" s="927" t="s">
        <v>3816</v>
      </c>
      <c r="HGM39" s="927" t="s">
        <v>3816</v>
      </c>
      <c r="HGN39" s="927" t="s">
        <v>3816</v>
      </c>
      <c r="HGO39" s="927" t="s">
        <v>3816</v>
      </c>
      <c r="HGP39" s="927" t="s">
        <v>3816</v>
      </c>
      <c r="HGQ39" s="927" t="s">
        <v>3816</v>
      </c>
      <c r="HGR39" s="927" t="s">
        <v>3816</v>
      </c>
      <c r="HGS39" s="927" t="s">
        <v>3816</v>
      </c>
      <c r="HGT39" s="927" t="s">
        <v>3816</v>
      </c>
      <c r="HGU39" s="927" t="s">
        <v>3816</v>
      </c>
      <c r="HGV39" s="927" t="s">
        <v>3816</v>
      </c>
      <c r="HGW39" s="927" t="s">
        <v>3816</v>
      </c>
      <c r="HGX39" s="927" t="s">
        <v>3816</v>
      </c>
      <c r="HGY39" s="927" t="s">
        <v>3816</v>
      </c>
      <c r="HGZ39" s="927" t="s">
        <v>3816</v>
      </c>
      <c r="HHA39" s="927" t="s">
        <v>3816</v>
      </c>
      <c r="HHB39" s="927" t="s">
        <v>3816</v>
      </c>
      <c r="HHC39" s="927" t="s">
        <v>3816</v>
      </c>
      <c r="HHD39" s="927" t="s">
        <v>3816</v>
      </c>
      <c r="HHE39" s="927" t="s">
        <v>3816</v>
      </c>
      <c r="HHF39" s="927" t="s">
        <v>3816</v>
      </c>
      <c r="HHG39" s="927" t="s">
        <v>3816</v>
      </c>
      <c r="HHH39" s="927" t="s">
        <v>3816</v>
      </c>
      <c r="HHI39" s="927" t="s">
        <v>3816</v>
      </c>
      <c r="HHJ39" s="927" t="s">
        <v>3816</v>
      </c>
      <c r="HHK39" s="927" t="s">
        <v>3816</v>
      </c>
      <c r="HHL39" s="927" t="s">
        <v>3816</v>
      </c>
      <c r="HHM39" s="927" t="s">
        <v>3816</v>
      </c>
      <c r="HHN39" s="927" t="s">
        <v>3816</v>
      </c>
      <c r="HHO39" s="927" t="s">
        <v>3816</v>
      </c>
      <c r="HHP39" s="927" t="s">
        <v>3816</v>
      </c>
      <c r="HHQ39" s="927" t="s">
        <v>3816</v>
      </c>
      <c r="HHR39" s="927" t="s">
        <v>3816</v>
      </c>
      <c r="HHS39" s="927" t="s">
        <v>3816</v>
      </c>
      <c r="HHT39" s="927" t="s">
        <v>3816</v>
      </c>
      <c r="HHU39" s="927" t="s">
        <v>3816</v>
      </c>
      <c r="HHV39" s="927" t="s">
        <v>3816</v>
      </c>
      <c r="HHW39" s="927" t="s">
        <v>3816</v>
      </c>
      <c r="HHX39" s="927" t="s">
        <v>3816</v>
      </c>
      <c r="HHY39" s="927" t="s">
        <v>3816</v>
      </c>
      <c r="HHZ39" s="927" t="s">
        <v>3816</v>
      </c>
      <c r="HIA39" s="927" t="s">
        <v>3816</v>
      </c>
      <c r="HIB39" s="927" t="s">
        <v>3816</v>
      </c>
      <c r="HIC39" s="927" t="s">
        <v>3816</v>
      </c>
      <c r="HID39" s="927" t="s">
        <v>3816</v>
      </c>
      <c r="HIE39" s="927" t="s">
        <v>3816</v>
      </c>
      <c r="HIF39" s="927" t="s">
        <v>3816</v>
      </c>
      <c r="HIG39" s="927" t="s">
        <v>3816</v>
      </c>
      <c r="HIH39" s="927" t="s">
        <v>3816</v>
      </c>
      <c r="HII39" s="927" t="s">
        <v>3816</v>
      </c>
      <c r="HIJ39" s="927" t="s">
        <v>3816</v>
      </c>
      <c r="HIK39" s="927" t="s">
        <v>3816</v>
      </c>
      <c r="HIL39" s="927" t="s">
        <v>3816</v>
      </c>
      <c r="HIM39" s="927" t="s">
        <v>3816</v>
      </c>
      <c r="HIN39" s="927" t="s">
        <v>3816</v>
      </c>
      <c r="HIO39" s="927" t="s">
        <v>3816</v>
      </c>
      <c r="HIP39" s="927" t="s">
        <v>3816</v>
      </c>
      <c r="HIQ39" s="927" t="s">
        <v>3816</v>
      </c>
      <c r="HIR39" s="927" t="s">
        <v>3816</v>
      </c>
      <c r="HIS39" s="927" t="s">
        <v>3816</v>
      </c>
      <c r="HIT39" s="927" t="s">
        <v>3816</v>
      </c>
      <c r="HIU39" s="927" t="s">
        <v>3816</v>
      </c>
      <c r="HIV39" s="927" t="s">
        <v>3816</v>
      </c>
      <c r="HIW39" s="927" t="s">
        <v>3816</v>
      </c>
      <c r="HIX39" s="927" t="s">
        <v>3816</v>
      </c>
      <c r="HIY39" s="927" t="s">
        <v>3816</v>
      </c>
      <c r="HIZ39" s="927" t="s">
        <v>3816</v>
      </c>
      <c r="HJA39" s="927" t="s">
        <v>3816</v>
      </c>
      <c r="HJB39" s="927" t="s">
        <v>3816</v>
      </c>
      <c r="HJC39" s="927" t="s">
        <v>3816</v>
      </c>
      <c r="HJD39" s="927" t="s">
        <v>3816</v>
      </c>
      <c r="HJE39" s="927" t="s">
        <v>3816</v>
      </c>
      <c r="HJF39" s="927" t="s">
        <v>3816</v>
      </c>
      <c r="HJG39" s="927" t="s">
        <v>3816</v>
      </c>
      <c r="HJH39" s="927" t="s">
        <v>3816</v>
      </c>
      <c r="HJI39" s="927" t="s">
        <v>3816</v>
      </c>
      <c r="HJJ39" s="927" t="s">
        <v>3816</v>
      </c>
      <c r="HJK39" s="927" t="s">
        <v>3816</v>
      </c>
      <c r="HJL39" s="927" t="s">
        <v>3816</v>
      </c>
      <c r="HJM39" s="927" t="s">
        <v>3816</v>
      </c>
      <c r="HJN39" s="927" t="s">
        <v>3816</v>
      </c>
      <c r="HJO39" s="927" t="s">
        <v>3816</v>
      </c>
      <c r="HJP39" s="927" t="s">
        <v>3816</v>
      </c>
      <c r="HJQ39" s="927" t="s">
        <v>3816</v>
      </c>
      <c r="HJR39" s="927" t="s">
        <v>3816</v>
      </c>
      <c r="HJS39" s="927" t="s">
        <v>3816</v>
      </c>
      <c r="HJT39" s="927" t="s">
        <v>3816</v>
      </c>
      <c r="HJU39" s="927" t="s">
        <v>3816</v>
      </c>
      <c r="HJV39" s="927" t="s">
        <v>3816</v>
      </c>
      <c r="HJW39" s="927" t="s">
        <v>3816</v>
      </c>
      <c r="HJX39" s="927" t="s">
        <v>3816</v>
      </c>
      <c r="HJY39" s="927" t="s">
        <v>3816</v>
      </c>
      <c r="HJZ39" s="927" t="s">
        <v>3816</v>
      </c>
      <c r="HKA39" s="927" t="s">
        <v>3816</v>
      </c>
      <c r="HKB39" s="927" t="s">
        <v>3816</v>
      </c>
      <c r="HKC39" s="927" t="s">
        <v>3816</v>
      </c>
      <c r="HKD39" s="927" t="s">
        <v>3816</v>
      </c>
      <c r="HKE39" s="927" t="s">
        <v>3816</v>
      </c>
      <c r="HKF39" s="927" t="s">
        <v>3816</v>
      </c>
      <c r="HKG39" s="927" t="s">
        <v>3816</v>
      </c>
      <c r="HKH39" s="927" t="s">
        <v>3816</v>
      </c>
      <c r="HKI39" s="927" t="s">
        <v>3816</v>
      </c>
      <c r="HKJ39" s="927" t="s">
        <v>3816</v>
      </c>
      <c r="HKK39" s="927" t="s">
        <v>3816</v>
      </c>
      <c r="HKL39" s="927" t="s">
        <v>3816</v>
      </c>
      <c r="HKM39" s="927" t="s">
        <v>3816</v>
      </c>
      <c r="HKN39" s="927" t="s">
        <v>3816</v>
      </c>
      <c r="HKO39" s="927" t="s">
        <v>3816</v>
      </c>
      <c r="HKP39" s="927" t="s">
        <v>3816</v>
      </c>
      <c r="HKQ39" s="927" t="s">
        <v>3816</v>
      </c>
      <c r="HKR39" s="927" t="s">
        <v>3816</v>
      </c>
      <c r="HKS39" s="927" t="s">
        <v>3816</v>
      </c>
      <c r="HKT39" s="927" t="s">
        <v>3816</v>
      </c>
      <c r="HKU39" s="927" t="s">
        <v>3816</v>
      </c>
      <c r="HKV39" s="927" t="s">
        <v>3816</v>
      </c>
      <c r="HKW39" s="927" t="s">
        <v>3816</v>
      </c>
      <c r="HKX39" s="927" t="s">
        <v>3816</v>
      </c>
      <c r="HKY39" s="927" t="s">
        <v>3816</v>
      </c>
      <c r="HKZ39" s="927" t="s">
        <v>3816</v>
      </c>
      <c r="HLA39" s="927" t="s">
        <v>3816</v>
      </c>
      <c r="HLB39" s="927" t="s">
        <v>3816</v>
      </c>
      <c r="HLC39" s="927" t="s">
        <v>3816</v>
      </c>
      <c r="HLD39" s="927" t="s">
        <v>3816</v>
      </c>
      <c r="HLE39" s="927" t="s">
        <v>3816</v>
      </c>
      <c r="HLF39" s="927" t="s">
        <v>3816</v>
      </c>
      <c r="HLG39" s="927" t="s">
        <v>3816</v>
      </c>
      <c r="HLH39" s="927" t="s">
        <v>3816</v>
      </c>
      <c r="HLI39" s="927" t="s">
        <v>3816</v>
      </c>
      <c r="HLJ39" s="927" t="s">
        <v>3816</v>
      </c>
      <c r="HLK39" s="927" t="s">
        <v>3816</v>
      </c>
      <c r="HLL39" s="927" t="s">
        <v>3816</v>
      </c>
      <c r="HLM39" s="927" t="s">
        <v>3816</v>
      </c>
      <c r="HLN39" s="927" t="s">
        <v>3816</v>
      </c>
      <c r="HLO39" s="927" t="s">
        <v>3816</v>
      </c>
      <c r="HLP39" s="927" t="s">
        <v>3816</v>
      </c>
      <c r="HLQ39" s="927" t="s">
        <v>3816</v>
      </c>
      <c r="HLR39" s="927" t="s">
        <v>3816</v>
      </c>
      <c r="HLS39" s="927" t="s">
        <v>3816</v>
      </c>
      <c r="HLT39" s="927" t="s">
        <v>3816</v>
      </c>
      <c r="HLU39" s="927" t="s">
        <v>3816</v>
      </c>
      <c r="HLV39" s="927" t="s">
        <v>3816</v>
      </c>
      <c r="HLW39" s="927" t="s">
        <v>3816</v>
      </c>
      <c r="HLX39" s="927" t="s">
        <v>3816</v>
      </c>
      <c r="HLY39" s="927" t="s">
        <v>3816</v>
      </c>
      <c r="HLZ39" s="927" t="s">
        <v>3816</v>
      </c>
      <c r="HMA39" s="927" t="s">
        <v>3816</v>
      </c>
      <c r="HMB39" s="927" t="s">
        <v>3816</v>
      </c>
      <c r="HMC39" s="927" t="s">
        <v>3816</v>
      </c>
      <c r="HMD39" s="927" t="s">
        <v>3816</v>
      </c>
      <c r="HME39" s="927" t="s">
        <v>3816</v>
      </c>
      <c r="HMF39" s="927" t="s">
        <v>3816</v>
      </c>
      <c r="HMG39" s="927" t="s">
        <v>3816</v>
      </c>
      <c r="HMH39" s="927" t="s">
        <v>3816</v>
      </c>
      <c r="HMI39" s="927" t="s">
        <v>3816</v>
      </c>
      <c r="HMJ39" s="927" t="s">
        <v>3816</v>
      </c>
      <c r="HMK39" s="927" t="s">
        <v>3816</v>
      </c>
      <c r="HML39" s="927" t="s">
        <v>3816</v>
      </c>
      <c r="HMM39" s="927" t="s">
        <v>3816</v>
      </c>
      <c r="HMN39" s="927" t="s">
        <v>3816</v>
      </c>
      <c r="HMO39" s="927" t="s">
        <v>3816</v>
      </c>
      <c r="HMP39" s="927" t="s">
        <v>3816</v>
      </c>
      <c r="HMQ39" s="927" t="s">
        <v>3816</v>
      </c>
      <c r="HMR39" s="927" t="s">
        <v>3816</v>
      </c>
      <c r="HMS39" s="927" t="s">
        <v>3816</v>
      </c>
      <c r="HMT39" s="927" t="s">
        <v>3816</v>
      </c>
      <c r="HMU39" s="927" t="s">
        <v>3816</v>
      </c>
      <c r="HMV39" s="927" t="s">
        <v>3816</v>
      </c>
      <c r="HMW39" s="927" t="s">
        <v>3816</v>
      </c>
      <c r="HMX39" s="927" t="s">
        <v>3816</v>
      </c>
      <c r="HMY39" s="927" t="s">
        <v>3816</v>
      </c>
      <c r="HMZ39" s="927" t="s">
        <v>3816</v>
      </c>
      <c r="HNA39" s="927" t="s">
        <v>3816</v>
      </c>
      <c r="HNB39" s="927" t="s">
        <v>3816</v>
      </c>
      <c r="HNC39" s="927" t="s">
        <v>3816</v>
      </c>
      <c r="HND39" s="927" t="s">
        <v>3816</v>
      </c>
      <c r="HNE39" s="927" t="s">
        <v>3816</v>
      </c>
      <c r="HNF39" s="927" t="s">
        <v>3816</v>
      </c>
      <c r="HNG39" s="927" t="s">
        <v>3816</v>
      </c>
      <c r="HNH39" s="927" t="s">
        <v>3816</v>
      </c>
      <c r="HNI39" s="927" t="s">
        <v>3816</v>
      </c>
      <c r="HNJ39" s="927" t="s">
        <v>3816</v>
      </c>
      <c r="HNK39" s="927" t="s">
        <v>3816</v>
      </c>
      <c r="HNL39" s="927" t="s">
        <v>3816</v>
      </c>
      <c r="HNM39" s="927" t="s">
        <v>3816</v>
      </c>
      <c r="HNN39" s="927" t="s">
        <v>3816</v>
      </c>
      <c r="HNO39" s="927" t="s">
        <v>3816</v>
      </c>
      <c r="HNP39" s="927" t="s">
        <v>3816</v>
      </c>
      <c r="HNQ39" s="927" t="s">
        <v>3816</v>
      </c>
      <c r="HNR39" s="927" t="s">
        <v>3816</v>
      </c>
      <c r="HNS39" s="927" t="s">
        <v>3816</v>
      </c>
      <c r="HNT39" s="927" t="s">
        <v>3816</v>
      </c>
      <c r="HNU39" s="927" t="s">
        <v>3816</v>
      </c>
      <c r="HNV39" s="927" t="s">
        <v>3816</v>
      </c>
      <c r="HNW39" s="927" t="s">
        <v>3816</v>
      </c>
      <c r="HNX39" s="927" t="s">
        <v>3816</v>
      </c>
      <c r="HNY39" s="927" t="s">
        <v>3816</v>
      </c>
      <c r="HNZ39" s="927" t="s">
        <v>3816</v>
      </c>
      <c r="HOA39" s="927" t="s">
        <v>3816</v>
      </c>
      <c r="HOB39" s="927" t="s">
        <v>3816</v>
      </c>
      <c r="HOC39" s="927" t="s">
        <v>3816</v>
      </c>
      <c r="HOD39" s="927" t="s">
        <v>3816</v>
      </c>
      <c r="HOE39" s="927" t="s">
        <v>3816</v>
      </c>
      <c r="HOF39" s="927" t="s">
        <v>3816</v>
      </c>
      <c r="HOG39" s="927" t="s">
        <v>3816</v>
      </c>
      <c r="HOH39" s="927" t="s">
        <v>3816</v>
      </c>
      <c r="HOI39" s="927" t="s">
        <v>3816</v>
      </c>
      <c r="HOJ39" s="927" t="s">
        <v>3816</v>
      </c>
      <c r="HOK39" s="927" t="s">
        <v>3816</v>
      </c>
      <c r="HOL39" s="927" t="s">
        <v>3816</v>
      </c>
      <c r="HOM39" s="927" t="s">
        <v>3816</v>
      </c>
      <c r="HON39" s="927" t="s">
        <v>3816</v>
      </c>
      <c r="HOO39" s="927" t="s">
        <v>3816</v>
      </c>
      <c r="HOP39" s="927" t="s">
        <v>3816</v>
      </c>
      <c r="HOQ39" s="927" t="s">
        <v>3816</v>
      </c>
      <c r="HOR39" s="927" t="s">
        <v>3816</v>
      </c>
      <c r="HOS39" s="927" t="s">
        <v>3816</v>
      </c>
      <c r="HOT39" s="927" t="s">
        <v>3816</v>
      </c>
      <c r="HOU39" s="927" t="s">
        <v>3816</v>
      </c>
      <c r="HOV39" s="927" t="s">
        <v>3816</v>
      </c>
      <c r="HOW39" s="927" t="s">
        <v>3816</v>
      </c>
      <c r="HOX39" s="927" t="s">
        <v>3816</v>
      </c>
      <c r="HOY39" s="927" t="s">
        <v>3816</v>
      </c>
      <c r="HOZ39" s="927" t="s">
        <v>3816</v>
      </c>
      <c r="HPA39" s="927" t="s">
        <v>3816</v>
      </c>
      <c r="HPB39" s="927" t="s">
        <v>3816</v>
      </c>
      <c r="HPC39" s="927" t="s">
        <v>3816</v>
      </c>
      <c r="HPD39" s="927" t="s">
        <v>3816</v>
      </c>
      <c r="HPE39" s="927" t="s">
        <v>3816</v>
      </c>
      <c r="HPF39" s="927" t="s">
        <v>3816</v>
      </c>
      <c r="HPG39" s="927" t="s">
        <v>3816</v>
      </c>
      <c r="HPH39" s="927" t="s">
        <v>3816</v>
      </c>
      <c r="HPI39" s="927" t="s">
        <v>3816</v>
      </c>
      <c r="HPJ39" s="927" t="s">
        <v>3816</v>
      </c>
      <c r="HPK39" s="927" t="s">
        <v>3816</v>
      </c>
      <c r="HPL39" s="927" t="s">
        <v>3816</v>
      </c>
      <c r="HPM39" s="927" t="s">
        <v>3816</v>
      </c>
      <c r="HPN39" s="927" t="s">
        <v>3816</v>
      </c>
      <c r="HPO39" s="927" t="s">
        <v>3816</v>
      </c>
      <c r="HPP39" s="927" t="s">
        <v>3816</v>
      </c>
      <c r="HPQ39" s="927" t="s">
        <v>3816</v>
      </c>
      <c r="HPR39" s="927" t="s">
        <v>3816</v>
      </c>
      <c r="HPS39" s="927" t="s">
        <v>3816</v>
      </c>
      <c r="HPT39" s="927" t="s">
        <v>3816</v>
      </c>
      <c r="HPU39" s="927" t="s">
        <v>3816</v>
      </c>
      <c r="HPV39" s="927" t="s">
        <v>3816</v>
      </c>
      <c r="HPW39" s="927" t="s">
        <v>3816</v>
      </c>
      <c r="HPX39" s="927" t="s">
        <v>3816</v>
      </c>
      <c r="HPY39" s="927" t="s">
        <v>3816</v>
      </c>
      <c r="HPZ39" s="927" t="s">
        <v>3816</v>
      </c>
      <c r="HQA39" s="927" t="s">
        <v>3816</v>
      </c>
      <c r="HQB39" s="927" t="s">
        <v>3816</v>
      </c>
      <c r="HQC39" s="927" t="s">
        <v>3816</v>
      </c>
      <c r="HQD39" s="927" t="s">
        <v>3816</v>
      </c>
      <c r="HQE39" s="927" t="s">
        <v>3816</v>
      </c>
      <c r="HQF39" s="927" t="s">
        <v>3816</v>
      </c>
      <c r="HQG39" s="927" t="s">
        <v>3816</v>
      </c>
      <c r="HQH39" s="927" t="s">
        <v>3816</v>
      </c>
      <c r="HQI39" s="927" t="s">
        <v>3816</v>
      </c>
      <c r="HQJ39" s="927" t="s">
        <v>3816</v>
      </c>
      <c r="HQK39" s="927" t="s">
        <v>3816</v>
      </c>
      <c r="HQL39" s="927" t="s">
        <v>3816</v>
      </c>
      <c r="HQM39" s="927" t="s">
        <v>3816</v>
      </c>
      <c r="HQN39" s="927" t="s">
        <v>3816</v>
      </c>
      <c r="HQO39" s="927" t="s">
        <v>3816</v>
      </c>
      <c r="HQP39" s="927" t="s">
        <v>3816</v>
      </c>
      <c r="HQQ39" s="927" t="s">
        <v>3816</v>
      </c>
      <c r="HQR39" s="927" t="s">
        <v>3816</v>
      </c>
      <c r="HQS39" s="927" t="s">
        <v>3816</v>
      </c>
      <c r="HQT39" s="927" t="s">
        <v>3816</v>
      </c>
      <c r="HQU39" s="927" t="s">
        <v>3816</v>
      </c>
      <c r="HQV39" s="927" t="s">
        <v>3816</v>
      </c>
      <c r="HQW39" s="927" t="s">
        <v>3816</v>
      </c>
      <c r="HQX39" s="927" t="s">
        <v>3816</v>
      </c>
      <c r="HQY39" s="927" t="s">
        <v>3816</v>
      </c>
      <c r="HQZ39" s="927" t="s">
        <v>3816</v>
      </c>
      <c r="HRA39" s="927" t="s">
        <v>3816</v>
      </c>
      <c r="HRB39" s="927" t="s">
        <v>3816</v>
      </c>
      <c r="HRC39" s="927" t="s">
        <v>3816</v>
      </c>
      <c r="HRD39" s="927" t="s">
        <v>3816</v>
      </c>
      <c r="HRE39" s="927" t="s">
        <v>3816</v>
      </c>
      <c r="HRF39" s="927" t="s">
        <v>3816</v>
      </c>
      <c r="HRG39" s="927" t="s">
        <v>3816</v>
      </c>
      <c r="HRH39" s="927" t="s">
        <v>3816</v>
      </c>
      <c r="HRI39" s="927" t="s">
        <v>3816</v>
      </c>
      <c r="HRJ39" s="927" t="s">
        <v>3816</v>
      </c>
      <c r="HRK39" s="927" t="s">
        <v>3816</v>
      </c>
      <c r="HRL39" s="927" t="s">
        <v>3816</v>
      </c>
      <c r="HRM39" s="927" t="s">
        <v>3816</v>
      </c>
      <c r="HRN39" s="927" t="s">
        <v>3816</v>
      </c>
      <c r="HRO39" s="927" t="s">
        <v>3816</v>
      </c>
      <c r="HRP39" s="927" t="s">
        <v>3816</v>
      </c>
      <c r="HRQ39" s="927" t="s">
        <v>3816</v>
      </c>
      <c r="HRR39" s="927" t="s">
        <v>3816</v>
      </c>
      <c r="HRS39" s="927" t="s">
        <v>3816</v>
      </c>
      <c r="HRT39" s="927" t="s">
        <v>3816</v>
      </c>
      <c r="HRU39" s="927" t="s">
        <v>3816</v>
      </c>
      <c r="HRV39" s="927" t="s">
        <v>3816</v>
      </c>
      <c r="HRW39" s="927" t="s">
        <v>3816</v>
      </c>
      <c r="HRX39" s="927" t="s">
        <v>3816</v>
      </c>
      <c r="HRY39" s="927" t="s">
        <v>3816</v>
      </c>
      <c r="HRZ39" s="927" t="s">
        <v>3816</v>
      </c>
      <c r="HSA39" s="927" t="s">
        <v>3816</v>
      </c>
      <c r="HSB39" s="927" t="s">
        <v>3816</v>
      </c>
      <c r="HSC39" s="927" t="s">
        <v>3816</v>
      </c>
      <c r="HSD39" s="927" t="s">
        <v>3816</v>
      </c>
      <c r="HSE39" s="927" t="s">
        <v>3816</v>
      </c>
      <c r="HSF39" s="927" t="s">
        <v>3816</v>
      </c>
      <c r="HSG39" s="927" t="s">
        <v>3816</v>
      </c>
      <c r="HSH39" s="927" t="s">
        <v>3816</v>
      </c>
      <c r="HSI39" s="927" t="s">
        <v>3816</v>
      </c>
      <c r="HSJ39" s="927" t="s">
        <v>3816</v>
      </c>
      <c r="HSK39" s="927" t="s">
        <v>3816</v>
      </c>
      <c r="HSL39" s="927" t="s">
        <v>3816</v>
      </c>
      <c r="HSM39" s="927" t="s">
        <v>3816</v>
      </c>
      <c r="HSN39" s="927" t="s">
        <v>3816</v>
      </c>
      <c r="HSO39" s="927" t="s">
        <v>3816</v>
      </c>
      <c r="HSP39" s="927" t="s">
        <v>3816</v>
      </c>
      <c r="HSQ39" s="927" t="s">
        <v>3816</v>
      </c>
      <c r="HSR39" s="927" t="s">
        <v>3816</v>
      </c>
      <c r="HSS39" s="927" t="s">
        <v>3816</v>
      </c>
      <c r="HST39" s="927" t="s">
        <v>3816</v>
      </c>
      <c r="HSU39" s="927" t="s">
        <v>3816</v>
      </c>
      <c r="HSV39" s="927" t="s">
        <v>3816</v>
      </c>
      <c r="HSW39" s="927" t="s">
        <v>3816</v>
      </c>
      <c r="HSX39" s="927" t="s">
        <v>3816</v>
      </c>
      <c r="HSY39" s="927" t="s">
        <v>3816</v>
      </c>
      <c r="HSZ39" s="927" t="s">
        <v>3816</v>
      </c>
      <c r="HTA39" s="927" t="s">
        <v>3816</v>
      </c>
      <c r="HTB39" s="927" t="s">
        <v>3816</v>
      </c>
      <c r="HTC39" s="927" t="s">
        <v>3816</v>
      </c>
      <c r="HTD39" s="927" t="s">
        <v>3816</v>
      </c>
      <c r="HTE39" s="927" t="s">
        <v>3816</v>
      </c>
      <c r="HTF39" s="927" t="s">
        <v>3816</v>
      </c>
      <c r="HTG39" s="927" t="s">
        <v>3816</v>
      </c>
      <c r="HTH39" s="927" t="s">
        <v>3816</v>
      </c>
      <c r="HTI39" s="927" t="s">
        <v>3816</v>
      </c>
      <c r="HTJ39" s="927" t="s">
        <v>3816</v>
      </c>
      <c r="HTK39" s="927" t="s">
        <v>3816</v>
      </c>
      <c r="HTL39" s="927" t="s">
        <v>3816</v>
      </c>
      <c r="HTM39" s="927" t="s">
        <v>3816</v>
      </c>
      <c r="HTN39" s="927" t="s">
        <v>3816</v>
      </c>
      <c r="HTO39" s="927" t="s">
        <v>3816</v>
      </c>
      <c r="HTP39" s="927" t="s">
        <v>3816</v>
      </c>
      <c r="HTQ39" s="927" t="s">
        <v>3816</v>
      </c>
      <c r="HTR39" s="927" t="s">
        <v>3816</v>
      </c>
      <c r="HTS39" s="927" t="s">
        <v>3816</v>
      </c>
      <c r="HTT39" s="927" t="s">
        <v>3816</v>
      </c>
      <c r="HTU39" s="927" t="s">
        <v>3816</v>
      </c>
      <c r="HTV39" s="927" t="s">
        <v>3816</v>
      </c>
      <c r="HTW39" s="927" t="s">
        <v>3816</v>
      </c>
      <c r="HTX39" s="927" t="s">
        <v>3816</v>
      </c>
      <c r="HTY39" s="927" t="s">
        <v>3816</v>
      </c>
      <c r="HTZ39" s="927" t="s">
        <v>3816</v>
      </c>
      <c r="HUA39" s="927" t="s">
        <v>3816</v>
      </c>
      <c r="HUB39" s="927" t="s">
        <v>3816</v>
      </c>
      <c r="HUC39" s="927" t="s">
        <v>3816</v>
      </c>
      <c r="HUD39" s="927" t="s">
        <v>3816</v>
      </c>
      <c r="HUE39" s="927" t="s">
        <v>3816</v>
      </c>
      <c r="HUF39" s="927" t="s">
        <v>3816</v>
      </c>
      <c r="HUG39" s="927" t="s">
        <v>3816</v>
      </c>
      <c r="HUH39" s="927" t="s">
        <v>3816</v>
      </c>
      <c r="HUI39" s="927" t="s">
        <v>3816</v>
      </c>
      <c r="HUJ39" s="927" t="s">
        <v>3816</v>
      </c>
      <c r="HUK39" s="927" t="s">
        <v>3816</v>
      </c>
      <c r="HUL39" s="927" t="s">
        <v>3816</v>
      </c>
      <c r="HUM39" s="927" t="s">
        <v>3816</v>
      </c>
      <c r="HUN39" s="927" t="s">
        <v>3816</v>
      </c>
      <c r="HUO39" s="927" t="s">
        <v>3816</v>
      </c>
      <c r="HUP39" s="927" t="s">
        <v>3816</v>
      </c>
      <c r="HUQ39" s="927" t="s">
        <v>3816</v>
      </c>
      <c r="HUR39" s="927" t="s">
        <v>3816</v>
      </c>
      <c r="HUS39" s="927" t="s">
        <v>3816</v>
      </c>
      <c r="HUT39" s="927" t="s">
        <v>3816</v>
      </c>
      <c r="HUU39" s="927" t="s">
        <v>3816</v>
      </c>
      <c r="HUV39" s="927" t="s">
        <v>3816</v>
      </c>
      <c r="HUW39" s="927" t="s">
        <v>3816</v>
      </c>
      <c r="HUX39" s="927" t="s">
        <v>3816</v>
      </c>
      <c r="HUY39" s="927" t="s">
        <v>3816</v>
      </c>
      <c r="HUZ39" s="927" t="s">
        <v>3816</v>
      </c>
      <c r="HVA39" s="927" t="s">
        <v>3816</v>
      </c>
      <c r="HVB39" s="927" t="s">
        <v>3816</v>
      </c>
      <c r="HVC39" s="927" t="s">
        <v>3816</v>
      </c>
      <c r="HVD39" s="927" t="s">
        <v>3816</v>
      </c>
      <c r="HVE39" s="927" t="s">
        <v>3816</v>
      </c>
      <c r="HVF39" s="927" t="s">
        <v>3816</v>
      </c>
      <c r="HVG39" s="927" t="s">
        <v>3816</v>
      </c>
      <c r="HVH39" s="927" t="s">
        <v>3816</v>
      </c>
      <c r="HVI39" s="927" t="s">
        <v>3816</v>
      </c>
      <c r="HVJ39" s="927" t="s">
        <v>3816</v>
      </c>
      <c r="HVK39" s="927" t="s">
        <v>3816</v>
      </c>
      <c r="HVL39" s="927" t="s">
        <v>3816</v>
      </c>
      <c r="HVM39" s="927" t="s">
        <v>3816</v>
      </c>
      <c r="HVN39" s="927" t="s">
        <v>3816</v>
      </c>
      <c r="HVO39" s="927" t="s">
        <v>3816</v>
      </c>
      <c r="HVP39" s="927" t="s">
        <v>3816</v>
      </c>
      <c r="HVQ39" s="927" t="s">
        <v>3816</v>
      </c>
      <c r="HVR39" s="927" t="s">
        <v>3816</v>
      </c>
      <c r="HVS39" s="927" t="s">
        <v>3816</v>
      </c>
      <c r="HVT39" s="927" t="s">
        <v>3816</v>
      </c>
      <c r="HVU39" s="927" t="s">
        <v>3816</v>
      </c>
      <c r="HVV39" s="927" t="s">
        <v>3816</v>
      </c>
      <c r="HVW39" s="927" t="s">
        <v>3816</v>
      </c>
      <c r="HVX39" s="927" t="s">
        <v>3816</v>
      </c>
      <c r="HVY39" s="927" t="s">
        <v>3816</v>
      </c>
      <c r="HVZ39" s="927" t="s">
        <v>3816</v>
      </c>
      <c r="HWA39" s="927" t="s">
        <v>3816</v>
      </c>
      <c r="HWB39" s="927" t="s">
        <v>3816</v>
      </c>
      <c r="HWC39" s="927" t="s">
        <v>3816</v>
      </c>
      <c r="HWD39" s="927" t="s">
        <v>3816</v>
      </c>
      <c r="HWE39" s="927" t="s">
        <v>3816</v>
      </c>
      <c r="HWF39" s="927" t="s">
        <v>3816</v>
      </c>
      <c r="HWG39" s="927" t="s">
        <v>3816</v>
      </c>
      <c r="HWH39" s="927" t="s">
        <v>3816</v>
      </c>
      <c r="HWI39" s="927" t="s">
        <v>3816</v>
      </c>
      <c r="HWJ39" s="927" t="s">
        <v>3816</v>
      </c>
      <c r="HWK39" s="927" t="s">
        <v>3816</v>
      </c>
      <c r="HWL39" s="927" t="s">
        <v>3816</v>
      </c>
      <c r="HWM39" s="927" t="s">
        <v>3816</v>
      </c>
      <c r="HWN39" s="927" t="s">
        <v>3816</v>
      </c>
      <c r="HWO39" s="927" t="s">
        <v>3816</v>
      </c>
      <c r="HWP39" s="927" t="s">
        <v>3816</v>
      </c>
      <c r="HWQ39" s="927" t="s">
        <v>3816</v>
      </c>
      <c r="HWR39" s="927" t="s">
        <v>3816</v>
      </c>
      <c r="HWS39" s="927" t="s">
        <v>3816</v>
      </c>
      <c r="HWT39" s="927" t="s">
        <v>3816</v>
      </c>
      <c r="HWU39" s="927" t="s">
        <v>3816</v>
      </c>
      <c r="HWV39" s="927" t="s">
        <v>3816</v>
      </c>
      <c r="HWW39" s="927" t="s">
        <v>3816</v>
      </c>
      <c r="HWX39" s="927" t="s">
        <v>3816</v>
      </c>
      <c r="HWY39" s="927" t="s">
        <v>3816</v>
      </c>
      <c r="HWZ39" s="927" t="s">
        <v>3816</v>
      </c>
      <c r="HXA39" s="927" t="s">
        <v>3816</v>
      </c>
      <c r="HXB39" s="927" t="s">
        <v>3816</v>
      </c>
      <c r="HXC39" s="927" t="s">
        <v>3816</v>
      </c>
      <c r="HXD39" s="927" t="s">
        <v>3816</v>
      </c>
      <c r="HXE39" s="927" t="s">
        <v>3816</v>
      </c>
      <c r="HXF39" s="927" t="s">
        <v>3816</v>
      </c>
      <c r="HXG39" s="927" t="s">
        <v>3816</v>
      </c>
      <c r="HXH39" s="927" t="s">
        <v>3816</v>
      </c>
      <c r="HXI39" s="927" t="s">
        <v>3816</v>
      </c>
      <c r="HXJ39" s="927" t="s">
        <v>3816</v>
      </c>
      <c r="HXK39" s="927" t="s">
        <v>3816</v>
      </c>
      <c r="HXL39" s="927" t="s">
        <v>3816</v>
      </c>
      <c r="HXM39" s="927" t="s">
        <v>3816</v>
      </c>
      <c r="HXN39" s="927" t="s">
        <v>3816</v>
      </c>
      <c r="HXO39" s="927" t="s">
        <v>3816</v>
      </c>
      <c r="HXP39" s="927" t="s">
        <v>3816</v>
      </c>
      <c r="HXQ39" s="927" t="s">
        <v>3816</v>
      </c>
      <c r="HXR39" s="927" t="s">
        <v>3816</v>
      </c>
      <c r="HXS39" s="927" t="s">
        <v>3816</v>
      </c>
      <c r="HXT39" s="927" t="s">
        <v>3816</v>
      </c>
      <c r="HXU39" s="927" t="s">
        <v>3816</v>
      </c>
      <c r="HXV39" s="927" t="s">
        <v>3816</v>
      </c>
      <c r="HXW39" s="927" t="s">
        <v>3816</v>
      </c>
      <c r="HXX39" s="927" t="s">
        <v>3816</v>
      </c>
      <c r="HXY39" s="927" t="s">
        <v>3816</v>
      </c>
      <c r="HXZ39" s="927" t="s">
        <v>3816</v>
      </c>
      <c r="HYA39" s="927" t="s">
        <v>3816</v>
      </c>
      <c r="HYB39" s="927" t="s">
        <v>3816</v>
      </c>
      <c r="HYC39" s="927" t="s">
        <v>3816</v>
      </c>
      <c r="HYD39" s="927" t="s">
        <v>3816</v>
      </c>
      <c r="HYE39" s="927" t="s">
        <v>3816</v>
      </c>
      <c r="HYF39" s="927" t="s">
        <v>3816</v>
      </c>
      <c r="HYG39" s="927" t="s">
        <v>3816</v>
      </c>
      <c r="HYH39" s="927" t="s">
        <v>3816</v>
      </c>
      <c r="HYI39" s="927" t="s">
        <v>3816</v>
      </c>
      <c r="HYJ39" s="927" t="s">
        <v>3816</v>
      </c>
      <c r="HYK39" s="927" t="s">
        <v>3816</v>
      </c>
      <c r="HYL39" s="927" t="s">
        <v>3816</v>
      </c>
      <c r="HYM39" s="927" t="s">
        <v>3816</v>
      </c>
      <c r="HYN39" s="927" t="s">
        <v>3816</v>
      </c>
      <c r="HYO39" s="927" t="s">
        <v>3816</v>
      </c>
      <c r="HYP39" s="927" t="s">
        <v>3816</v>
      </c>
      <c r="HYQ39" s="927" t="s">
        <v>3816</v>
      </c>
      <c r="HYR39" s="927" t="s">
        <v>3816</v>
      </c>
      <c r="HYS39" s="927" t="s">
        <v>3816</v>
      </c>
      <c r="HYT39" s="927" t="s">
        <v>3816</v>
      </c>
      <c r="HYU39" s="927" t="s">
        <v>3816</v>
      </c>
      <c r="HYV39" s="927" t="s">
        <v>3816</v>
      </c>
      <c r="HYW39" s="927" t="s">
        <v>3816</v>
      </c>
      <c r="HYX39" s="927" t="s">
        <v>3816</v>
      </c>
      <c r="HYY39" s="927" t="s">
        <v>3816</v>
      </c>
      <c r="HYZ39" s="927" t="s">
        <v>3816</v>
      </c>
      <c r="HZA39" s="927" t="s">
        <v>3816</v>
      </c>
      <c r="HZB39" s="927" t="s">
        <v>3816</v>
      </c>
      <c r="HZC39" s="927" t="s">
        <v>3816</v>
      </c>
      <c r="HZD39" s="927" t="s">
        <v>3816</v>
      </c>
      <c r="HZE39" s="927" t="s">
        <v>3816</v>
      </c>
      <c r="HZF39" s="927" t="s">
        <v>3816</v>
      </c>
      <c r="HZG39" s="927" t="s">
        <v>3816</v>
      </c>
      <c r="HZH39" s="927" t="s">
        <v>3816</v>
      </c>
      <c r="HZI39" s="927" t="s">
        <v>3816</v>
      </c>
      <c r="HZJ39" s="927" t="s">
        <v>3816</v>
      </c>
      <c r="HZK39" s="927" t="s">
        <v>3816</v>
      </c>
      <c r="HZL39" s="927" t="s">
        <v>3816</v>
      </c>
      <c r="HZM39" s="927" t="s">
        <v>3816</v>
      </c>
      <c r="HZN39" s="927" t="s">
        <v>3816</v>
      </c>
      <c r="HZO39" s="927" t="s">
        <v>3816</v>
      </c>
      <c r="HZP39" s="927" t="s">
        <v>3816</v>
      </c>
      <c r="HZQ39" s="927" t="s">
        <v>3816</v>
      </c>
      <c r="HZR39" s="927" t="s">
        <v>3816</v>
      </c>
      <c r="HZS39" s="927" t="s">
        <v>3816</v>
      </c>
      <c r="HZT39" s="927" t="s">
        <v>3816</v>
      </c>
      <c r="HZU39" s="927" t="s">
        <v>3816</v>
      </c>
      <c r="HZV39" s="927" t="s">
        <v>3816</v>
      </c>
      <c r="HZW39" s="927" t="s">
        <v>3816</v>
      </c>
      <c r="HZX39" s="927" t="s">
        <v>3816</v>
      </c>
      <c r="HZY39" s="927" t="s">
        <v>3816</v>
      </c>
      <c r="HZZ39" s="927" t="s">
        <v>3816</v>
      </c>
      <c r="IAA39" s="927" t="s">
        <v>3816</v>
      </c>
      <c r="IAB39" s="927" t="s">
        <v>3816</v>
      </c>
      <c r="IAC39" s="927" t="s">
        <v>3816</v>
      </c>
      <c r="IAD39" s="927" t="s">
        <v>3816</v>
      </c>
      <c r="IAE39" s="927" t="s">
        <v>3816</v>
      </c>
      <c r="IAF39" s="927" t="s">
        <v>3816</v>
      </c>
      <c r="IAG39" s="927" t="s">
        <v>3816</v>
      </c>
      <c r="IAH39" s="927" t="s">
        <v>3816</v>
      </c>
      <c r="IAI39" s="927" t="s">
        <v>3816</v>
      </c>
      <c r="IAJ39" s="927" t="s">
        <v>3816</v>
      </c>
      <c r="IAK39" s="927" t="s">
        <v>3816</v>
      </c>
      <c r="IAL39" s="927" t="s">
        <v>3816</v>
      </c>
      <c r="IAM39" s="927" t="s">
        <v>3816</v>
      </c>
      <c r="IAN39" s="927" t="s">
        <v>3816</v>
      </c>
      <c r="IAO39" s="927" t="s">
        <v>3816</v>
      </c>
      <c r="IAP39" s="927" t="s">
        <v>3816</v>
      </c>
      <c r="IAQ39" s="927" t="s">
        <v>3816</v>
      </c>
      <c r="IAR39" s="927" t="s">
        <v>3816</v>
      </c>
      <c r="IAS39" s="927" t="s">
        <v>3816</v>
      </c>
      <c r="IAT39" s="927" t="s">
        <v>3816</v>
      </c>
      <c r="IAU39" s="927" t="s">
        <v>3816</v>
      </c>
      <c r="IAV39" s="927" t="s">
        <v>3816</v>
      </c>
      <c r="IAW39" s="927" t="s">
        <v>3816</v>
      </c>
      <c r="IAX39" s="927" t="s">
        <v>3816</v>
      </c>
      <c r="IAY39" s="927" t="s">
        <v>3816</v>
      </c>
      <c r="IAZ39" s="927" t="s">
        <v>3816</v>
      </c>
      <c r="IBA39" s="927" t="s">
        <v>3816</v>
      </c>
      <c r="IBB39" s="927" t="s">
        <v>3816</v>
      </c>
      <c r="IBC39" s="927" t="s">
        <v>3816</v>
      </c>
      <c r="IBD39" s="927" t="s">
        <v>3816</v>
      </c>
      <c r="IBE39" s="927" t="s">
        <v>3816</v>
      </c>
      <c r="IBF39" s="927" t="s">
        <v>3816</v>
      </c>
      <c r="IBG39" s="927" t="s">
        <v>3816</v>
      </c>
      <c r="IBH39" s="927" t="s">
        <v>3816</v>
      </c>
      <c r="IBI39" s="927" t="s">
        <v>3816</v>
      </c>
      <c r="IBJ39" s="927" t="s">
        <v>3816</v>
      </c>
      <c r="IBK39" s="927" t="s">
        <v>3816</v>
      </c>
      <c r="IBL39" s="927" t="s">
        <v>3816</v>
      </c>
      <c r="IBM39" s="927" t="s">
        <v>3816</v>
      </c>
      <c r="IBN39" s="927" t="s">
        <v>3816</v>
      </c>
      <c r="IBO39" s="927" t="s">
        <v>3816</v>
      </c>
      <c r="IBP39" s="927" t="s">
        <v>3816</v>
      </c>
      <c r="IBQ39" s="927" t="s">
        <v>3816</v>
      </c>
      <c r="IBR39" s="927" t="s">
        <v>3816</v>
      </c>
      <c r="IBS39" s="927" t="s">
        <v>3816</v>
      </c>
      <c r="IBT39" s="927" t="s">
        <v>3816</v>
      </c>
      <c r="IBU39" s="927" t="s">
        <v>3816</v>
      </c>
      <c r="IBV39" s="927" t="s">
        <v>3816</v>
      </c>
      <c r="IBW39" s="927" t="s">
        <v>3816</v>
      </c>
      <c r="IBX39" s="927" t="s">
        <v>3816</v>
      </c>
      <c r="IBY39" s="927" t="s">
        <v>3816</v>
      </c>
      <c r="IBZ39" s="927" t="s">
        <v>3816</v>
      </c>
      <c r="ICA39" s="927" t="s">
        <v>3816</v>
      </c>
      <c r="ICB39" s="927" t="s">
        <v>3816</v>
      </c>
      <c r="ICC39" s="927" t="s">
        <v>3816</v>
      </c>
      <c r="ICD39" s="927" t="s">
        <v>3816</v>
      </c>
      <c r="ICE39" s="927" t="s">
        <v>3816</v>
      </c>
      <c r="ICF39" s="927" t="s">
        <v>3816</v>
      </c>
      <c r="ICG39" s="927" t="s">
        <v>3816</v>
      </c>
      <c r="ICH39" s="927" t="s">
        <v>3816</v>
      </c>
      <c r="ICI39" s="927" t="s">
        <v>3816</v>
      </c>
      <c r="ICJ39" s="927" t="s">
        <v>3816</v>
      </c>
      <c r="ICK39" s="927" t="s">
        <v>3816</v>
      </c>
      <c r="ICL39" s="927" t="s">
        <v>3816</v>
      </c>
      <c r="ICM39" s="927" t="s">
        <v>3816</v>
      </c>
      <c r="ICN39" s="927" t="s">
        <v>3816</v>
      </c>
      <c r="ICO39" s="927" t="s">
        <v>3816</v>
      </c>
      <c r="ICP39" s="927" t="s">
        <v>3816</v>
      </c>
      <c r="ICQ39" s="927" t="s">
        <v>3816</v>
      </c>
      <c r="ICR39" s="927" t="s">
        <v>3816</v>
      </c>
      <c r="ICS39" s="927" t="s">
        <v>3816</v>
      </c>
      <c r="ICT39" s="927" t="s">
        <v>3816</v>
      </c>
      <c r="ICU39" s="927" t="s">
        <v>3816</v>
      </c>
      <c r="ICV39" s="927" t="s">
        <v>3816</v>
      </c>
      <c r="ICW39" s="927" t="s">
        <v>3816</v>
      </c>
      <c r="ICX39" s="927" t="s">
        <v>3816</v>
      </c>
      <c r="ICY39" s="927" t="s">
        <v>3816</v>
      </c>
      <c r="ICZ39" s="927" t="s">
        <v>3816</v>
      </c>
      <c r="IDA39" s="927" t="s">
        <v>3816</v>
      </c>
      <c r="IDB39" s="927" t="s">
        <v>3816</v>
      </c>
      <c r="IDC39" s="927" t="s">
        <v>3816</v>
      </c>
      <c r="IDD39" s="927" t="s">
        <v>3816</v>
      </c>
      <c r="IDE39" s="927" t="s">
        <v>3816</v>
      </c>
      <c r="IDF39" s="927" t="s">
        <v>3816</v>
      </c>
      <c r="IDG39" s="927" t="s">
        <v>3816</v>
      </c>
      <c r="IDH39" s="927" t="s">
        <v>3816</v>
      </c>
      <c r="IDI39" s="927" t="s">
        <v>3816</v>
      </c>
      <c r="IDJ39" s="927" t="s">
        <v>3816</v>
      </c>
      <c r="IDK39" s="927" t="s">
        <v>3816</v>
      </c>
      <c r="IDL39" s="927" t="s">
        <v>3816</v>
      </c>
      <c r="IDM39" s="927" t="s">
        <v>3816</v>
      </c>
      <c r="IDN39" s="927" t="s">
        <v>3816</v>
      </c>
      <c r="IDO39" s="927" t="s">
        <v>3816</v>
      </c>
      <c r="IDP39" s="927" t="s">
        <v>3816</v>
      </c>
      <c r="IDQ39" s="927" t="s">
        <v>3816</v>
      </c>
      <c r="IDR39" s="927" t="s">
        <v>3816</v>
      </c>
      <c r="IDS39" s="927" t="s">
        <v>3816</v>
      </c>
      <c r="IDT39" s="927" t="s">
        <v>3816</v>
      </c>
      <c r="IDU39" s="927" t="s">
        <v>3816</v>
      </c>
      <c r="IDV39" s="927" t="s">
        <v>3816</v>
      </c>
      <c r="IDW39" s="927" t="s">
        <v>3816</v>
      </c>
      <c r="IDX39" s="927" t="s">
        <v>3816</v>
      </c>
      <c r="IDY39" s="927" t="s">
        <v>3816</v>
      </c>
      <c r="IDZ39" s="927" t="s">
        <v>3816</v>
      </c>
      <c r="IEA39" s="927" t="s">
        <v>3816</v>
      </c>
      <c r="IEB39" s="927" t="s">
        <v>3816</v>
      </c>
      <c r="IEC39" s="927" t="s">
        <v>3816</v>
      </c>
      <c r="IED39" s="927" t="s">
        <v>3816</v>
      </c>
      <c r="IEE39" s="927" t="s">
        <v>3816</v>
      </c>
      <c r="IEF39" s="927" t="s">
        <v>3816</v>
      </c>
      <c r="IEG39" s="927" t="s">
        <v>3816</v>
      </c>
      <c r="IEH39" s="927" t="s">
        <v>3816</v>
      </c>
      <c r="IEI39" s="927" t="s">
        <v>3816</v>
      </c>
      <c r="IEJ39" s="927" t="s">
        <v>3816</v>
      </c>
      <c r="IEK39" s="927" t="s">
        <v>3816</v>
      </c>
      <c r="IEL39" s="927" t="s">
        <v>3816</v>
      </c>
      <c r="IEM39" s="927" t="s">
        <v>3816</v>
      </c>
      <c r="IEN39" s="927" t="s">
        <v>3816</v>
      </c>
      <c r="IEO39" s="927" t="s">
        <v>3816</v>
      </c>
      <c r="IEP39" s="927" t="s">
        <v>3816</v>
      </c>
      <c r="IEQ39" s="927" t="s">
        <v>3816</v>
      </c>
      <c r="IER39" s="927" t="s">
        <v>3816</v>
      </c>
      <c r="IES39" s="927" t="s">
        <v>3816</v>
      </c>
      <c r="IET39" s="927" t="s">
        <v>3816</v>
      </c>
      <c r="IEU39" s="927" t="s">
        <v>3816</v>
      </c>
      <c r="IEV39" s="927" t="s">
        <v>3816</v>
      </c>
      <c r="IEW39" s="927" t="s">
        <v>3816</v>
      </c>
      <c r="IEX39" s="927" t="s">
        <v>3816</v>
      </c>
      <c r="IEY39" s="927" t="s">
        <v>3816</v>
      </c>
      <c r="IEZ39" s="927" t="s">
        <v>3816</v>
      </c>
      <c r="IFA39" s="927" t="s">
        <v>3816</v>
      </c>
      <c r="IFB39" s="927" t="s">
        <v>3816</v>
      </c>
      <c r="IFC39" s="927" t="s">
        <v>3816</v>
      </c>
      <c r="IFD39" s="927" t="s">
        <v>3816</v>
      </c>
      <c r="IFE39" s="927" t="s">
        <v>3816</v>
      </c>
      <c r="IFF39" s="927" t="s">
        <v>3816</v>
      </c>
      <c r="IFG39" s="927" t="s">
        <v>3816</v>
      </c>
      <c r="IFH39" s="927" t="s">
        <v>3816</v>
      </c>
      <c r="IFI39" s="927" t="s">
        <v>3816</v>
      </c>
      <c r="IFJ39" s="927" t="s">
        <v>3816</v>
      </c>
      <c r="IFK39" s="927" t="s">
        <v>3816</v>
      </c>
      <c r="IFL39" s="927" t="s">
        <v>3816</v>
      </c>
      <c r="IFM39" s="927" t="s">
        <v>3816</v>
      </c>
      <c r="IFN39" s="927" t="s">
        <v>3816</v>
      </c>
      <c r="IFO39" s="927" t="s">
        <v>3816</v>
      </c>
      <c r="IFP39" s="927" t="s">
        <v>3816</v>
      </c>
      <c r="IFQ39" s="927" t="s">
        <v>3816</v>
      </c>
      <c r="IFR39" s="927" t="s">
        <v>3816</v>
      </c>
      <c r="IFS39" s="927" t="s">
        <v>3816</v>
      </c>
      <c r="IFT39" s="927" t="s">
        <v>3816</v>
      </c>
      <c r="IFU39" s="927" t="s">
        <v>3816</v>
      </c>
      <c r="IFV39" s="927" t="s">
        <v>3816</v>
      </c>
      <c r="IFW39" s="927" t="s">
        <v>3816</v>
      </c>
      <c r="IFX39" s="927" t="s">
        <v>3816</v>
      </c>
      <c r="IFY39" s="927" t="s">
        <v>3816</v>
      </c>
      <c r="IFZ39" s="927" t="s">
        <v>3816</v>
      </c>
      <c r="IGA39" s="927" t="s">
        <v>3816</v>
      </c>
      <c r="IGB39" s="927" t="s">
        <v>3816</v>
      </c>
      <c r="IGC39" s="927" t="s">
        <v>3816</v>
      </c>
      <c r="IGD39" s="927" t="s">
        <v>3816</v>
      </c>
      <c r="IGE39" s="927" t="s">
        <v>3816</v>
      </c>
      <c r="IGF39" s="927" t="s">
        <v>3816</v>
      </c>
      <c r="IGG39" s="927" t="s">
        <v>3816</v>
      </c>
      <c r="IGH39" s="927" t="s">
        <v>3816</v>
      </c>
      <c r="IGI39" s="927" t="s">
        <v>3816</v>
      </c>
      <c r="IGJ39" s="927" t="s">
        <v>3816</v>
      </c>
      <c r="IGK39" s="927" t="s">
        <v>3816</v>
      </c>
      <c r="IGL39" s="927" t="s">
        <v>3816</v>
      </c>
      <c r="IGM39" s="927" t="s">
        <v>3816</v>
      </c>
      <c r="IGN39" s="927" t="s">
        <v>3816</v>
      </c>
      <c r="IGO39" s="927" t="s">
        <v>3816</v>
      </c>
      <c r="IGP39" s="927" t="s">
        <v>3816</v>
      </c>
      <c r="IGQ39" s="927" t="s">
        <v>3816</v>
      </c>
      <c r="IGR39" s="927" t="s">
        <v>3816</v>
      </c>
      <c r="IGS39" s="927" t="s">
        <v>3816</v>
      </c>
      <c r="IGT39" s="927" t="s">
        <v>3816</v>
      </c>
      <c r="IGU39" s="927" t="s">
        <v>3816</v>
      </c>
      <c r="IGV39" s="927" t="s">
        <v>3816</v>
      </c>
      <c r="IGW39" s="927" t="s">
        <v>3816</v>
      </c>
      <c r="IGX39" s="927" t="s">
        <v>3816</v>
      </c>
      <c r="IGY39" s="927" t="s">
        <v>3816</v>
      </c>
      <c r="IGZ39" s="927" t="s">
        <v>3816</v>
      </c>
      <c r="IHA39" s="927" t="s">
        <v>3816</v>
      </c>
      <c r="IHB39" s="927" t="s">
        <v>3816</v>
      </c>
      <c r="IHC39" s="927" t="s">
        <v>3816</v>
      </c>
      <c r="IHD39" s="927" t="s">
        <v>3816</v>
      </c>
      <c r="IHE39" s="927" t="s">
        <v>3816</v>
      </c>
      <c r="IHF39" s="927" t="s">
        <v>3816</v>
      </c>
      <c r="IHG39" s="927" t="s">
        <v>3816</v>
      </c>
      <c r="IHH39" s="927" t="s">
        <v>3816</v>
      </c>
      <c r="IHI39" s="927" t="s">
        <v>3816</v>
      </c>
      <c r="IHJ39" s="927" t="s">
        <v>3816</v>
      </c>
      <c r="IHK39" s="927" t="s">
        <v>3816</v>
      </c>
      <c r="IHL39" s="927" t="s">
        <v>3816</v>
      </c>
      <c r="IHM39" s="927" t="s">
        <v>3816</v>
      </c>
      <c r="IHN39" s="927" t="s">
        <v>3816</v>
      </c>
      <c r="IHO39" s="927" t="s">
        <v>3816</v>
      </c>
      <c r="IHP39" s="927" t="s">
        <v>3816</v>
      </c>
      <c r="IHQ39" s="927" t="s">
        <v>3816</v>
      </c>
      <c r="IHR39" s="927" t="s">
        <v>3816</v>
      </c>
      <c r="IHS39" s="927" t="s">
        <v>3816</v>
      </c>
      <c r="IHT39" s="927" t="s">
        <v>3816</v>
      </c>
      <c r="IHU39" s="927" t="s">
        <v>3816</v>
      </c>
      <c r="IHV39" s="927" t="s">
        <v>3816</v>
      </c>
      <c r="IHW39" s="927" t="s">
        <v>3816</v>
      </c>
      <c r="IHX39" s="927" t="s">
        <v>3816</v>
      </c>
      <c r="IHY39" s="927" t="s">
        <v>3816</v>
      </c>
      <c r="IHZ39" s="927" t="s">
        <v>3816</v>
      </c>
      <c r="IIA39" s="927" t="s">
        <v>3816</v>
      </c>
      <c r="IIB39" s="927" t="s">
        <v>3816</v>
      </c>
      <c r="IIC39" s="927" t="s">
        <v>3816</v>
      </c>
      <c r="IID39" s="927" t="s">
        <v>3816</v>
      </c>
      <c r="IIE39" s="927" t="s">
        <v>3816</v>
      </c>
      <c r="IIF39" s="927" t="s">
        <v>3816</v>
      </c>
      <c r="IIG39" s="927" t="s">
        <v>3816</v>
      </c>
      <c r="IIH39" s="927" t="s">
        <v>3816</v>
      </c>
      <c r="III39" s="927" t="s">
        <v>3816</v>
      </c>
      <c r="IIJ39" s="927" t="s">
        <v>3816</v>
      </c>
      <c r="IIK39" s="927" t="s">
        <v>3816</v>
      </c>
      <c r="IIL39" s="927" t="s">
        <v>3816</v>
      </c>
      <c r="IIM39" s="927" t="s">
        <v>3816</v>
      </c>
      <c r="IIN39" s="927" t="s">
        <v>3816</v>
      </c>
      <c r="IIO39" s="927" t="s">
        <v>3816</v>
      </c>
      <c r="IIP39" s="927" t="s">
        <v>3816</v>
      </c>
      <c r="IIQ39" s="927" t="s">
        <v>3816</v>
      </c>
      <c r="IIR39" s="927" t="s">
        <v>3816</v>
      </c>
      <c r="IIS39" s="927" t="s">
        <v>3816</v>
      </c>
      <c r="IIT39" s="927" t="s">
        <v>3816</v>
      </c>
      <c r="IIU39" s="927" t="s">
        <v>3816</v>
      </c>
      <c r="IIV39" s="927" t="s">
        <v>3816</v>
      </c>
      <c r="IIW39" s="927" t="s">
        <v>3816</v>
      </c>
      <c r="IIX39" s="927" t="s">
        <v>3816</v>
      </c>
      <c r="IIY39" s="927" t="s">
        <v>3816</v>
      </c>
      <c r="IIZ39" s="927" t="s">
        <v>3816</v>
      </c>
      <c r="IJA39" s="927" t="s">
        <v>3816</v>
      </c>
      <c r="IJB39" s="927" t="s">
        <v>3816</v>
      </c>
      <c r="IJC39" s="927" t="s">
        <v>3816</v>
      </c>
      <c r="IJD39" s="927" t="s">
        <v>3816</v>
      </c>
      <c r="IJE39" s="927" t="s">
        <v>3816</v>
      </c>
      <c r="IJF39" s="927" t="s">
        <v>3816</v>
      </c>
      <c r="IJG39" s="927" t="s">
        <v>3816</v>
      </c>
      <c r="IJH39" s="927" t="s">
        <v>3816</v>
      </c>
      <c r="IJI39" s="927" t="s">
        <v>3816</v>
      </c>
      <c r="IJJ39" s="927" t="s">
        <v>3816</v>
      </c>
      <c r="IJK39" s="927" t="s">
        <v>3816</v>
      </c>
      <c r="IJL39" s="927" t="s">
        <v>3816</v>
      </c>
      <c r="IJM39" s="927" t="s">
        <v>3816</v>
      </c>
      <c r="IJN39" s="927" t="s">
        <v>3816</v>
      </c>
      <c r="IJO39" s="927" t="s">
        <v>3816</v>
      </c>
      <c r="IJP39" s="927" t="s">
        <v>3816</v>
      </c>
      <c r="IJQ39" s="927" t="s">
        <v>3816</v>
      </c>
      <c r="IJR39" s="927" t="s">
        <v>3816</v>
      </c>
      <c r="IJS39" s="927" t="s">
        <v>3816</v>
      </c>
      <c r="IJT39" s="927" t="s">
        <v>3816</v>
      </c>
      <c r="IJU39" s="927" t="s">
        <v>3816</v>
      </c>
      <c r="IJV39" s="927" t="s">
        <v>3816</v>
      </c>
      <c r="IJW39" s="927" t="s">
        <v>3816</v>
      </c>
      <c r="IJX39" s="927" t="s">
        <v>3816</v>
      </c>
      <c r="IJY39" s="927" t="s">
        <v>3816</v>
      </c>
      <c r="IJZ39" s="927" t="s">
        <v>3816</v>
      </c>
      <c r="IKA39" s="927" t="s">
        <v>3816</v>
      </c>
      <c r="IKB39" s="927" t="s">
        <v>3816</v>
      </c>
      <c r="IKC39" s="927" t="s">
        <v>3816</v>
      </c>
      <c r="IKD39" s="927" t="s">
        <v>3816</v>
      </c>
      <c r="IKE39" s="927" t="s">
        <v>3816</v>
      </c>
      <c r="IKF39" s="927" t="s">
        <v>3816</v>
      </c>
      <c r="IKG39" s="927" t="s">
        <v>3816</v>
      </c>
      <c r="IKH39" s="927" t="s">
        <v>3816</v>
      </c>
      <c r="IKI39" s="927" t="s">
        <v>3816</v>
      </c>
      <c r="IKJ39" s="927" t="s">
        <v>3816</v>
      </c>
      <c r="IKK39" s="927" t="s">
        <v>3816</v>
      </c>
      <c r="IKL39" s="927" t="s">
        <v>3816</v>
      </c>
      <c r="IKM39" s="927" t="s">
        <v>3816</v>
      </c>
      <c r="IKN39" s="927" t="s">
        <v>3816</v>
      </c>
      <c r="IKO39" s="927" t="s">
        <v>3816</v>
      </c>
      <c r="IKP39" s="927" t="s">
        <v>3816</v>
      </c>
      <c r="IKQ39" s="927" t="s">
        <v>3816</v>
      </c>
      <c r="IKR39" s="927" t="s">
        <v>3816</v>
      </c>
      <c r="IKS39" s="927" t="s">
        <v>3816</v>
      </c>
      <c r="IKT39" s="927" t="s">
        <v>3816</v>
      </c>
      <c r="IKU39" s="927" t="s">
        <v>3816</v>
      </c>
      <c r="IKV39" s="927" t="s">
        <v>3816</v>
      </c>
      <c r="IKW39" s="927" t="s">
        <v>3816</v>
      </c>
      <c r="IKX39" s="927" t="s">
        <v>3816</v>
      </c>
      <c r="IKY39" s="927" t="s">
        <v>3816</v>
      </c>
      <c r="IKZ39" s="927" t="s">
        <v>3816</v>
      </c>
      <c r="ILA39" s="927" t="s">
        <v>3816</v>
      </c>
      <c r="ILB39" s="927" t="s">
        <v>3816</v>
      </c>
      <c r="ILC39" s="927" t="s">
        <v>3816</v>
      </c>
      <c r="ILD39" s="927" t="s">
        <v>3816</v>
      </c>
      <c r="ILE39" s="927" t="s">
        <v>3816</v>
      </c>
      <c r="ILF39" s="927" t="s">
        <v>3816</v>
      </c>
      <c r="ILG39" s="927" t="s">
        <v>3816</v>
      </c>
      <c r="ILH39" s="927" t="s">
        <v>3816</v>
      </c>
      <c r="ILI39" s="927" t="s">
        <v>3816</v>
      </c>
      <c r="ILJ39" s="927" t="s">
        <v>3816</v>
      </c>
      <c r="ILK39" s="927" t="s">
        <v>3816</v>
      </c>
      <c r="ILL39" s="927" t="s">
        <v>3816</v>
      </c>
      <c r="ILM39" s="927" t="s">
        <v>3816</v>
      </c>
      <c r="ILN39" s="927" t="s">
        <v>3816</v>
      </c>
      <c r="ILO39" s="927" t="s">
        <v>3816</v>
      </c>
      <c r="ILP39" s="927" t="s">
        <v>3816</v>
      </c>
      <c r="ILQ39" s="927" t="s">
        <v>3816</v>
      </c>
      <c r="ILR39" s="927" t="s">
        <v>3816</v>
      </c>
      <c r="ILS39" s="927" t="s">
        <v>3816</v>
      </c>
      <c r="ILT39" s="927" t="s">
        <v>3816</v>
      </c>
      <c r="ILU39" s="927" t="s">
        <v>3816</v>
      </c>
      <c r="ILV39" s="927" t="s">
        <v>3816</v>
      </c>
      <c r="ILW39" s="927" t="s">
        <v>3816</v>
      </c>
      <c r="ILX39" s="927" t="s">
        <v>3816</v>
      </c>
      <c r="ILY39" s="927" t="s">
        <v>3816</v>
      </c>
      <c r="ILZ39" s="927" t="s">
        <v>3816</v>
      </c>
      <c r="IMA39" s="927" t="s">
        <v>3816</v>
      </c>
      <c r="IMB39" s="927" t="s">
        <v>3816</v>
      </c>
      <c r="IMC39" s="927" t="s">
        <v>3816</v>
      </c>
      <c r="IMD39" s="927" t="s">
        <v>3816</v>
      </c>
      <c r="IME39" s="927" t="s">
        <v>3816</v>
      </c>
      <c r="IMF39" s="927" t="s">
        <v>3816</v>
      </c>
      <c r="IMG39" s="927" t="s">
        <v>3816</v>
      </c>
      <c r="IMH39" s="927" t="s">
        <v>3816</v>
      </c>
      <c r="IMI39" s="927" t="s">
        <v>3816</v>
      </c>
      <c r="IMJ39" s="927" t="s">
        <v>3816</v>
      </c>
      <c r="IMK39" s="927" t="s">
        <v>3816</v>
      </c>
      <c r="IML39" s="927" t="s">
        <v>3816</v>
      </c>
      <c r="IMM39" s="927" t="s">
        <v>3816</v>
      </c>
      <c r="IMN39" s="927" t="s">
        <v>3816</v>
      </c>
      <c r="IMO39" s="927" t="s">
        <v>3816</v>
      </c>
      <c r="IMP39" s="927" t="s">
        <v>3816</v>
      </c>
      <c r="IMQ39" s="927" t="s">
        <v>3816</v>
      </c>
      <c r="IMR39" s="927" t="s">
        <v>3816</v>
      </c>
      <c r="IMS39" s="927" t="s">
        <v>3816</v>
      </c>
      <c r="IMT39" s="927" t="s">
        <v>3816</v>
      </c>
      <c r="IMU39" s="927" t="s">
        <v>3816</v>
      </c>
      <c r="IMV39" s="927" t="s">
        <v>3816</v>
      </c>
      <c r="IMW39" s="927" t="s">
        <v>3816</v>
      </c>
      <c r="IMX39" s="927" t="s">
        <v>3816</v>
      </c>
      <c r="IMY39" s="927" t="s">
        <v>3816</v>
      </c>
      <c r="IMZ39" s="927" t="s">
        <v>3816</v>
      </c>
      <c r="INA39" s="927" t="s">
        <v>3816</v>
      </c>
      <c r="INB39" s="927" t="s">
        <v>3816</v>
      </c>
      <c r="INC39" s="927" t="s">
        <v>3816</v>
      </c>
      <c r="IND39" s="927" t="s">
        <v>3816</v>
      </c>
      <c r="INE39" s="927" t="s">
        <v>3816</v>
      </c>
      <c r="INF39" s="927" t="s">
        <v>3816</v>
      </c>
      <c r="ING39" s="927" t="s">
        <v>3816</v>
      </c>
      <c r="INH39" s="927" t="s">
        <v>3816</v>
      </c>
      <c r="INI39" s="927" t="s">
        <v>3816</v>
      </c>
      <c r="INJ39" s="927" t="s">
        <v>3816</v>
      </c>
      <c r="INK39" s="927" t="s">
        <v>3816</v>
      </c>
      <c r="INL39" s="927" t="s">
        <v>3816</v>
      </c>
      <c r="INM39" s="927" t="s">
        <v>3816</v>
      </c>
      <c r="INN39" s="927" t="s">
        <v>3816</v>
      </c>
      <c r="INO39" s="927" t="s">
        <v>3816</v>
      </c>
      <c r="INP39" s="927" t="s">
        <v>3816</v>
      </c>
      <c r="INQ39" s="927" t="s">
        <v>3816</v>
      </c>
      <c r="INR39" s="927" t="s">
        <v>3816</v>
      </c>
      <c r="INS39" s="927" t="s">
        <v>3816</v>
      </c>
      <c r="INT39" s="927" t="s">
        <v>3816</v>
      </c>
      <c r="INU39" s="927" t="s">
        <v>3816</v>
      </c>
      <c r="INV39" s="927" t="s">
        <v>3816</v>
      </c>
      <c r="INW39" s="927" t="s">
        <v>3816</v>
      </c>
      <c r="INX39" s="927" t="s">
        <v>3816</v>
      </c>
      <c r="INY39" s="927" t="s">
        <v>3816</v>
      </c>
      <c r="INZ39" s="927" t="s">
        <v>3816</v>
      </c>
      <c r="IOA39" s="927" t="s">
        <v>3816</v>
      </c>
      <c r="IOB39" s="927" t="s">
        <v>3816</v>
      </c>
      <c r="IOC39" s="927" t="s">
        <v>3816</v>
      </c>
      <c r="IOD39" s="927" t="s">
        <v>3816</v>
      </c>
      <c r="IOE39" s="927" t="s">
        <v>3816</v>
      </c>
      <c r="IOF39" s="927" t="s">
        <v>3816</v>
      </c>
      <c r="IOG39" s="927" t="s">
        <v>3816</v>
      </c>
      <c r="IOH39" s="927" t="s">
        <v>3816</v>
      </c>
      <c r="IOI39" s="927" t="s">
        <v>3816</v>
      </c>
      <c r="IOJ39" s="927" t="s">
        <v>3816</v>
      </c>
      <c r="IOK39" s="927" t="s">
        <v>3816</v>
      </c>
      <c r="IOL39" s="927" t="s">
        <v>3816</v>
      </c>
      <c r="IOM39" s="927" t="s">
        <v>3816</v>
      </c>
      <c r="ION39" s="927" t="s">
        <v>3816</v>
      </c>
      <c r="IOO39" s="927" t="s">
        <v>3816</v>
      </c>
      <c r="IOP39" s="927" t="s">
        <v>3816</v>
      </c>
      <c r="IOQ39" s="927" t="s">
        <v>3816</v>
      </c>
      <c r="IOR39" s="927" t="s">
        <v>3816</v>
      </c>
      <c r="IOS39" s="927" t="s">
        <v>3816</v>
      </c>
      <c r="IOT39" s="927" t="s">
        <v>3816</v>
      </c>
      <c r="IOU39" s="927" t="s">
        <v>3816</v>
      </c>
      <c r="IOV39" s="927" t="s">
        <v>3816</v>
      </c>
      <c r="IOW39" s="927" t="s">
        <v>3816</v>
      </c>
      <c r="IOX39" s="927" t="s">
        <v>3816</v>
      </c>
      <c r="IOY39" s="927" t="s">
        <v>3816</v>
      </c>
      <c r="IOZ39" s="927" t="s">
        <v>3816</v>
      </c>
      <c r="IPA39" s="927" t="s">
        <v>3816</v>
      </c>
      <c r="IPB39" s="927" t="s">
        <v>3816</v>
      </c>
      <c r="IPC39" s="927" t="s">
        <v>3816</v>
      </c>
      <c r="IPD39" s="927" t="s">
        <v>3816</v>
      </c>
      <c r="IPE39" s="927" t="s">
        <v>3816</v>
      </c>
      <c r="IPF39" s="927" t="s">
        <v>3816</v>
      </c>
      <c r="IPG39" s="927" t="s">
        <v>3816</v>
      </c>
      <c r="IPH39" s="927" t="s">
        <v>3816</v>
      </c>
      <c r="IPI39" s="927" t="s">
        <v>3816</v>
      </c>
      <c r="IPJ39" s="927" t="s">
        <v>3816</v>
      </c>
      <c r="IPK39" s="927" t="s">
        <v>3816</v>
      </c>
      <c r="IPL39" s="927" t="s">
        <v>3816</v>
      </c>
      <c r="IPM39" s="927" t="s">
        <v>3816</v>
      </c>
      <c r="IPN39" s="927" t="s">
        <v>3816</v>
      </c>
      <c r="IPO39" s="927" t="s">
        <v>3816</v>
      </c>
      <c r="IPP39" s="927" t="s">
        <v>3816</v>
      </c>
      <c r="IPQ39" s="927" t="s">
        <v>3816</v>
      </c>
      <c r="IPR39" s="927" t="s">
        <v>3816</v>
      </c>
      <c r="IPS39" s="927" t="s">
        <v>3816</v>
      </c>
      <c r="IPT39" s="927" t="s">
        <v>3816</v>
      </c>
      <c r="IPU39" s="927" t="s">
        <v>3816</v>
      </c>
      <c r="IPV39" s="927" t="s">
        <v>3816</v>
      </c>
      <c r="IPW39" s="927" t="s">
        <v>3816</v>
      </c>
      <c r="IPX39" s="927" t="s">
        <v>3816</v>
      </c>
      <c r="IPY39" s="927" t="s">
        <v>3816</v>
      </c>
      <c r="IPZ39" s="927" t="s">
        <v>3816</v>
      </c>
      <c r="IQA39" s="927" t="s">
        <v>3816</v>
      </c>
      <c r="IQB39" s="927" t="s">
        <v>3816</v>
      </c>
      <c r="IQC39" s="927" t="s">
        <v>3816</v>
      </c>
      <c r="IQD39" s="927" t="s">
        <v>3816</v>
      </c>
      <c r="IQE39" s="927" t="s">
        <v>3816</v>
      </c>
      <c r="IQF39" s="927" t="s">
        <v>3816</v>
      </c>
      <c r="IQG39" s="927" t="s">
        <v>3816</v>
      </c>
      <c r="IQH39" s="927" t="s">
        <v>3816</v>
      </c>
      <c r="IQI39" s="927" t="s">
        <v>3816</v>
      </c>
      <c r="IQJ39" s="927" t="s">
        <v>3816</v>
      </c>
      <c r="IQK39" s="927" t="s">
        <v>3816</v>
      </c>
      <c r="IQL39" s="927" t="s">
        <v>3816</v>
      </c>
      <c r="IQM39" s="927" t="s">
        <v>3816</v>
      </c>
      <c r="IQN39" s="927" t="s">
        <v>3816</v>
      </c>
      <c r="IQO39" s="927" t="s">
        <v>3816</v>
      </c>
      <c r="IQP39" s="927" t="s">
        <v>3816</v>
      </c>
      <c r="IQQ39" s="927" t="s">
        <v>3816</v>
      </c>
      <c r="IQR39" s="927" t="s">
        <v>3816</v>
      </c>
      <c r="IQS39" s="927" t="s">
        <v>3816</v>
      </c>
      <c r="IQT39" s="927" t="s">
        <v>3816</v>
      </c>
      <c r="IQU39" s="927" t="s">
        <v>3816</v>
      </c>
      <c r="IQV39" s="927" t="s">
        <v>3816</v>
      </c>
      <c r="IQW39" s="927" t="s">
        <v>3816</v>
      </c>
      <c r="IQX39" s="927" t="s">
        <v>3816</v>
      </c>
      <c r="IQY39" s="927" t="s">
        <v>3816</v>
      </c>
      <c r="IQZ39" s="927" t="s">
        <v>3816</v>
      </c>
      <c r="IRA39" s="927" t="s">
        <v>3816</v>
      </c>
      <c r="IRB39" s="927" t="s">
        <v>3816</v>
      </c>
      <c r="IRC39" s="927" t="s">
        <v>3816</v>
      </c>
      <c r="IRD39" s="927" t="s">
        <v>3816</v>
      </c>
      <c r="IRE39" s="927" t="s">
        <v>3816</v>
      </c>
      <c r="IRF39" s="927" t="s">
        <v>3816</v>
      </c>
      <c r="IRG39" s="927" t="s">
        <v>3816</v>
      </c>
      <c r="IRH39" s="927" t="s">
        <v>3816</v>
      </c>
      <c r="IRI39" s="927" t="s">
        <v>3816</v>
      </c>
      <c r="IRJ39" s="927" t="s">
        <v>3816</v>
      </c>
      <c r="IRK39" s="927" t="s">
        <v>3816</v>
      </c>
      <c r="IRL39" s="927" t="s">
        <v>3816</v>
      </c>
      <c r="IRM39" s="927" t="s">
        <v>3816</v>
      </c>
      <c r="IRN39" s="927" t="s">
        <v>3816</v>
      </c>
      <c r="IRO39" s="927" t="s">
        <v>3816</v>
      </c>
      <c r="IRP39" s="927" t="s">
        <v>3816</v>
      </c>
      <c r="IRQ39" s="927" t="s">
        <v>3816</v>
      </c>
      <c r="IRR39" s="927" t="s">
        <v>3816</v>
      </c>
      <c r="IRS39" s="927" t="s">
        <v>3816</v>
      </c>
      <c r="IRT39" s="927" t="s">
        <v>3816</v>
      </c>
      <c r="IRU39" s="927" t="s">
        <v>3816</v>
      </c>
      <c r="IRV39" s="927" t="s">
        <v>3816</v>
      </c>
      <c r="IRW39" s="927" t="s">
        <v>3816</v>
      </c>
      <c r="IRX39" s="927" t="s">
        <v>3816</v>
      </c>
      <c r="IRY39" s="927" t="s">
        <v>3816</v>
      </c>
      <c r="IRZ39" s="927" t="s">
        <v>3816</v>
      </c>
      <c r="ISA39" s="927" t="s">
        <v>3816</v>
      </c>
      <c r="ISB39" s="927" t="s">
        <v>3816</v>
      </c>
      <c r="ISC39" s="927" t="s">
        <v>3816</v>
      </c>
      <c r="ISD39" s="927" t="s">
        <v>3816</v>
      </c>
      <c r="ISE39" s="927" t="s">
        <v>3816</v>
      </c>
      <c r="ISF39" s="927" t="s">
        <v>3816</v>
      </c>
      <c r="ISG39" s="927" t="s">
        <v>3816</v>
      </c>
      <c r="ISH39" s="927" t="s">
        <v>3816</v>
      </c>
      <c r="ISI39" s="927" t="s">
        <v>3816</v>
      </c>
      <c r="ISJ39" s="927" t="s">
        <v>3816</v>
      </c>
      <c r="ISK39" s="927" t="s">
        <v>3816</v>
      </c>
      <c r="ISL39" s="927" t="s">
        <v>3816</v>
      </c>
      <c r="ISM39" s="927" t="s">
        <v>3816</v>
      </c>
      <c r="ISN39" s="927" t="s">
        <v>3816</v>
      </c>
      <c r="ISO39" s="927" t="s">
        <v>3816</v>
      </c>
      <c r="ISP39" s="927" t="s">
        <v>3816</v>
      </c>
      <c r="ISQ39" s="927" t="s">
        <v>3816</v>
      </c>
      <c r="ISR39" s="927" t="s">
        <v>3816</v>
      </c>
      <c r="ISS39" s="927" t="s">
        <v>3816</v>
      </c>
      <c r="IST39" s="927" t="s">
        <v>3816</v>
      </c>
      <c r="ISU39" s="927" t="s">
        <v>3816</v>
      </c>
      <c r="ISV39" s="927" t="s">
        <v>3816</v>
      </c>
      <c r="ISW39" s="927" t="s">
        <v>3816</v>
      </c>
      <c r="ISX39" s="927" t="s">
        <v>3816</v>
      </c>
      <c r="ISY39" s="927" t="s">
        <v>3816</v>
      </c>
      <c r="ISZ39" s="927" t="s">
        <v>3816</v>
      </c>
      <c r="ITA39" s="927" t="s">
        <v>3816</v>
      </c>
      <c r="ITB39" s="927" t="s">
        <v>3816</v>
      </c>
      <c r="ITC39" s="927" t="s">
        <v>3816</v>
      </c>
      <c r="ITD39" s="927" t="s">
        <v>3816</v>
      </c>
      <c r="ITE39" s="927" t="s">
        <v>3816</v>
      </c>
      <c r="ITF39" s="927" t="s">
        <v>3816</v>
      </c>
      <c r="ITG39" s="927" t="s">
        <v>3816</v>
      </c>
      <c r="ITH39" s="927" t="s">
        <v>3816</v>
      </c>
      <c r="ITI39" s="927" t="s">
        <v>3816</v>
      </c>
      <c r="ITJ39" s="927" t="s">
        <v>3816</v>
      </c>
      <c r="ITK39" s="927" t="s">
        <v>3816</v>
      </c>
      <c r="ITL39" s="927" t="s">
        <v>3816</v>
      </c>
      <c r="ITM39" s="927" t="s">
        <v>3816</v>
      </c>
      <c r="ITN39" s="927" t="s">
        <v>3816</v>
      </c>
      <c r="ITO39" s="927" t="s">
        <v>3816</v>
      </c>
      <c r="ITP39" s="927" t="s">
        <v>3816</v>
      </c>
      <c r="ITQ39" s="927" t="s">
        <v>3816</v>
      </c>
      <c r="ITR39" s="927" t="s">
        <v>3816</v>
      </c>
      <c r="ITS39" s="927" t="s">
        <v>3816</v>
      </c>
      <c r="ITT39" s="927" t="s">
        <v>3816</v>
      </c>
      <c r="ITU39" s="927" t="s">
        <v>3816</v>
      </c>
      <c r="ITV39" s="927" t="s">
        <v>3816</v>
      </c>
      <c r="ITW39" s="927" t="s">
        <v>3816</v>
      </c>
      <c r="ITX39" s="927" t="s">
        <v>3816</v>
      </c>
      <c r="ITY39" s="927" t="s">
        <v>3816</v>
      </c>
      <c r="ITZ39" s="927" t="s">
        <v>3816</v>
      </c>
      <c r="IUA39" s="927" t="s">
        <v>3816</v>
      </c>
      <c r="IUB39" s="927" t="s">
        <v>3816</v>
      </c>
      <c r="IUC39" s="927" t="s">
        <v>3816</v>
      </c>
      <c r="IUD39" s="927" t="s">
        <v>3816</v>
      </c>
      <c r="IUE39" s="927" t="s">
        <v>3816</v>
      </c>
      <c r="IUF39" s="927" t="s">
        <v>3816</v>
      </c>
      <c r="IUG39" s="927" t="s">
        <v>3816</v>
      </c>
      <c r="IUH39" s="927" t="s">
        <v>3816</v>
      </c>
      <c r="IUI39" s="927" t="s">
        <v>3816</v>
      </c>
      <c r="IUJ39" s="927" t="s">
        <v>3816</v>
      </c>
      <c r="IUK39" s="927" t="s">
        <v>3816</v>
      </c>
      <c r="IUL39" s="927" t="s">
        <v>3816</v>
      </c>
      <c r="IUM39" s="927" t="s">
        <v>3816</v>
      </c>
      <c r="IUN39" s="927" t="s">
        <v>3816</v>
      </c>
      <c r="IUO39" s="927" t="s">
        <v>3816</v>
      </c>
      <c r="IUP39" s="927" t="s">
        <v>3816</v>
      </c>
      <c r="IUQ39" s="927" t="s">
        <v>3816</v>
      </c>
      <c r="IUR39" s="927" t="s">
        <v>3816</v>
      </c>
      <c r="IUS39" s="927" t="s">
        <v>3816</v>
      </c>
      <c r="IUT39" s="927" t="s">
        <v>3816</v>
      </c>
      <c r="IUU39" s="927" t="s">
        <v>3816</v>
      </c>
      <c r="IUV39" s="927" t="s">
        <v>3816</v>
      </c>
      <c r="IUW39" s="927" t="s">
        <v>3816</v>
      </c>
      <c r="IUX39" s="927" t="s">
        <v>3816</v>
      </c>
      <c r="IUY39" s="927" t="s">
        <v>3816</v>
      </c>
      <c r="IUZ39" s="927" t="s">
        <v>3816</v>
      </c>
      <c r="IVA39" s="927" t="s">
        <v>3816</v>
      </c>
      <c r="IVB39" s="927" t="s">
        <v>3816</v>
      </c>
      <c r="IVC39" s="927" t="s">
        <v>3816</v>
      </c>
      <c r="IVD39" s="927" t="s">
        <v>3816</v>
      </c>
      <c r="IVE39" s="927" t="s">
        <v>3816</v>
      </c>
      <c r="IVF39" s="927" t="s">
        <v>3816</v>
      </c>
      <c r="IVG39" s="927" t="s">
        <v>3816</v>
      </c>
      <c r="IVH39" s="927" t="s">
        <v>3816</v>
      </c>
      <c r="IVI39" s="927" t="s">
        <v>3816</v>
      </c>
      <c r="IVJ39" s="927" t="s">
        <v>3816</v>
      </c>
      <c r="IVK39" s="927" t="s">
        <v>3816</v>
      </c>
      <c r="IVL39" s="927" t="s">
        <v>3816</v>
      </c>
      <c r="IVM39" s="927" t="s">
        <v>3816</v>
      </c>
      <c r="IVN39" s="927" t="s">
        <v>3816</v>
      </c>
      <c r="IVO39" s="927" t="s">
        <v>3816</v>
      </c>
      <c r="IVP39" s="927" t="s">
        <v>3816</v>
      </c>
      <c r="IVQ39" s="927" t="s">
        <v>3816</v>
      </c>
      <c r="IVR39" s="927" t="s">
        <v>3816</v>
      </c>
      <c r="IVS39" s="927" t="s">
        <v>3816</v>
      </c>
      <c r="IVT39" s="927" t="s">
        <v>3816</v>
      </c>
      <c r="IVU39" s="927" t="s">
        <v>3816</v>
      </c>
      <c r="IVV39" s="927" t="s">
        <v>3816</v>
      </c>
      <c r="IVW39" s="927" t="s">
        <v>3816</v>
      </c>
      <c r="IVX39" s="927" t="s">
        <v>3816</v>
      </c>
      <c r="IVY39" s="927" t="s">
        <v>3816</v>
      </c>
      <c r="IVZ39" s="927" t="s">
        <v>3816</v>
      </c>
      <c r="IWA39" s="927" t="s">
        <v>3816</v>
      </c>
      <c r="IWB39" s="927" t="s">
        <v>3816</v>
      </c>
      <c r="IWC39" s="927" t="s">
        <v>3816</v>
      </c>
      <c r="IWD39" s="927" t="s">
        <v>3816</v>
      </c>
      <c r="IWE39" s="927" t="s">
        <v>3816</v>
      </c>
      <c r="IWF39" s="927" t="s">
        <v>3816</v>
      </c>
      <c r="IWG39" s="927" t="s">
        <v>3816</v>
      </c>
      <c r="IWH39" s="927" t="s">
        <v>3816</v>
      </c>
      <c r="IWI39" s="927" t="s">
        <v>3816</v>
      </c>
      <c r="IWJ39" s="927" t="s">
        <v>3816</v>
      </c>
      <c r="IWK39" s="927" t="s">
        <v>3816</v>
      </c>
      <c r="IWL39" s="927" t="s">
        <v>3816</v>
      </c>
      <c r="IWM39" s="927" t="s">
        <v>3816</v>
      </c>
      <c r="IWN39" s="927" t="s">
        <v>3816</v>
      </c>
      <c r="IWO39" s="927" t="s">
        <v>3816</v>
      </c>
      <c r="IWP39" s="927" t="s">
        <v>3816</v>
      </c>
      <c r="IWQ39" s="927" t="s">
        <v>3816</v>
      </c>
      <c r="IWR39" s="927" t="s">
        <v>3816</v>
      </c>
      <c r="IWS39" s="927" t="s">
        <v>3816</v>
      </c>
      <c r="IWT39" s="927" t="s">
        <v>3816</v>
      </c>
      <c r="IWU39" s="927" t="s">
        <v>3816</v>
      </c>
      <c r="IWV39" s="927" t="s">
        <v>3816</v>
      </c>
      <c r="IWW39" s="927" t="s">
        <v>3816</v>
      </c>
      <c r="IWX39" s="927" t="s">
        <v>3816</v>
      </c>
      <c r="IWY39" s="927" t="s">
        <v>3816</v>
      </c>
      <c r="IWZ39" s="927" t="s">
        <v>3816</v>
      </c>
      <c r="IXA39" s="927" t="s">
        <v>3816</v>
      </c>
      <c r="IXB39" s="927" t="s">
        <v>3816</v>
      </c>
      <c r="IXC39" s="927" t="s">
        <v>3816</v>
      </c>
      <c r="IXD39" s="927" t="s">
        <v>3816</v>
      </c>
      <c r="IXE39" s="927" t="s">
        <v>3816</v>
      </c>
      <c r="IXF39" s="927" t="s">
        <v>3816</v>
      </c>
      <c r="IXG39" s="927" t="s">
        <v>3816</v>
      </c>
      <c r="IXH39" s="927" t="s">
        <v>3816</v>
      </c>
      <c r="IXI39" s="927" t="s">
        <v>3816</v>
      </c>
      <c r="IXJ39" s="927" t="s">
        <v>3816</v>
      </c>
      <c r="IXK39" s="927" t="s">
        <v>3816</v>
      </c>
      <c r="IXL39" s="927" t="s">
        <v>3816</v>
      </c>
      <c r="IXM39" s="927" t="s">
        <v>3816</v>
      </c>
      <c r="IXN39" s="927" t="s">
        <v>3816</v>
      </c>
      <c r="IXO39" s="927" t="s">
        <v>3816</v>
      </c>
      <c r="IXP39" s="927" t="s">
        <v>3816</v>
      </c>
      <c r="IXQ39" s="927" t="s">
        <v>3816</v>
      </c>
      <c r="IXR39" s="927" t="s">
        <v>3816</v>
      </c>
      <c r="IXS39" s="927" t="s">
        <v>3816</v>
      </c>
      <c r="IXT39" s="927" t="s">
        <v>3816</v>
      </c>
      <c r="IXU39" s="927" t="s">
        <v>3816</v>
      </c>
      <c r="IXV39" s="927" t="s">
        <v>3816</v>
      </c>
      <c r="IXW39" s="927" t="s">
        <v>3816</v>
      </c>
      <c r="IXX39" s="927" t="s">
        <v>3816</v>
      </c>
      <c r="IXY39" s="927" t="s">
        <v>3816</v>
      </c>
      <c r="IXZ39" s="927" t="s">
        <v>3816</v>
      </c>
      <c r="IYA39" s="927" t="s">
        <v>3816</v>
      </c>
      <c r="IYB39" s="927" t="s">
        <v>3816</v>
      </c>
      <c r="IYC39" s="927" t="s">
        <v>3816</v>
      </c>
      <c r="IYD39" s="927" t="s">
        <v>3816</v>
      </c>
      <c r="IYE39" s="927" t="s">
        <v>3816</v>
      </c>
      <c r="IYF39" s="927" t="s">
        <v>3816</v>
      </c>
      <c r="IYG39" s="927" t="s">
        <v>3816</v>
      </c>
      <c r="IYH39" s="927" t="s">
        <v>3816</v>
      </c>
      <c r="IYI39" s="927" t="s">
        <v>3816</v>
      </c>
      <c r="IYJ39" s="927" t="s">
        <v>3816</v>
      </c>
      <c r="IYK39" s="927" t="s">
        <v>3816</v>
      </c>
      <c r="IYL39" s="927" t="s">
        <v>3816</v>
      </c>
      <c r="IYM39" s="927" t="s">
        <v>3816</v>
      </c>
      <c r="IYN39" s="927" t="s">
        <v>3816</v>
      </c>
      <c r="IYO39" s="927" t="s">
        <v>3816</v>
      </c>
      <c r="IYP39" s="927" t="s">
        <v>3816</v>
      </c>
      <c r="IYQ39" s="927" t="s">
        <v>3816</v>
      </c>
      <c r="IYR39" s="927" t="s">
        <v>3816</v>
      </c>
      <c r="IYS39" s="927" t="s">
        <v>3816</v>
      </c>
      <c r="IYT39" s="927" t="s">
        <v>3816</v>
      </c>
      <c r="IYU39" s="927" t="s">
        <v>3816</v>
      </c>
      <c r="IYV39" s="927" t="s">
        <v>3816</v>
      </c>
      <c r="IYW39" s="927" t="s">
        <v>3816</v>
      </c>
      <c r="IYX39" s="927" t="s">
        <v>3816</v>
      </c>
      <c r="IYY39" s="927" t="s">
        <v>3816</v>
      </c>
      <c r="IYZ39" s="927" t="s">
        <v>3816</v>
      </c>
      <c r="IZA39" s="927" t="s">
        <v>3816</v>
      </c>
      <c r="IZB39" s="927" t="s">
        <v>3816</v>
      </c>
      <c r="IZC39" s="927" t="s">
        <v>3816</v>
      </c>
      <c r="IZD39" s="927" t="s">
        <v>3816</v>
      </c>
      <c r="IZE39" s="927" t="s">
        <v>3816</v>
      </c>
      <c r="IZF39" s="927" t="s">
        <v>3816</v>
      </c>
      <c r="IZG39" s="927" t="s">
        <v>3816</v>
      </c>
      <c r="IZH39" s="927" t="s">
        <v>3816</v>
      </c>
      <c r="IZI39" s="927" t="s">
        <v>3816</v>
      </c>
      <c r="IZJ39" s="927" t="s">
        <v>3816</v>
      </c>
      <c r="IZK39" s="927" t="s">
        <v>3816</v>
      </c>
      <c r="IZL39" s="927" t="s">
        <v>3816</v>
      </c>
      <c r="IZM39" s="927" t="s">
        <v>3816</v>
      </c>
      <c r="IZN39" s="927" t="s">
        <v>3816</v>
      </c>
      <c r="IZO39" s="927" t="s">
        <v>3816</v>
      </c>
      <c r="IZP39" s="927" t="s">
        <v>3816</v>
      </c>
      <c r="IZQ39" s="927" t="s">
        <v>3816</v>
      </c>
      <c r="IZR39" s="927" t="s">
        <v>3816</v>
      </c>
      <c r="IZS39" s="927" t="s">
        <v>3816</v>
      </c>
      <c r="IZT39" s="927" t="s">
        <v>3816</v>
      </c>
      <c r="IZU39" s="927" t="s">
        <v>3816</v>
      </c>
      <c r="IZV39" s="927" t="s">
        <v>3816</v>
      </c>
      <c r="IZW39" s="927" t="s">
        <v>3816</v>
      </c>
      <c r="IZX39" s="927" t="s">
        <v>3816</v>
      </c>
      <c r="IZY39" s="927" t="s">
        <v>3816</v>
      </c>
      <c r="IZZ39" s="927" t="s">
        <v>3816</v>
      </c>
      <c r="JAA39" s="927" t="s">
        <v>3816</v>
      </c>
      <c r="JAB39" s="927" t="s">
        <v>3816</v>
      </c>
      <c r="JAC39" s="927" t="s">
        <v>3816</v>
      </c>
      <c r="JAD39" s="927" t="s">
        <v>3816</v>
      </c>
      <c r="JAE39" s="927" t="s">
        <v>3816</v>
      </c>
      <c r="JAF39" s="927" t="s">
        <v>3816</v>
      </c>
      <c r="JAG39" s="927" t="s">
        <v>3816</v>
      </c>
      <c r="JAH39" s="927" t="s">
        <v>3816</v>
      </c>
      <c r="JAI39" s="927" t="s">
        <v>3816</v>
      </c>
      <c r="JAJ39" s="927" t="s">
        <v>3816</v>
      </c>
      <c r="JAK39" s="927" t="s">
        <v>3816</v>
      </c>
      <c r="JAL39" s="927" t="s">
        <v>3816</v>
      </c>
      <c r="JAM39" s="927" t="s">
        <v>3816</v>
      </c>
      <c r="JAN39" s="927" t="s">
        <v>3816</v>
      </c>
      <c r="JAO39" s="927" t="s">
        <v>3816</v>
      </c>
      <c r="JAP39" s="927" t="s">
        <v>3816</v>
      </c>
      <c r="JAQ39" s="927" t="s">
        <v>3816</v>
      </c>
      <c r="JAR39" s="927" t="s">
        <v>3816</v>
      </c>
      <c r="JAS39" s="927" t="s">
        <v>3816</v>
      </c>
      <c r="JAT39" s="927" t="s">
        <v>3816</v>
      </c>
      <c r="JAU39" s="927" t="s">
        <v>3816</v>
      </c>
      <c r="JAV39" s="927" t="s">
        <v>3816</v>
      </c>
      <c r="JAW39" s="927" t="s">
        <v>3816</v>
      </c>
      <c r="JAX39" s="927" t="s">
        <v>3816</v>
      </c>
      <c r="JAY39" s="927" t="s">
        <v>3816</v>
      </c>
      <c r="JAZ39" s="927" t="s">
        <v>3816</v>
      </c>
      <c r="JBA39" s="927" t="s">
        <v>3816</v>
      </c>
      <c r="JBB39" s="927" t="s">
        <v>3816</v>
      </c>
      <c r="JBC39" s="927" t="s">
        <v>3816</v>
      </c>
      <c r="JBD39" s="927" t="s">
        <v>3816</v>
      </c>
      <c r="JBE39" s="927" t="s">
        <v>3816</v>
      </c>
      <c r="JBF39" s="927" t="s">
        <v>3816</v>
      </c>
      <c r="JBG39" s="927" t="s">
        <v>3816</v>
      </c>
      <c r="JBH39" s="927" t="s">
        <v>3816</v>
      </c>
      <c r="JBI39" s="927" t="s">
        <v>3816</v>
      </c>
      <c r="JBJ39" s="927" t="s">
        <v>3816</v>
      </c>
      <c r="JBK39" s="927" t="s">
        <v>3816</v>
      </c>
      <c r="JBL39" s="927" t="s">
        <v>3816</v>
      </c>
      <c r="JBM39" s="927" t="s">
        <v>3816</v>
      </c>
      <c r="JBN39" s="927" t="s">
        <v>3816</v>
      </c>
      <c r="JBO39" s="927" t="s">
        <v>3816</v>
      </c>
      <c r="JBP39" s="927" t="s">
        <v>3816</v>
      </c>
      <c r="JBQ39" s="927" t="s">
        <v>3816</v>
      </c>
      <c r="JBR39" s="927" t="s">
        <v>3816</v>
      </c>
      <c r="JBS39" s="927" t="s">
        <v>3816</v>
      </c>
      <c r="JBT39" s="927" t="s">
        <v>3816</v>
      </c>
      <c r="JBU39" s="927" t="s">
        <v>3816</v>
      </c>
      <c r="JBV39" s="927" t="s">
        <v>3816</v>
      </c>
      <c r="JBW39" s="927" t="s">
        <v>3816</v>
      </c>
      <c r="JBX39" s="927" t="s">
        <v>3816</v>
      </c>
      <c r="JBY39" s="927" t="s">
        <v>3816</v>
      </c>
      <c r="JBZ39" s="927" t="s">
        <v>3816</v>
      </c>
      <c r="JCA39" s="927" t="s">
        <v>3816</v>
      </c>
      <c r="JCB39" s="927" t="s">
        <v>3816</v>
      </c>
      <c r="JCC39" s="927" t="s">
        <v>3816</v>
      </c>
      <c r="JCD39" s="927" t="s">
        <v>3816</v>
      </c>
      <c r="JCE39" s="927" t="s">
        <v>3816</v>
      </c>
      <c r="JCF39" s="927" t="s">
        <v>3816</v>
      </c>
      <c r="JCG39" s="927" t="s">
        <v>3816</v>
      </c>
      <c r="JCH39" s="927" t="s">
        <v>3816</v>
      </c>
      <c r="JCI39" s="927" t="s">
        <v>3816</v>
      </c>
      <c r="JCJ39" s="927" t="s">
        <v>3816</v>
      </c>
      <c r="JCK39" s="927" t="s">
        <v>3816</v>
      </c>
      <c r="JCL39" s="927" t="s">
        <v>3816</v>
      </c>
      <c r="JCM39" s="927" t="s">
        <v>3816</v>
      </c>
      <c r="JCN39" s="927" t="s">
        <v>3816</v>
      </c>
      <c r="JCO39" s="927" t="s">
        <v>3816</v>
      </c>
      <c r="JCP39" s="927" t="s">
        <v>3816</v>
      </c>
      <c r="JCQ39" s="927" t="s">
        <v>3816</v>
      </c>
      <c r="JCR39" s="927" t="s">
        <v>3816</v>
      </c>
      <c r="JCS39" s="927" t="s">
        <v>3816</v>
      </c>
      <c r="JCT39" s="927" t="s">
        <v>3816</v>
      </c>
      <c r="JCU39" s="927" t="s">
        <v>3816</v>
      </c>
      <c r="JCV39" s="927" t="s">
        <v>3816</v>
      </c>
      <c r="JCW39" s="927" t="s">
        <v>3816</v>
      </c>
      <c r="JCX39" s="927" t="s">
        <v>3816</v>
      </c>
      <c r="JCY39" s="927" t="s">
        <v>3816</v>
      </c>
      <c r="JCZ39" s="927" t="s">
        <v>3816</v>
      </c>
      <c r="JDA39" s="927" t="s">
        <v>3816</v>
      </c>
      <c r="JDB39" s="927" t="s">
        <v>3816</v>
      </c>
      <c r="JDC39" s="927" t="s">
        <v>3816</v>
      </c>
      <c r="JDD39" s="927" t="s">
        <v>3816</v>
      </c>
      <c r="JDE39" s="927" t="s">
        <v>3816</v>
      </c>
      <c r="JDF39" s="927" t="s">
        <v>3816</v>
      </c>
      <c r="JDG39" s="927" t="s">
        <v>3816</v>
      </c>
      <c r="JDH39" s="927" t="s">
        <v>3816</v>
      </c>
      <c r="JDI39" s="927" t="s">
        <v>3816</v>
      </c>
      <c r="JDJ39" s="927" t="s">
        <v>3816</v>
      </c>
      <c r="JDK39" s="927" t="s">
        <v>3816</v>
      </c>
      <c r="JDL39" s="927" t="s">
        <v>3816</v>
      </c>
      <c r="JDM39" s="927" t="s">
        <v>3816</v>
      </c>
      <c r="JDN39" s="927" t="s">
        <v>3816</v>
      </c>
      <c r="JDO39" s="927" t="s">
        <v>3816</v>
      </c>
      <c r="JDP39" s="927" t="s">
        <v>3816</v>
      </c>
      <c r="JDQ39" s="927" t="s">
        <v>3816</v>
      </c>
      <c r="JDR39" s="927" t="s">
        <v>3816</v>
      </c>
      <c r="JDS39" s="927" t="s">
        <v>3816</v>
      </c>
      <c r="JDT39" s="927" t="s">
        <v>3816</v>
      </c>
      <c r="JDU39" s="927" t="s">
        <v>3816</v>
      </c>
      <c r="JDV39" s="927" t="s">
        <v>3816</v>
      </c>
      <c r="JDW39" s="927" t="s">
        <v>3816</v>
      </c>
      <c r="JDX39" s="927" t="s">
        <v>3816</v>
      </c>
      <c r="JDY39" s="927" t="s">
        <v>3816</v>
      </c>
      <c r="JDZ39" s="927" t="s">
        <v>3816</v>
      </c>
      <c r="JEA39" s="927" t="s">
        <v>3816</v>
      </c>
      <c r="JEB39" s="927" t="s">
        <v>3816</v>
      </c>
      <c r="JEC39" s="927" t="s">
        <v>3816</v>
      </c>
      <c r="JED39" s="927" t="s">
        <v>3816</v>
      </c>
      <c r="JEE39" s="927" t="s">
        <v>3816</v>
      </c>
      <c r="JEF39" s="927" t="s">
        <v>3816</v>
      </c>
      <c r="JEG39" s="927" t="s">
        <v>3816</v>
      </c>
      <c r="JEH39" s="927" t="s">
        <v>3816</v>
      </c>
      <c r="JEI39" s="927" t="s">
        <v>3816</v>
      </c>
      <c r="JEJ39" s="927" t="s">
        <v>3816</v>
      </c>
      <c r="JEK39" s="927" t="s">
        <v>3816</v>
      </c>
      <c r="JEL39" s="927" t="s">
        <v>3816</v>
      </c>
      <c r="JEM39" s="927" t="s">
        <v>3816</v>
      </c>
      <c r="JEN39" s="927" t="s">
        <v>3816</v>
      </c>
      <c r="JEO39" s="927" t="s">
        <v>3816</v>
      </c>
      <c r="JEP39" s="927" t="s">
        <v>3816</v>
      </c>
      <c r="JEQ39" s="927" t="s">
        <v>3816</v>
      </c>
      <c r="JER39" s="927" t="s">
        <v>3816</v>
      </c>
      <c r="JES39" s="927" t="s">
        <v>3816</v>
      </c>
      <c r="JET39" s="927" t="s">
        <v>3816</v>
      </c>
      <c r="JEU39" s="927" t="s">
        <v>3816</v>
      </c>
      <c r="JEV39" s="927" t="s">
        <v>3816</v>
      </c>
      <c r="JEW39" s="927" t="s">
        <v>3816</v>
      </c>
      <c r="JEX39" s="927" t="s">
        <v>3816</v>
      </c>
      <c r="JEY39" s="927" t="s">
        <v>3816</v>
      </c>
      <c r="JEZ39" s="927" t="s">
        <v>3816</v>
      </c>
      <c r="JFA39" s="927" t="s">
        <v>3816</v>
      </c>
      <c r="JFB39" s="927" t="s">
        <v>3816</v>
      </c>
      <c r="JFC39" s="927" t="s">
        <v>3816</v>
      </c>
      <c r="JFD39" s="927" t="s">
        <v>3816</v>
      </c>
      <c r="JFE39" s="927" t="s">
        <v>3816</v>
      </c>
      <c r="JFF39" s="927" t="s">
        <v>3816</v>
      </c>
      <c r="JFG39" s="927" t="s">
        <v>3816</v>
      </c>
      <c r="JFH39" s="927" t="s">
        <v>3816</v>
      </c>
      <c r="JFI39" s="927" t="s">
        <v>3816</v>
      </c>
      <c r="JFJ39" s="927" t="s">
        <v>3816</v>
      </c>
      <c r="JFK39" s="927" t="s">
        <v>3816</v>
      </c>
      <c r="JFL39" s="927" t="s">
        <v>3816</v>
      </c>
      <c r="JFM39" s="927" t="s">
        <v>3816</v>
      </c>
      <c r="JFN39" s="927" t="s">
        <v>3816</v>
      </c>
      <c r="JFO39" s="927" t="s">
        <v>3816</v>
      </c>
      <c r="JFP39" s="927" t="s">
        <v>3816</v>
      </c>
      <c r="JFQ39" s="927" t="s">
        <v>3816</v>
      </c>
      <c r="JFR39" s="927" t="s">
        <v>3816</v>
      </c>
      <c r="JFS39" s="927" t="s">
        <v>3816</v>
      </c>
      <c r="JFT39" s="927" t="s">
        <v>3816</v>
      </c>
      <c r="JFU39" s="927" t="s">
        <v>3816</v>
      </c>
      <c r="JFV39" s="927" t="s">
        <v>3816</v>
      </c>
      <c r="JFW39" s="927" t="s">
        <v>3816</v>
      </c>
      <c r="JFX39" s="927" t="s">
        <v>3816</v>
      </c>
      <c r="JFY39" s="927" t="s">
        <v>3816</v>
      </c>
      <c r="JFZ39" s="927" t="s">
        <v>3816</v>
      </c>
      <c r="JGA39" s="927" t="s">
        <v>3816</v>
      </c>
      <c r="JGB39" s="927" t="s">
        <v>3816</v>
      </c>
      <c r="JGC39" s="927" t="s">
        <v>3816</v>
      </c>
      <c r="JGD39" s="927" t="s">
        <v>3816</v>
      </c>
      <c r="JGE39" s="927" t="s">
        <v>3816</v>
      </c>
      <c r="JGF39" s="927" t="s">
        <v>3816</v>
      </c>
      <c r="JGG39" s="927" t="s">
        <v>3816</v>
      </c>
      <c r="JGH39" s="927" t="s">
        <v>3816</v>
      </c>
      <c r="JGI39" s="927" t="s">
        <v>3816</v>
      </c>
      <c r="JGJ39" s="927" t="s">
        <v>3816</v>
      </c>
      <c r="JGK39" s="927" t="s">
        <v>3816</v>
      </c>
      <c r="JGL39" s="927" t="s">
        <v>3816</v>
      </c>
      <c r="JGM39" s="927" t="s">
        <v>3816</v>
      </c>
      <c r="JGN39" s="927" t="s">
        <v>3816</v>
      </c>
      <c r="JGO39" s="927" t="s">
        <v>3816</v>
      </c>
      <c r="JGP39" s="927" t="s">
        <v>3816</v>
      </c>
      <c r="JGQ39" s="927" t="s">
        <v>3816</v>
      </c>
      <c r="JGR39" s="927" t="s">
        <v>3816</v>
      </c>
      <c r="JGS39" s="927" t="s">
        <v>3816</v>
      </c>
      <c r="JGT39" s="927" t="s">
        <v>3816</v>
      </c>
      <c r="JGU39" s="927" t="s">
        <v>3816</v>
      </c>
      <c r="JGV39" s="927" t="s">
        <v>3816</v>
      </c>
      <c r="JGW39" s="927" t="s">
        <v>3816</v>
      </c>
      <c r="JGX39" s="927" t="s">
        <v>3816</v>
      </c>
      <c r="JGY39" s="927" t="s">
        <v>3816</v>
      </c>
      <c r="JGZ39" s="927" t="s">
        <v>3816</v>
      </c>
      <c r="JHA39" s="927" t="s">
        <v>3816</v>
      </c>
      <c r="JHB39" s="927" t="s">
        <v>3816</v>
      </c>
      <c r="JHC39" s="927" t="s">
        <v>3816</v>
      </c>
      <c r="JHD39" s="927" t="s">
        <v>3816</v>
      </c>
      <c r="JHE39" s="927" t="s">
        <v>3816</v>
      </c>
      <c r="JHF39" s="927" t="s">
        <v>3816</v>
      </c>
      <c r="JHG39" s="927" t="s">
        <v>3816</v>
      </c>
      <c r="JHH39" s="927" t="s">
        <v>3816</v>
      </c>
      <c r="JHI39" s="927" t="s">
        <v>3816</v>
      </c>
      <c r="JHJ39" s="927" t="s">
        <v>3816</v>
      </c>
      <c r="JHK39" s="927" t="s">
        <v>3816</v>
      </c>
      <c r="JHL39" s="927" t="s">
        <v>3816</v>
      </c>
      <c r="JHM39" s="927" t="s">
        <v>3816</v>
      </c>
      <c r="JHN39" s="927" t="s">
        <v>3816</v>
      </c>
      <c r="JHO39" s="927" t="s">
        <v>3816</v>
      </c>
      <c r="JHP39" s="927" t="s">
        <v>3816</v>
      </c>
      <c r="JHQ39" s="927" t="s">
        <v>3816</v>
      </c>
      <c r="JHR39" s="927" t="s">
        <v>3816</v>
      </c>
      <c r="JHS39" s="927" t="s">
        <v>3816</v>
      </c>
      <c r="JHT39" s="927" t="s">
        <v>3816</v>
      </c>
      <c r="JHU39" s="927" t="s">
        <v>3816</v>
      </c>
      <c r="JHV39" s="927" t="s">
        <v>3816</v>
      </c>
      <c r="JHW39" s="927" t="s">
        <v>3816</v>
      </c>
      <c r="JHX39" s="927" t="s">
        <v>3816</v>
      </c>
      <c r="JHY39" s="927" t="s">
        <v>3816</v>
      </c>
      <c r="JHZ39" s="927" t="s">
        <v>3816</v>
      </c>
      <c r="JIA39" s="927" t="s">
        <v>3816</v>
      </c>
      <c r="JIB39" s="927" t="s">
        <v>3816</v>
      </c>
      <c r="JIC39" s="927" t="s">
        <v>3816</v>
      </c>
      <c r="JID39" s="927" t="s">
        <v>3816</v>
      </c>
      <c r="JIE39" s="927" t="s">
        <v>3816</v>
      </c>
      <c r="JIF39" s="927" t="s">
        <v>3816</v>
      </c>
      <c r="JIG39" s="927" t="s">
        <v>3816</v>
      </c>
      <c r="JIH39" s="927" t="s">
        <v>3816</v>
      </c>
      <c r="JII39" s="927" t="s">
        <v>3816</v>
      </c>
      <c r="JIJ39" s="927" t="s">
        <v>3816</v>
      </c>
      <c r="JIK39" s="927" t="s">
        <v>3816</v>
      </c>
      <c r="JIL39" s="927" t="s">
        <v>3816</v>
      </c>
      <c r="JIM39" s="927" t="s">
        <v>3816</v>
      </c>
      <c r="JIN39" s="927" t="s">
        <v>3816</v>
      </c>
      <c r="JIO39" s="927" t="s">
        <v>3816</v>
      </c>
      <c r="JIP39" s="927" t="s">
        <v>3816</v>
      </c>
      <c r="JIQ39" s="927" t="s">
        <v>3816</v>
      </c>
      <c r="JIR39" s="927" t="s">
        <v>3816</v>
      </c>
      <c r="JIS39" s="927" t="s">
        <v>3816</v>
      </c>
      <c r="JIT39" s="927" t="s">
        <v>3816</v>
      </c>
      <c r="JIU39" s="927" t="s">
        <v>3816</v>
      </c>
      <c r="JIV39" s="927" t="s">
        <v>3816</v>
      </c>
      <c r="JIW39" s="927" t="s">
        <v>3816</v>
      </c>
      <c r="JIX39" s="927" t="s">
        <v>3816</v>
      </c>
      <c r="JIY39" s="927" t="s">
        <v>3816</v>
      </c>
      <c r="JIZ39" s="927" t="s">
        <v>3816</v>
      </c>
      <c r="JJA39" s="927" t="s">
        <v>3816</v>
      </c>
      <c r="JJB39" s="927" t="s">
        <v>3816</v>
      </c>
      <c r="JJC39" s="927" t="s">
        <v>3816</v>
      </c>
      <c r="JJD39" s="927" t="s">
        <v>3816</v>
      </c>
      <c r="JJE39" s="927" t="s">
        <v>3816</v>
      </c>
      <c r="JJF39" s="927" t="s">
        <v>3816</v>
      </c>
      <c r="JJG39" s="927" t="s">
        <v>3816</v>
      </c>
      <c r="JJH39" s="927" t="s">
        <v>3816</v>
      </c>
      <c r="JJI39" s="927" t="s">
        <v>3816</v>
      </c>
      <c r="JJJ39" s="927" t="s">
        <v>3816</v>
      </c>
      <c r="JJK39" s="927" t="s">
        <v>3816</v>
      </c>
      <c r="JJL39" s="927" t="s">
        <v>3816</v>
      </c>
      <c r="JJM39" s="927" t="s">
        <v>3816</v>
      </c>
      <c r="JJN39" s="927" t="s">
        <v>3816</v>
      </c>
      <c r="JJO39" s="927" t="s">
        <v>3816</v>
      </c>
      <c r="JJP39" s="927" t="s">
        <v>3816</v>
      </c>
      <c r="JJQ39" s="927" t="s">
        <v>3816</v>
      </c>
      <c r="JJR39" s="927" t="s">
        <v>3816</v>
      </c>
      <c r="JJS39" s="927" t="s">
        <v>3816</v>
      </c>
      <c r="JJT39" s="927" t="s">
        <v>3816</v>
      </c>
      <c r="JJU39" s="927" t="s">
        <v>3816</v>
      </c>
      <c r="JJV39" s="927" t="s">
        <v>3816</v>
      </c>
      <c r="JJW39" s="927" t="s">
        <v>3816</v>
      </c>
      <c r="JJX39" s="927" t="s">
        <v>3816</v>
      </c>
      <c r="JJY39" s="927" t="s">
        <v>3816</v>
      </c>
      <c r="JJZ39" s="927" t="s">
        <v>3816</v>
      </c>
      <c r="JKA39" s="927" t="s">
        <v>3816</v>
      </c>
      <c r="JKB39" s="927" t="s">
        <v>3816</v>
      </c>
      <c r="JKC39" s="927" t="s">
        <v>3816</v>
      </c>
      <c r="JKD39" s="927" t="s">
        <v>3816</v>
      </c>
      <c r="JKE39" s="927" t="s">
        <v>3816</v>
      </c>
      <c r="JKF39" s="927" t="s">
        <v>3816</v>
      </c>
      <c r="JKG39" s="927" t="s">
        <v>3816</v>
      </c>
      <c r="JKH39" s="927" t="s">
        <v>3816</v>
      </c>
      <c r="JKI39" s="927" t="s">
        <v>3816</v>
      </c>
      <c r="JKJ39" s="927" t="s">
        <v>3816</v>
      </c>
      <c r="JKK39" s="927" t="s">
        <v>3816</v>
      </c>
      <c r="JKL39" s="927" t="s">
        <v>3816</v>
      </c>
      <c r="JKM39" s="927" t="s">
        <v>3816</v>
      </c>
      <c r="JKN39" s="927" t="s">
        <v>3816</v>
      </c>
      <c r="JKO39" s="927" t="s">
        <v>3816</v>
      </c>
      <c r="JKP39" s="927" t="s">
        <v>3816</v>
      </c>
      <c r="JKQ39" s="927" t="s">
        <v>3816</v>
      </c>
      <c r="JKR39" s="927" t="s">
        <v>3816</v>
      </c>
      <c r="JKS39" s="927" t="s">
        <v>3816</v>
      </c>
      <c r="JKT39" s="927" t="s">
        <v>3816</v>
      </c>
      <c r="JKU39" s="927" t="s">
        <v>3816</v>
      </c>
      <c r="JKV39" s="927" t="s">
        <v>3816</v>
      </c>
      <c r="JKW39" s="927" t="s">
        <v>3816</v>
      </c>
      <c r="JKX39" s="927" t="s">
        <v>3816</v>
      </c>
      <c r="JKY39" s="927" t="s">
        <v>3816</v>
      </c>
      <c r="JKZ39" s="927" t="s">
        <v>3816</v>
      </c>
      <c r="JLA39" s="927" t="s">
        <v>3816</v>
      </c>
      <c r="JLB39" s="927" t="s">
        <v>3816</v>
      </c>
      <c r="JLC39" s="927" t="s">
        <v>3816</v>
      </c>
      <c r="JLD39" s="927" t="s">
        <v>3816</v>
      </c>
      <c r="JLE39" s="927" t="s">
        <v>3816</v>
      </c>
      <c r="JLF39" s="927" t="s">
        <v>3816</v>
      </c>
      <c r="JLG39" s="927" t="s">
        <v>3816</v>
      </c>
      <c r="JLH39" s="927" t="s">
        <v>3816</v>
      </c>
      <c r="JLI39" s="927" t="s">
        <v>3816</v>
      </c>
      <c r="JLJ39" s="927" t="s">
        <v>3816</v>
      </c>
      <c r="JLK39" s="927" t="s">
        <v>3816</v>
      </c>
      <c r="JLL39" s="927" t="s">
        <v>3816</v>
      </c>
      <c r="JLM39" s="927" t="s">
        <v>3816</v>
      </c>
      <c r="JLN39" s="927" t="s">
        <v>3816</v>
      </c>
      <c r="JLO39" s="927" t="s">
        <v>3816</v>
      </c>
      <c r="JLP39" s="927" t="s">
        <v>3816</v>
      </c>
      <c r="JLQ39" s="927" t="s">
        <v>3816</v>
      </c>
      <c r="JLR39" s="927" t="s">
        <v>3816</v>
      </c>
      <c r="JLS39" s="927" t="s">
        <v>3816</v>
      </c>
      <c r="JLT39" s="927" t="s">
        <v>3816</v>
      </c>
      <c r="JLU39" s="927" t="s">
        <v>3816</v>
      </c>
      <c r="JLV39" s="927" t="s">
        <v>3816</v>
      </c>
      <c r="JLW39" s="927" t="s">
        <v>3816</v>
      </c>
      <c r="JLX39" s="927" t="s">
        <v>3816</v>
      </c>
      <c r="JLY39" s="927" t="s">
        <v>3816</v>
      </c>
      <c r="JLZ39" s="927" t="s">
        <v>3816</v>
      </c>
      <c r="JMA39" s="927" t="s">
        <v>3816</v>
      </c>
      <c r="JMB39" s="927" t="s">
        <v>3816</v>
      </c>
      <c r="JMC39" s="927" t="s">
        <v>3816</v>
      </c>
      <c r="JMD39" s="927" t="s">
        <v>3816</v>
      </c>
      <c r="JME39" s="927" t="s">
        <v>3816</v>
      </c>
      <c r="JMF39" s="927" t="s">
        <v>3816</v>
      </c>
      <c r="JMG39" s="927" t="s">
        <v>3816</v>
      </c>
      <c r="JMH39" s="927" t="s">
        <v>3816</v>
      </c>
      <c r="JMI39" s="927" t="s">
        <v>3816</v>
      </c>
      <c r="JMJ39" s="927" t="s">
        <v>3816</v>
      </c>
      <c r="JMK39" s="927" t="s">
        <v>3816</v>
      </c>
      <c r="JML39" s="927" t="s">
        <v>3816</v>
      </c>
      <c r="JMM39" s="927" t="s">
        <v>3816</v>
      </c>
      <c r="JMN39" s="927" t="s">
        <v>3816</v>
      </c>
      <c r="JMO39" s="927" t="s">
        <v>3816</v>
      </c>
      <c r="JMP39" s="927" t="s">
        <v>3816</v>
      </c>
      <c r="JMQ39" s="927" t="s">
        <v>3816</v>
      </c>
      <c r="JMR39" s="927" t="s">
        <v>3816</v>
      </c>
      <c r="JMS39" s="927" t="s">
        <v>3816</v>
      </c>
      <c r="JMT39" s="927" t="s">
        <v>3816</v>
      </c>
      <c r="JMU39" s="927" t="s">
        <v>3816</v>
      </c>
      <c r="JMV39" s="927" t="s">
        <v>3816</v>
      </c>
      <c r="JMW39" s="927" t="s">
        <v>3816</v>
      </c>
      <c r="JMX39" s="927" t="s">
        <v>3816</v>
      </c>
      <c r="JMY39" s="927" t="s">
        <v>3816</v>
      </c>
      <c r="JMZ39" s="927" t="s">
        <v>3816</v>
      </c>
      <c r="JNA39" s="927" t="s">
        <v>3816</v>
      </c>
      <c r="JNB39" s="927" t="s">
        <v>3816</v>
      </c>
      <c r="JNC39" s="927" t="s">
        <v>3816</v>
      </c>
      <c r="JND39" s="927" t="s">
        <v>3816</v>
      </c>
      <c r="JNE39" s="927" t="s">
        <v>3816</v>
      </c>
      <c r="JNF39" s="927" t="s">
        <v>3816</v>
      </c>
      <c r="JNG39" s="927" t="s">
        <v>3816</v>
      </c>
      <c r="JNH39" s="927" t="s">
        <v>3816</v>
      </c>
      <c r="JNI39" s="927" t="s">
        <v>3816</v>
      </c>
      <c r="JNJ39" s="927" t="s">
        <v>3816</v>
      </c>
      <c r="JNK39" s="927" t="s">
        <v>3816</v>
      </c>
      <c r="JNL39" s="927" t="s">
        <v>3816</v>
      </c>
      <c r="JNM39" s="927" t="s">
        <v>3816</v>
      </c>
      <c r="JNN39" s="927" t="s">
        <v>3816</v>
      </c>
      <c r="JNO39" s="927" t="s">
        <v>3816</v>
      </c>
      <c r="JNP39" s="927" t="s">
        <v>3816</v>
      </c>
      <c r="JNQ39" s="927" t="s">
        <v>3816</v>
      </c>
      <c r="JNR39" s="927" t="s">
        <v>3816</v>
      </c>
      <c r="JNS39" s="927" t="s">
        <v>3816</v>
      </c>
      <c r="JNT39" s="927" t="s">
        <v>3816</v>
      </c>
      <c r="JNU39" s="927" t="s">
        <v>3816</v>
      </c>
      <c r="JNV39" s="927" t="s">
        <v>3816</v>
      </c>
      <c r="JNW39" s="927" t="s">
        <v>3816</v>
      </c>
      <c r="JNX39" s="927" t="s">
        <v>3816</v>
      </c>
      <c r="JNY39" s="927" t="s">
        <v>3816</v>
      </c>
      <c r="JNZ39" s="927" t="s">
        <v>3816</v>
      </c>
      <c r="JOA39" s="927" t="s">
        <v>3816</v>
      </c>
      <c r="JOB39" s="927" t="s">
        <v>3816</v>
      </c>
      <c r="JOC39" s="927" t="s">
        <v>3816</v>
      </c>
      <c r="JOD39" s="927" t="s">
        <v>3816</v>
      </c>
      <c r="JOE39" s="927" t="s">
        <v>3816</v>
      </c>
      <c r="JOF39" s="927" t="s">
        <v>3816</v>
      </c>
      <c r="JOG39" s="927" t="s">
        <v>3816</v>
      </c>
      <c r="JOH39" s="927" t="s">
        <v>3816</v>
      </c>
      <c r="JOI39" s="927" t="s">
        <v>3816</v>
      </c>
      <c r="JOJ39" s="927" t="s">
        <v>3816</v>
      </c>
      <c r="JOK39" s="927" t="s">
        <v>3816</v>
      </c>
      <c r="JOL39" s="927" t="s">
        <v>3816</v>
      </c>
      <c r="JOM39" s="927" t="s">
        <v>3816</v>
      </c>
      <c r="JON39" s="927" t="s">
        <v>3816</v>
      </c>
      <c r="JOO39" s="927" t="s">
        <v>3816</v>
      </c>
      <c r="JOP39" s="927" t="s">
        <v>3816</v>
      </c>
      <c r="JOQ39" s="927" t="s">
        <v>3816</v>
      </c>
      <c r="JOR39" s="927" t="s">
        <v>3816</v>
      </c>
      <c r="JOS39" s="927" t="s">
        <v>3816</v>
      </c>
      <c r="JOT39" s="927" t="s">
        <v>3816</v>
      </c>
      <c r="JOU39" s="927" t="s">
        <v>3816</v>
      </c>
      <c r="JOV39" s="927" t="s">
        <v>3816</v>
      </c>
      <c r="JOW39" s="927" t="s">
        <v>3816</v>
      </c>
      <c r="JOX39" s="927" t="s">
        <v>3816</v>
      </c>
      <c r="JOY39" s="927" t="s">
        <v>3816</v>
      </c>
      <c r="JOZ39" s="927" t="s">
        <v>3816</v>
      </c>
      <c r="JPA39" s="927" t="s">
        <v>3816</v>
      </c>
      <c r="JPB39" s="927" t="s">
        <v>3816</v>
      </c>
      <c r="JPC39" s="927" t="s">
        <v>3816</v>
      </c>
      <c r="JPD39" s="927" t="s">
        <v>3816</v>
      </c>
      <c r="JPE39" s="927" t="s">
        <v>3816</v>
      </c>
      <c r="JPF39" s="927" t="s">
        <v>3816</v>
      </c>
      <c r="JPG39" s="927" t="s">
        <v>3816</v>
      </c>
      <c r="JPH39" s="927" t="s">
        <v>3816</v>
      </c>
      <c r="JPI39" s="927" t="s">
        <v>3816</v>
      </c>
      <c r="JPJ39" s="927" t="s">
        <v>3816</v>
      </c>
      <c r="JPK39" s="927" t="s">
        <v>3816</v>
      </c>
      <c r="JPL39" s="927" t="s">
        <v>3816</v>
      </c>
      <c r="JPM39" s="927" t="s">
        <v>3816</v>
      </c>
      <c r="JPN39" s="927" t="s">
        <v>3816</v>
      </c>
      <c r="JPO39" s="927" t="s">
        <v>3816</v>
      </c>
      <c r="JPP39" s="927" t="s">
        <v>3816</v>
      </c>
      <c r="JPQ39" s="927" t="s">
        <v>3816</v>
      </c>
      <c r="JPR39" s="927" t="s">
        <v>3816</v>
      </c>
      <c r="JPS39" s="927" t="s">
        <v>3816</v>
      </c>
      <c r="JPT39" s="927" t="s">
        <v>3816</v>
      </c>
      <c r="JPU39" s="927" t="s">
        <v>3816</v>
      </c>
      <c r="JPV39" s="927" t="s">
        <v>3816</v>
      </c>
      <c r="JPW39" s="927" t="s">
        <v>3816</v>
      </c>
      <c r="JPX39" s="927" t="s">
        <v>3816</v>
      </c>
      <c r="JPY39" s="927" t="s">
        <v>3816</v>
      </c>
      <c r="JPZ39" s="927" t="s">
        <v>3816</v>
      </c>
      <c r="JQA39" s="927" t="s">
        <v>3816</v>
      </c>
      <c r="JQB39" s="927" t="s">
        <v>3816</v>
      </c>
      <c r="JQC39" s="927" t="s">
        <v>3816</v>
      </c>
      <c r="JQD39" s="927" t="s">
        <v>3816</v>
      </c>
      <c r="JQE39" s="927" t="s">
        <v>3816</v>
      </c>
      <c r="JQF39" s="927" t="s">
        <v>3816</v>
      </c>
      <c r="JQG39" s="927" t="s">
        <v>3816</v>
      </c>
      <c r="JQH39" s="927" t="s">
        <v>3816</v>
      </c>
      <c r="JQI39" s="927" t="s">
        <v>3816</v>
      </c>
      <c r="JQJ39" s="927" t="s">
        <v>3816</v>
      </c>
      <c r="JQK39" s="927" t="s">
        <v>3816</v>
      </c>
      <c r="JQL39" s="927" t="s">
        <v>3816</v>
      </c>
      <c r="JQM39" s="927" t="s">
        <v>3816</v>
      </c>
      <c r="JQN39" s="927" t="s">
        <v>3816</v>
      </c>
      <c r="JQO39" s="927" t="s">
        <v>3816</v>
      </c>
      <c r="JQP39" s="927" t="s">
        <v>3816</v>
      </c>
      <c r="JQQ39" s="927" t="s">
        <v>3816</v>
      </c>
      <c r="JQR39" s="927" t="s">
        <v>3816</v>
      </c>
      <c r="JQS39" s="927" t="s">
        <v>3816</v>
      </c>
      <c r="JQT39" s="927" t="s">
        <v>3816</v>
      </c>
      <c r="JQU39" s="927" t="s">
        <v>3816</v>
      </c>
      <c r="JQV39" s="927" t="s">
        <v>3816</v>
      </c>
      <c r="JQW39" s="927" t="s">
        <v>3816</v>
      </c>
      <c r="JQX39" s="927" t="s">
        <v>3816</v>
      </c>
      <c r="JQY39" s="927" t="s">
        <v>3816</v>
      </c>
      <c r="JQZ39" s="927" t="s">
        <v>3816</v>
      </c>
      <c r="JRA39" s="927" t="s">
        <v>3816</v>
      </c>
      <c r="JRB39" s="927" t="s">
        <v>3816</v>
      </c>
      <c r="JRC39" s="927" t="s">
        <v>3816</v>
      </c>
      <c r="JRD39" s="927" t="s">
        <v>3816</v>
      </c>
      <c r="JRE39" s="927" t="s">
        <v>3816</v>
      </c>
      <c r="JRF39" s="927" t="s">
        <v>3816</v>
      </c>
      <c r="JRG39" s="927" t="s">
        <v>3816</v>
      </c>
      <c r="JRH39" s="927" t="s">
        <v>3816</v>
      </c>
      <c r="JRI39" s="927" t="s">
        <v>3816</v>
      </c>
      <c r="JRJ39" s="927" t="s">
        <v>3816</v>
      </c>
      <c r="JRK39" s="927" t="s">
        <v>3816</v>
      </c>
      <c r="JRL39" s="927" t="s">
        <v>3816</v>
      </c>
      <c r="JRM39" s="927" t="s">
        <v>3816</v>
      </c>
      <c r="JRN39" s="927" t="s">
        <v>3816</v>
      </c>
      <c r="JRO39" s="927" t="s">
        <v>3816</v>
      </c>
      <c r="JRP39" s="927" t="s">
        <v>3816</v>
      </c>
      <c r="JRQ39" s="927" t="s">
        <v>3816</v>
      </c>
      <c r="JRR39" s="927" t="s">
        <v>3816</v>
      </c>
      <c r="JRS39" s="927" t="s">
        <v>3816</v>
      </c>
      <c r="JRT39" s="927" t="s">
        <v>3816</v>
      </c>
      <c r="JRU39" s="927" t="s">
        <v>3816</v>
      </c>
      <c r="JRV39" s="927" t="s">
        <v>3816</v>
      </c>
      <c r="JRW39" s="927" t="s">
        <v>3816</v>
      </c>
      <c r="JRX39" s="927" t="s">
        <v>3816</v>
      </c>
      <c r="JRY39" s="927" t="s">
        <v>3816</v>
      </c>
      <c r="JRZ39" s="927" t="s">
        <v>3816</v>
      </c>
      <c r="JSA39" s="927" t="s">
        <v>3816</v>
      </c>
      <c r="JSB39" s="927" t="s">
        <v>3816</v>
      </c>
      <c r="JSC39" s="927" t="s">
        <v>3816</v>
      </c>
      <c r="JSD39" s="927" t="s">
        <v>3816</v>
      </c>
      <c r="JSE39" s="927" t="s">
        <v>3816</v>
      </c>
      <c r="JSF39" s="927" t="s">
        <v>3816</v>
      </c>
      <c r="JSG39" s="927" t="s">
        <v>3816</v>
      </c>
      <c r="JSH39" s="927" t="s">
        <v>3816</v>
      </c>
      <c r="JSI39" s="927" t="s">
        <v>3816</v>
      </c>
      <c r="JSJ39" s="927" t="s">
        <v>3816</v>
      </c>
      <c r="JSK39" s="927" t="s">
        <v>3816</v>
      </c>
      <c r="JSL39" s="927" t="s">
        <v>3816</v>
      </c>
      <c r="JSM39" s="927" t="s">
        <v>3816</v>
      </c>
      <c r="JSN39" s="927" t="s">
        <v>3816</v>
      </c>
      <c r="JSO39" s="927" t="s">
        <v>3816</v>
      </c>
      <c r="JSP39" s="927" t="s">
        <v>3816</v>
      </c>
      <c r="JSQ39" s="927" t="s">
        <v>3816</v>
      </c>
      <c r="JSR39" s="927" t="s">
        <v>3816</v>
      </c>
      <c r="JSS39" s="927" t="s">
        <v>3816</v>
      </c>
      <c r="JST39" s="927" t="s">
        <v>3816</v>
      </c>
      <c r="JSU39" s="927" t="s">
        <v>3816</v>
      </c>
      <c r="JSV39" s="927" t="s">
        <v>3816</v>
      </c>
      <c r="JSW39" s="927" t="s">
        <v>3816</v>
      </c>
      <c r="JSX39" s="927" t="s">
        <v>3816</v>
      </c>
      <c r="JSY39" s="927" t="s">
        <v>3816</v>
      </c>
      <c r="JSZ39" s="927" t="s">
        <v>3816</v>
      </c>
      <c r="JTA39" s="927" t="s">
        <v>3816</v>
      </c>
      <c r="JTB39" s="927" t="s">
        <v>3816</v>
      </c>
      <c r="JTC39" s="927" t="s">
        <v>3816</v>
      </c>
      <c r="JTD39" s="927" t="s">
        <v>3816</v>
      </c>
      <c r="JTE39" s="927" t="s">
        <v>3816</v>
      </c>
      <c r="JTF39" s="927" t="s">
        <v>3816</v>
      </c>
      <c r="JTG39" s="927" t="s">
        <v>3816</v>
      </c>
      <c r="JTH39" s="927" t="s">
        <v>3816</v>
      </c>
      <c r="JTI39" s="927" t="s">
        <v>3816</v>
      </c>
      <c r="JTJ39" s="927" t="s">
        <v>3816</v>
      </c>
      <c r="JTK39" s="927" t="s">
        <v>3816</v>
      </c>
      <c r="JTL39" s="927" t="s">
        <v>3816</v>
      </c>
      <c r="JTM39" s="927" t="s">
        <v>3816</v>
      </c>
      <c r="JTN39" s="927" t="s">
        <v>3816</v>
      </c>
      <c r="JTO39" s="927" t="s">
        <v>3816</v>
      </c>
      <c r="JTP39" s="927" t="s">
        <v>3816</v>
      </c>
      <c r="JTQ39" s="927" t="s">
        <v>3816</v>
      </c>
      <c r="JTR39" s="927" t="s">
        <v>3816</v>
      </c>
      <c r="JTS39" s="927" t="s">
        <v>3816</v>
      </c>
      <c r="JTT39" s="927" t="s">
        <v>3816</v>
      </c>
      <c r="JTU39" s="927" t="s">
        <v>3816</v>
      </c>
      <c r="JTV39" s="927" t="s">
        <v>3816</v>
      </c>
      <c r="JTW39" s="927" t="s">
        <v>3816</v>
      </c>
      <c r="JTX39" s="927" t="s">
        <v>3816</v>
      </c>
      <c r="JTY39" s="927" t="s">
        <v>3816</v>
      </c>
      <c r="JTZ39" s="927" t="s">
        <v>3816</v>
      </c>
      <c r="JUA39" s="927" t="s">
        <v>3816</v>
      </c>
      <c r="JUB39" s="927" t="s">
        <v>3816</v>
      </c>
      <c r="JUC39" s="927" t="s">
        <v>3816</v>
      </c>
      <c r="JUD39" s="927" t="s">
        <v>3816</v>
      </c>
      <c r="JUE39" s="927" t="s">
        <v>3816</v>
      </c>
      <c r="JUF39" s="927" t="s">
        <v>3816</v>
      </c>
      <c r="JUG39" s="927" t="s">
        <v>3816</v>
      </c>
      <c r="JUH39" s="927" t="s">
        <v>3816</v>
      </c>
      <c r="JUI39" s="927" t="s">
        <v>3816</v>
      </c>
      <c r="JUJ39" s="927" t="s">
        <v>3816</v>
      </c>
      <c r="JUK39" s="927" t="s">
        <v>3816</v>
      </c>
      <c r="JUL39" s="927" t="s">
        <v>3816</v>
      </c>
      <c r="JUM39" s="927" t="s">
        <v>3816</v>
      </c>
      <c r="JUN39" s="927" t="s">
        <v>3816</v>
      </c>
      <c r="JUO39" s="927" t="s">
        <v>3816</v>
      </c>
      <c r="JUP39" s="927" t="s">
        <v>3816</v>
      </c>
      <c r="JUQ39" s="927" t="s">
        <v>3816</v>
      </c>
      <c r="JUR39" s="927" t="s">
        <v>3816</v>
      </c>
      <c r="JUS39" s="927" t="s">
        <v>3816</v>
      </c>
      <c r="JUT39" s="927" t="s">
        <v>3816</v>
      </c>
      <c r="JUU39" s="927" t="s">
        <v>3816</v>
      </c>
      <c r="JUV39" s="927" t="s">
        <v>3816</v>
      </c>
      <c r="JUW39" s="927" t="s">
        <v>3816</v>
      </c>
      <c r="JUX39" s="927" t="s">
        <v>3816</v>
      </c>
      <c r="JUY39" s="927" t="s">
        <v>3816</v>
      </c>
      <c r="JUZ39" s="927" t="s">
        <v>3816</v>
      </c>
      <c r="JVA39" s="927" t="s">
        <v>3816</v>
      </c>
      <c r="JVB39" s="927" t="s">
        <v>3816</v>
      </c>
      <c r="JVC39" s="927" t="s">
        <v>3816</v>
      </c>
      <c r="JVD39" s="927" t="s">
        <v>3816</v>
      </c>
      <c r="JVE39" s="927" t="s">
        <v>3816</v>
      </c>
      <c r="JVF39" s="927" t="s">
        <v>3816</v>
      </c>
      <c r="JVG39" s="927" t="s">
        <v>3816</v>
      </c>
      <c r="JVH39" s="927" t="s">
        <v>3816</v>
      </c>
      <c r="JVI39" s="927" t="s">
        <v>3816</v>
      </c>
      <c r="JVJ39" s="927" t="s">
        <v>3816</v>
      </c>
      <c r="JVK39" s="927" t="s">
        <v>3816</v>
      </c>
      <c r="JVL39" s="927" t="s">
        <v>3816</v>
      </c>
      <c r="JVM39" s="927" t="s">
        <v>3816</v>
      </c>
      <c r="JVN39" s="927" t="s">
        <v>3816</v>
      </c>
      <c r="JVO39" s="927" t="s">
        <v>3816</v>
      </c>
      <c r="JVP39" s="927" t="s">
        <v>3816</v>
      </c>
      <c r="JVQ39" s="927" t="s">
        <v>3816</v>
      </c>
      <c r="JVR39" s="927" t="s">
        <v>3816</v>
      </c>
      <c r="JVS39" s="927" t="s">
        <v>3816</v>
      </c>
      <c r="JVT39" s="927" t="s">
        <v>3816</v>
      </c>
      <c r="JVU39" s="927" t="s">
        <v>3816</v>
      </c>
      <c r="JVV39" s="927" t="s">
        <v>3816</v>
      </c>
      <c r="JVW39" s="927" t="s">
        <v>3816</v>
      </c>
      <c r="JVX39" s="927" t="s">
        <v>3816</v>
      </c>
      <c r="JVY39" s="927" t="s">
        <v>3816</v>
      </c>
      <c r="JVZ39" s="927" t="s">
        <v>3816</v>
      </c>
      <c r="JWA39" s="927" t="s">
        <v>3816</v>
      </c>
      <c r="JWB39" s="927" t="s">
        <v>3816</v>
      </c>
      <c r="JWC39" s="927" t="s">
        <v>3816</v>
      </c>
      <c r="JWD39" s="927" t="s">
        <v>3816</v>
      </c>
      <c r="JWE39" s="927" t="s">
        <v>3816</v>
      </c>
      <c r="JWF39" s="927" t="s">
        <v>3816</v>
      </c>
      <c r="JWG39" s="927" t="s">
        <v>3816</v>
      </c>
      <c r="JWH39" s="927" t="s">
        <v>3816</v>
      </c>
      <c r="JWI39" s="927" t="s">
        <v>3816</v>
      </c>
      <c r="JWJ39" s="927" t="s">
        <v>3816</v>
      </c>
      <c r="JWK39" s="927" t="s">
        <v>3816</v>
      </c>
      <c r="JWL39" s="927" t="s">
        <v>3816</v>
      </c>
      <c r="JWM39" s="927" t="s">
        <v>3816</v>
      </c>
      <c r="JWN39" s="927" t="s">
        <v>3816</v>
      </c>
      <c r="JWO39" s="927" t="s">
        <v>3816</v>
      </c>
      <c r="JWP39" s="927" t="s">
        <v>3816</v>
      </c>
      <c r="JWQ39" s="927" t="s">
        <v>3816</v>
      </c>
      <c r="JWR39" s="927" t="s">
        <v>3816</v>
      </c>
      <c r="JWS39" s="927" t="s">
        <v>3816</v>
      </c>
      <c r="JWT39" s="927" t="s">
        <v>3816</v>
      </c>
      <c r="JWU39" s="927" t="s">
        <v>3816</v>
      </c>
      <c r="JWV39" s="927" t="s">
        <v>3816</v>
      </c>
      <c r="JWW39" s="927" t="s">
        <v>3816</v>
      </c>
      <c r="JWX39" s="927" t="s">
        <v>3816</v>
      </c>
      <c r="JWY39" s="927" t="s">
        <v>3816</v>
      </c>
      <c r="JWZ39" s="927" t="s">
        <v>3816</v>
      </c>
      <c r="JXA39" s="927" t="s">
        <v>3816</v>
      </c>
      <c r="JXB39" s="927" t="s">
        <v>3816</v>
      </c>
      <c r="JXC39" s="927" t="s">
        <v>3816</v>
      </c>
      <c r="JXD39" s="927" t="s">
        <v>3816</v>
      </c>
      <c r="JXE39" s="927" t="s">
        <v>3816</v>
      </c>
      <c r="JXF39" s="927" t="s">
        <v>3816</v>
      </c>
      <c r="JXG39" s="927" t="s">
        <v>3816</v>
      </c>
      <c r="JXH39" s="927" t="s">
        <v>3816</v>
      </c>
      <c r="JXI39" s="927" t="s">
        <v>3816</v>
      </c>
      <c r="JXJ39" s="927" t="s">
        <v>3816</v>
      </c>
      <c r="JXK39" s="927" t="s">
        <v>3816</v>
      </c>
      <c r="JXL39" s="927" t="s">
        <v>3816</v>
      </c>
      <c r="JXM39" s="927" t="s">
        <v>3816</v>
      </c>
      <c r="JXN39" s="927" t="s">
        <v>3816</v>
      </c>
      <c r="JXO39" s="927" t="s">
        <v>3816</v>
      </c>
      <c r="JXP39" s="927" t="s">
        <v>3816</v>
      </c>
      <c r="JXQ39" s="927" t="s">
        <v>3816</v>
      </c>
      <c r="JXR39" s="927" t="s">
        <v>3816</v>
      </c>
      <c r="JXS39" s="927" t="s">
        <v>3816</v>
      </c>
      <c r="JXT39" s="927" t="s">
        <v>3816</v>
      </c>
      <c r="JXU39" s="927" t="s">
        <v>3816</v>
      </c>
      <c r="JXV39" s="927" t="s">
        <v>3816</v>
      </c>
      <c r="JXW39" s="927" t="s">
        <v>3816</v>
      </c>
      <c r="JXX39" s="927" t="s">
        <v>3816</v>
      </c>
      <c r="JXY39" s="927" t="s">
        <v>3816</v>
      </c>
      <c r="JXZ39" s="927" t="s">
        <v>3816</v>
      </c>
      <c r="JYA39" s="927" t="s">
        <v>3816</v>
      </c>
      <c r="JYB39" s="927" t="s">
        <v>3816</v>
      </c>
      <c r="JYC39" s="927" t="s">
        <v>3816</v>
      </c>
      <c r="JYD39" s="927" t="s">
        <v>3816</v>
      </c>
      <c r="JYE39" s="927" t="s">
        <v>3816</v>
      </c>
      <c r="JYF39" s="927" t="s">
        <v>3816</v>
      </c>
      <c r="JYG39" s="927" t="s">
        <v>3816</v>
      </c>
      <c r="JYH39" s="927" t="s">
        <v>3816</v>
      </c>
      <c r="JYI39" s="927" t="s">
        <v>3816</v>
      </c>
      <c r="JYJ39" s="927" t="s">
        <v>3816</v>
      </c>
      <c r="JYK39" s="927" t="s">
        <v>3816</v>
      </c>
      <c r="JYL39" s="927" t="s">
        <v>3816</v>
      </c>
      <c r="JYM39" s="927" t="s">
        <v>3816</v>
      </c>
      <c r="JYN39" s="927" t="s">
        <v>3816</v>
      </c>
      <c r="JYO39" s="927" t="s">
        <v>3816</v>
      </c>
      <c r="JYP39" s="927" t="s">
        <v>3816</v>
      </c>
      <c r="JYQ39" s="927" t="s">
        <v>3816</v>
      </c>
      <c r="JYR39" s="927" t="s">
        <v>3816</v>
      </c>
      <c r="JYS39" s="927" t="s">
        <v>3816</v>
      </c>
      <c r="JYT39" s="927" t="s">
        <v>3816</v>
      </c>
      <c r="JYU39" s="927" t="s">
        <v>3816</v>
      </c>
      <c r="JYV39" s="927" t="s">
        <v>3816</v>
      </c>
      <c r="JYW39" s="927" t="s">
        <v>3816</v>
      </c>
      <c r="JYX39" s="927" t="s">
        <v>3816</v>
      </c>
      <c r="JYY39" s="927" t="s">
        <v>3816</v>
      </c>
      <c r="JYZ39" s="927" t="s">
        <v>3816</v>
      </c>
      <c r="JZA39" s="927" t="s">
        <v>3816</v>
      </c>
      <c r="JZB39" s="927" t="s">
        <v>3816</v>
      </c>
      <c r="JZC39" s="927" t="s">
        <v>3816</v>
      </c>
      <c r="JZD39" s="927" t="s">
        <v>3816</v>
      </c>
      <c r="JZE39" s="927" t="s">
        <v>3816</v>
      </c>
      <c r="JZF39" s="927" t="s">
        <v>3816</v>
      </c>
      <c r="JZG39" s="927" t="s">
        <v>3816</v>
      </c>
      <c r="JZH39" s="927" t="s">
        <v>3816</v>
      </c>
      <c r="JZI39" s="927" t="s">
        <v>3816</v>
      </c>
      <c r="JZJ39" s="927" t="s">
        <v>3816</v>
      </c>
      <c r="JZK39" s="927" t="s">
        <v>3816</v>
      </c>
      <c r="JZL39" s="927" t="s">
        <v>3816</v>
      </c>
      <c r="JZM39" s="927" t="s">
        <v>3816</v>
      </c>
      <c r="JZN39" s="927" t="s">
        <v>3816</v>
      </c>
      <c r="JZO39" s="927" t="s">
        <v>3816</v>
      </c>
      <c r="JZP39" s="927" t="s">
        <v>3816</v>
      </c>
      <c r="JZQ39" s="927" t="s">
        <v>3816</v>
      </c>
      <c r="JZR39" s="927" t="s">
        <v>3816</v>
      </c>
      <c r="JZS39" s="927" t="s">
        <v>3816</v>
      </c>
      <c r="JZT39" s="927" t="s">
        <v>3816</v>
      </c>
      <c r="JZU39" s="927" t="s">
        <v>3816</v>
      </c>
      <c r="JZV39" s="927" t="s">
        <v>3816</v>
      </c>
      <c r="JZW39" s="927" t="s">
        <v>3816</v>
      </c>
      <c r="JZX39" s="927" t="s">
        <v>3816</v>
      </c>
      <c r="JZY39" s="927" t="s">
        <v>3816</v>
      </c>
      <c r="JZZ39" s="927" t="s">
        <v>3816</v>
      </c>
      <c r="KAA39" s="927" t="s">
        <v>3816</v>
      </c>
      <c r="KAB39" s="927" t="s">
        <v>3816</v>
      </c>
      <c r="KAC39" s="927" t="s">
        <v>3816</v>
      </c>
      <c r="KAD39" s="927" t="s">
        <v>3816</v>
      </c>
      <c r="KAE39" s="927" t="s">
        <v>3816</v>
      </c>
      <c r="KAF39" s="927" t="s">
        <v>3816</v>
      </c>
      <c r="KAG39" s="927" t="s">
        <v>3816</v>
      </c>
      <c r="KAH39" s="927" t="s">
        <v>3816</v>
      </c>
      <c r="KAI39" s="927" t="s">
        <v>3816</v>
      </c>
      <c r="KAJ39" s="927" t="s">
        <v>3816</v>
      </c>
      <c r="KAK39" s="927" t="s">
        <v>3816</v>
      </c>
      <c r="KAL39" s="927" t="s">
        <v>3816</v>
      </c>
      <c r="KAM39" s="927" t="s">
        <v>3816</v>
      </c>
      <c r="KAN39" s="927" t="s">
        <v>3816</v>
      </c>
      <c r="KAO39" s="927" t="s">
        <v>3816</v>
      </c>
      <c r="KAP39" s="927" t="s">
        <v>3816</v>
      </c>
      <c r="KAQ39" s="927" t="s">
        <v>3816</v>
      </c>
      <c r="KAR39" s="927" t="s">
        <v>3816</v>
      </c>
      <c r="KAS39" s="927" t="s">
        <v>3816</v>
      </c>
      <c r="KAT39" s="927" t="s">
        <v>3816</v>
      </c>
      <c r="KAU39" s="927" t="s">
        <v>3816</v>
      </c>
      <c r="KAV39" s="927" t="s">
        <v>3816</v>
      </c>
      <c r="KAW39" s="927" t="s">
        <v>3816</v>
      </c>
      <c r="KAX39" s="927" t="s">
        <v>3816</v>
      </c>
      <c r="KAY39" s="927" t="s">
        <v>3816</v>
      </c>
      <c r="KAZ39" s="927" t="s">
        <v>3816</v>
      </c>
      <c r="KBA39" s="927" t="s">
        <v>3816</v>
      </c>
      <c r="KBB39" s="927" t="s">
        <v>3816</v>
      </c>
      <c r="KBC39" s="927" t="s">
        <v>3816</v>
      </c>
      <c r="KBD39" s="927" t="s">
        <v>3816</v>
      </c>
      <c r="KBE39" s="927" t="s">
        <v>3816</v>
      </c>
      <c r="KBF39" s="927" t="s">
        <v>3816</v>
      </c>
      <c r="KBG39" s="927" t="s">
        <v>3816</v>
      </c>
      <c r="KBH39" s="927" t="s">
        <v>3816</v>
      </c>
      <c r="KBI39" s="927" t="s">
        <v>3816</v>
      </c>
      <c r="KBJ39" s="927" t="s">
        <v>3816</v>
      </c>
      <c r="KBK39" s="927" t="s">
        <v>3816</v>
      </c>
      <c r="KBL39" s="927" t="s">
        <v>3816</v>
      </c>
      <c r="KBM39" s="927" t="s">
        <v>3816</v>
      </c>
      <c r="KBN39" s="927" t="s">
        <v>3816</v>
      </c>
      <c r="KBO39" s="927" t="s">
        <v>3816</v>
      </c>
      <c r="KBP39" s="927" t="s">
        <v>3816</v>
      </c>
      <c r="KBQ39" s="927" t="s">
        <v>3816</v>
      </c>
      <c r="KBR39" s="927" t="s">
        <v>3816</v>
      </c>
      <c r="KBS39" s="927" t="s">
        <v>3816</v>
      </c>
      <c r="KBT39" s="927" t="s">
        <v>3816</v>
      </c>
      <c r="KBU39" s="927" t="s">
        <v>3816</v>
      </c>
      <c r="KBV39" s="927" t="s">
        <v>3816</v>
      </c>
      <c r="KBW39" s="927" t="s">
        <v>3816</v>
      </c>
      <c r="KBX39" s="927" t="s">
        <v>3816</v>
      </c>
      <c r="KBY39" s="927" t="s">
        <v>3816</v>
      </c>
      <c r="KBZ39" s="927" t="s">
        <v>3816</v>
      </c>
      <c r="KCA39" s="927" t="s">
        <v>3816</v>
      </c>
      <c r="KCB39" s="927" t="s">
        <v>3816</v>
      </c>
      <c r="KCC39" s="927" t="s">
        <v>3816</v>
      </c>
      <c r="KCD39" s="927" t="s">
        <v>3816</v>
      </c>
      <c r="KCE39" s="927" t="s">
        <v>3816</v>
      </c>
      <c r="KCF39" s="927" t="s">
        <v>3816</v>
      </c>
      <c r="KCG39" s="927" t="s">
        <v>3816</v>
      </c>
      <c r="KCH39" s="927" t="s">
        <v>3816</v>
      </c>
      <c r="KCI39" s="927" t="s">
        <v>3816</v>
      </c>
      <c r="KCJ39" s="927" t="s">
        <v>3816</v>
      </c>
      <c r="KCK39" s="927" t="s">
        <v>3816</v>
      </c>
      <c r="KCL39" s="927" t="s">
        <v>3816</v>
      </c>
      <c r="KCM39" s="927" t="s">
        <v>3816</v>
      </c>
      <c r="KCN39" s="927" t="s">
        <v>3816</v>
      </c>
      <c r="KCO39" s="927" t="s">
        <v>3816</v>
      </c>
      <c r="KCP39" s="927" t="s">
        <v>3816</v>
      </c>
      <c r="KCQ39" s="927" t="s">
        <v>3816</v>
      </c>
      <c r="KCR39" s="927" t="s">
        <v>3816</v>
      </c>
      <c r="KCS39" s="927" t="s">
        <v>3816</v>
      </c>
      <c r="KCT39" s="927" t="s">
        <v>3816</v>
      </c>
      <c r="KCU39" s="927" t="s">
        <v>3816</v>
      </c>
      <c r="KCV39" s="927" t="s">
        <v>3816</v>
      </c>
      <c r="KCW39" s="927" t="s">
        <v>3816</v>
      </c>
      <c r="KCX39" s="927" t="s">
        <v>3816</v>
      </c>
      <c r="KCY39" s="927" t="s">
        <v>3816</v>
      </c>
      <c r="KCZ39" s="927" t="s">
        <v>3816</v>
      </c>
      <c r="KDA39" s="927" t="s">
        <v>3816</v>
      </c>
      <c r="KDB39" s="927" t="s">
        <v>3816</v>
      </c>
      <c r="KDC39" s="927" t="s">
        <v>3816</v>
      </c>
      <c r="KDD39" s="927" t="s">
        <v>3816</v>
      </c>
      <c r="KDE39" s="927" t="s">
        <v>3816</v>
      </c>
      <c r="KDF39" s="927" t="s">
        <v>3816</v>
      </c>
      <c r="KDG39" s="927" t="s">
        <v>3816</v>
      </c>
      <c r="KDH39" s="927" t="s">
        <v>3816</v>
      </c>
      <c r="KDI39" s="927" t="s">
        <v>3816</v>
      </c>
      <c r="KDJ39" s="927" t="s">
        <v>3816</v>
      </c>
      <c r="KDK39" s="927" t="s">
        <v>3816</v>
      </c>
      <c r="KDL39" s="927" t="s">
        <v>3816</v>
      </c>
      <c r="KDM39" s="927" t="s">
        <v>3816</v>
      </c>
      <c r="KDN39" s="927" t="s">
        <v>3816</v>
      </c>
      <c r="KDO39" s="927" t="s">
        <v>3816</v>
      </c>
      <c r="KDP39" s="927" t="s">
        <v>3816</v>
      </c>
      <c r="KDQ39" s="927" t="s">
        <v>3816</v>
      </c>
      <c r="KDR39" s="927" t="s">
        <v>3816</v>
      </c>
      <c r="KDS39" s="927" t="s">
        <v>3816</v>
      </c>
      <c r="KDT39" s="927" t="s">
        <v>3816</v>
      </c>
      <c r="KDU39" s="927" t="s">
        <v>3816</v>
      </c>
      <c r="KDV39" s="927" t="s">
        <v>3816</v>
      </c>
      <c r="KDW39" s="927" t="s">
        <v>3816</v>
      </c>
      <c r="KDX39" s="927" t="s">
        <v>3816</v>
      </c>
      <c r="KDY39" s="927" t="s">
        <v>3816</v>
      </c>
      <c r="KDZ39" s="927" t="s">
        <v>3816</v>
      </c>
      <c r="KEA39" s="927" t="s">
        <v>3816</v>
      </c>
      <c r="KEB39" s="927" t="s">
        <v>3816</v>
      </c>
      <c r="KEC39" s="927" t="s">
        <v>3816</v>
      </c>
      <c r="KED39" s="927" t="s">
        <v>3816</v>
      </c>
      <c r="KEE39" s="927" t="s">
        <v>3816</v>
      </c>
      <c r="KEF39" s="927" t="s">
        <v>3816</v>
      </c>
      <c r="KEG39" s="927" t="s">
        <v>3816</v>
      </c>
      <c r="KEH39" s="927" t="s">
        <v>3816</v>
      </c>
      <c r="KEI39" s="927" t="s">
        <v>3816</v>
      </c>
      <c r="KEJ39" s="927" t="s">
        <v>3816</v>
      </c>
      <c r="KEK39" s="927" t="s">
        <v>3816</v>
      </c>
      <c r="KEL39" s="927" t="s">
        <v>3816</v>
      </c>
      <c r="KEM39" s="927" t="s">
        <v>3816</v>
      </c>
      <c r="KEN39" s="927" t="s">
        <v>3816</v>
      </c>
      <c r="KEO39" s="927" t="s">
        <v>3816</v>
      </c>
      <c r="KEP39" s="927" t="s">
        <v>3816</v>
      </c>
      <c r="KEQ39" s="927" t="s">
        <v>3816</v>
      </c>
      <c r="KER39" s="927" t="s">
        <v>3816</v>
      </c>
      <c r="KES39" s="927" t="s">
        <v>3816</v>
      </c>
      <c r="KET39" s="927" t="s">
        <v>3816</v>
      </c>
      <c r="KEU39" s="927" t="s">
        <v>3816</v>
      </c>
      <c r="KEV39" s="927" t="s">
        <v>3816</v>
      </c>
      <c r="KEW39" s="927" t="s">
        <v>3816</v>
      </c>
      <c r="KEX39" s="927" t="s">
        <v>3816</v>
      </c>
      <c r="KEY39" s="927" t="s">
        <v>3816</v>
      </c>
      <c r="KEZ39" s="927" t="s">
        <v>3816</v>
      </c>
      <c r="KFA39" s="927" t="s">
        <v>3816</v>
      </c>
      <c r="KFB39" s="927" t="s">
        <v>3816</v>
      </c>
      <c r="KFC39" s="927" t="s">
        <v>3816</v>
      </c>
      <c r="KFD39" s="927" t="s">
        <v>3816</v>
      </c>
      <c r="KFE39" s="927" t="s">
        <v>3816</v>
      </c>
      <c r="KFF39" s="927" t="s">
        <v>3816</v>
      </c>
      <c r="KFG39" s="927" t="s">
        <v>3816</v>
      </c>
      <c r="KFH39" s="927" t="s">
        <v>3816</v>
      </c>
      <c r="KFI39" s="927" t="s">
        <v>3816</v>
      </c>
      <c r="KFJ39" s="927" t="s">
        <v>3816</v>
      </c>
      <c r="KFK39" s="927" t="s">
        <v>3816</v>
      </c>
      <c r="KFL39" s="927" t="s">
        <v>3816</v>
      </c>
      <c r="KFM39" s="927" t="s">
        <v>3816</v>
      </c>
      <c r="KFN39" s="927" t="s">
        <v>3816</v>
      </c>
      <c r="KFO39" s="927" t="s">
        <v>3816</v>
      </c>
      <c r="KFP39" s="927" t="s">
        <v>3816</v>
      </c>
      <c r="KFQ39" s="927" t="s">
        <v>3816</v>
      </c>
      <c r="KFR39" s="927" t="s">
        <v>3816</v>
      </c>
      <c r="KFS39" s="927" t="s">
        <v>3816</v>
      </c>
      <c r="KFT39" s="927" t="s">
        <v>3816</v>
      </c>
      <c r="KFU39" s="927" t="s">
        <v>3816</v>
      </c>
      <c r="KFV39" s="927" t="s">
        <v>3816</v>
      </c>
      <c r="KFW39" s="927" t="s">
        <v>3816</v>
      </c>
      <c r="KFX39" s="927" t="s">
        <v>3816</v>
      </c>
      <c r="KFY39" s="927" t="s">
        <v>3816</v>
      </c>
      <c r="KFZ39" s="927" t="s">
        <v>3816</v>
      </c>
      <c r="KGA39" s="927" t="s">
        <v>3816</v>
      </c>
      <c r="KGB39" s="927" t="s">
        <v>3816</v>
      </c>
      <c r="KGC39" s="927" t="s">
        <v>3816</v>
      </c>
      <c r="KGD39" s="927" t="s">
        <v>3816</v>
      </c>
      <c r="KGE39" s="927" t="s">
        <v>3816</v>
      </c>
      <c r="KGF39" s="927" t="s">
        <v>3816</v>
      </c>
      <c r="KGG39" s="927" t="s">
        <v>3816</v>
      </c>
      <c r="KGH39" s="927" t="s">
        <v>3816</v>
      </c>
      <c r="KGI39" s="927" t="s">
        <v>3816</v>
      </c>
      <c r="KGJ39" s="927" t="s">
        <v>3816</v>
      </c>
      <c r="KGK39" s="927" t="s">
        <v>3816</v>
      </c>
      <c r="KGL39" s="927" t="s">
        <v>3816</v>
      </c>
      <c r="KGM39" s="927" t="s">
        <v>3816</v>
      </c>
      <c r="KGN39" s="927" t="s">
        <v>3816</v>
      </c>
      <c r="KGO39" s="927" t="s">
        <v>3816</v>
      </c>
      <c r="KGP39" s="927" t="s">
        <v>3816</v>
      </c>
      <c r="KGQ39" s="927" t="s">
        <v>3816</v>
      </c>
      <c r="KGR39" s="927" t="s">
        <v>3816</v>
      </c>
      <c r="KGS39" s="927" t="s">
        <v>3816</v>
      </c>
      <c r="KGT39" s="927" t="s">
        <v>3816</v>
      </c>
      <c r="KGU39" s="927" t="s">
        <v>3816</v>
      </c>
      <c r="KGV39" s="927" t="s">
        <v>3816</v>
      </c>
      <c r="KGW39" s="927" t="s">
        <v>3816</v>
      </c>
      <c r="KGX39" s="927" t="s">
        <v>3816</v>
      </c>
      <c r="KGY39" s="927" t="s">
        <v>3816</v>
      </c>
      <c r="KGZ39" s="927" t="s">
        <v>3816</v>
      </c>
      <c r="KHA39" s="927" t="s">
        <v>3816</v>
      </c>
      <c r="KHB39" s="927" t="s">
        <v>3816</v>
      </c>
      <c r="KHC39" s="927" t="s">
        <v>3816</v>
      </c>
      <c r="KHD39" s="927" t="s">
        <v>3816</v>
      </c>
      <c r="KHE39" s="927" t="s">
        <v>3816</v>
      </c>
      <c r="KHF39" s="927" t="s">
        <v>3816</v>
      </c>
      <c r="KHG39" s="927" t="s">
        <v>3816</v>
      </c>
      <c r="KHH39" s="927" t="s">
        <v>3816</v>
      </c>
      <c r="KHI39" s="927" t="s">
        <v>3816</v>
      </c>
      <c r="KHJ39" s="927" t="s">
        <v>3816</v>
      </c>
      <c r="KHK39" s="927" t="s">
        <v>3816</v>
      </c>
      <c r="KHL39" s="927" t="s">
        <v>3816</v>
      </c>
      <c r="KHM39" s="927" t="s">
        <v>3816</v>
      </c>
      <c r="KHN39" s="927" t="s">
        <v>3816</v>
      </c>
      <c r="KHO39" s="927" t="s">
        <v>3816</v>
      </c>
      <c r="KHP39" s="927" t="s">
        <v>3816</v>
      </c>
      <c r="KHQ39" s="927" t="s">
        <v>3816</v>
      </c>
      <c r="KHR39" s="927" t="s">
        <v>3816</v>
      </c>
      <c r="KHS39" s="927" t="s">
        <v>3816</v>
      </c>
      <c r="KHT39" s="927" t="s">
        <v>3816</v>
      </c>
      <c r="KHU39" s="927" t="s">
        <v>3816</v>
      </c>
      <c r="KHV39" s="927" t="s">
        <v>3816</v>
      </c>
      <c r="KHW39" s="927" t="s">
        <v>3816</v>
      </c>
      <c r="KHX39" s="927" t="s">
        <v>3816</v>
      </c>
      <c r="KHY39" s="927" t="s">
        <v>3816</v>
      </c>
      <c r="KHZ39" s="927" t="s">
        <v>3816</v>
      </c>
      <c r="KIA39" s="927" t="s">
        <v>3816</v>
      </c>
      <c r="KIB39" s="927" t="s">
        <v>3816</v>
      </c>
      <c r="KIC39" s="927" t="s">
        <v>3816</v>
      </c>
      <c r="KID39" s="927" t="s">
        <v>3816</v>
      </c>
      <c r="KIE39" s="927" t="s">
        <v>3816</v>
      </c>
      <c r="KIF39" s="927" t="s">
        <v>3816</v>
      </c>
      <c r="KIG39" s="927" t="s">
        <v>3816</v>
      </c>
      <c r="KIH39" s="927" t="s">
        <v>3816</v>
      </c>
      <c r="KII39" s="927" t="s">
        <v>3816</v>
      </c>
      <c r="KIJ39" s="927" t="s">
        <v>3816</v>
      </c>
      <c r="KIK39" s="927" t="s">
        <v>3816</v>
      </c>
      <c r="KIL39" s="927" t="s">
        <v>3816</v>
      </c>
      <c r="KIM39" s="927" t="s">
        <v>3816</v>
      </c>
      <c r="KIN39" s="927" t="s">
        <v>3816</v>
      </c>
      <c r="KIO39" s="927" t="s">
        <v>3816</v>
      </c>
      <c r="KIP39" s="927" t="s">
        <v>3816</v>
      </c>
      <c r="KIQ39" s="927" t="s">
        <v>3816</v>
      </c>
      <c r="KIR39" s="927" t="s">
        <v>3816</v>
      </c>
      <c r="KIS39" s="927" t="s">
        <v>3816</v>
      </c>
      <c r="KIT39" s="927" t="s">
        <v>3816</v>
      </c>
      <c r="KIU39" s="927" t="s">
        <v>3816</v>
      </c>
      <c r="KIV39" s="927" t="s">
        <v>3816</v>
      </c>
      <c r="KIW39" s="927" t="s">
        <v>3816</v>
      </c>
      <c r="KIX39" s="927" t="s">
        <v>3816</v>
      </c>
      <c r="KIY39" s="927" t="s">
        <v>3816</v>
      </c>
      <c r="KIZ39" s="927" t="s">
        <v>3816</v>
      </c>
      <c r="KJA39" s="927" t="s">
        <v>3816</v>
      </c>
      <c r="KJB39" s="927" t="s">
        <v>3816</v>
      </c>
      <c r="KJC39" s="927" t="s">
        <v>3816</v>
      </c>
      <c r="KJD39" s="927" t="s">
        <v>3816</v>
      </c>
      <c r="KJE39" s="927" t="s">
        <v>3816</v>
      </c>
      <c r="KJF39" s="927" t="s">
        <v>3816</v>
      </c>
      <c r="KJG39" s="927" t="s">
        <v>3816</v>
      </c>
      <c r="KJH39" s="927" t="s">
        <v>3816</v>
      </c>
      <c r="KJI39" s="927" t="s">
        <v>3816</v>
      </c>
      <c r="KJJ39" s="927" t="s">
        <v>3816</v>
      </c>
      <c r="KJK39" s="927" t="s">
        <v>3816</v>
      </c>
      <c r="KJL39" s="927" t="s">
        <v>3816</v>
      </c>
      <c r="KJM39" s="927" t="s">
        <v>3816</v>
      </c>
      <c r="KJN39" s="927" t="s">
        <v>3816</v>
      </c>
      <c r="KJO39" s="927" t="s">
        <v>3816</v>
      </c>
      <c r="KJP39" s="927" t="s">
        <v>3816</v>
      </c>
      <c r="KJQ39" s="927" t="s">
        <v>3816</v>
      </c>
      <c r="KJR39" s="927" t="s">
        <v>3816</v>
      </c>
      <c r="KJS39" s="927" t="s">
        <v>3816</v>
      </c>
      <c r="KJT39" s="927" t="s">
        <v>3816</v>
      </c>
      <c r="KJU39" s="927" t="s">
        <v>3816</v>
      </c>
      <c r="KJV39" s="927" t="s">
        <v>3816</v>
      </c>
      <c r="KJW39" s="927" t="s">
        <v>3816</v>
      </c>
      <c r="KJX39" s="927" t="s">
        <v>3816</v>
      </c>
      <c r="KJY39" s="927" t="s">
        <v>3816</v>
      </c>
      <c r="KJZ39" s="927" t="s">
        <v>3816</v>
      </c>
      <c r="KKA39" s="927" t="s">
        <v>3816</v>
      </c>
      <c r="KKB39" s="927" t="s">
        <v>3816</v>
      </c>
      <c r="KKC39" s="927" t="s">
        <v>3816</v>
      </c>
      <c r="KKD39" s="927" t="s">
        <v>3816</v>
      </c>
      <c r="KKE39" s="927" t="s">
        <v>3816</v>
      </c>
      <c r="KKF39" s="927" t="s">
        <v>3816</v>
      </c>
      <c r="KKG39" s="927" t="s">
        <v>3816</v>
      </c>
      <c r="KKH39" s="927" t="s">
        <v>3816</v>
      </c>
      <c r="KKI39" s="927" t="s">
        <v>3816</v>
      </c>
      <c r="KKJ39" s="927" t="s">
        <v>3816</v>
      </c>
      <c r="KKK39" s="927" t="s">
        <v>3816</v>
      </c>
      <c r="KKL39" s="927" t="s">
        <v>3816</v>
      </c>
      <c r="KKM39" s="927" t="s">
        <v>3816</v>
      </c>
      <c r="KKN39" s="927" t="s">
        <v>3816</v>
      </c>
      <c r="KKO39" s="927" t="s">
        <v>3816</v>
      </c>
      <c r="KKP39" s="927" t="s">
        <v>3816</v>
      </c>
      <c r="KKQ39" s="927" t="s">
        <v>3816</v>
      </c>
      <c r="KKR39" s="927" t="s">
        <v>3816</v>
      </c>
      <c r="KKS39" s="927" t="s">
        <v>3816</v>
      </c>
      <c r="KKT39" s="927" t="s">
        <v>3816</v>
      </c>
      <c r="KKU39" s="927" t="s">
        <v>3816</v>
      </c>
      <c r="KKV39" s="927" t="s">
        <v>3816</v>
      </c>
      <c r="KKW39" s="927" t="s">
        <v>3816</v>
      </c>
      <c r="KKX39" s="927" t="s">
        <v>3816</v>
      </c>
      <c r="KKY39" s="927" t="s">
        <v>3816</v>
      </c>
      <c r="KKZ39" s="927" t="s">
        <v>3816</v>
      </c>
      <c r="KLA39" s="927" t="s">
        <v>3816</v>
      </c>
      <c r="KLB39" s="927" t="s">
        <v>3816</v>
      </c>
      <c r="KLC39" s="927" t="s">
        <v>3816</v>
      </c>
      <c r="KLD39" s="927" t="s">
        <v>3816</v>
      </c>
      <c r="KLE39" s="927" t="s">
        <v>3816</v>
      </c>
      <c r="KLF39" s="927" t="s">
        <v>3816</v>
      </c>
      <c r="KLG39" s="927" t="s">
        <v>3816</v>
      </c>
      <c r="KLH39" s="927" t="s">
        <v>3816</v>
      </c>
      <c r="KLI39" s="927" t="s">
        <v>3816</v>
      </c>
      <c r="KLJ39" s="927" t="s">
        <v>3816</v>
      </c>
      <c r="KLK39" s="927" t="s">
        <v>3816</v>
      </c>
      <c r="KLL39" s="927" t="s">
        <v>3816</v>
      </c>
      <c r="KLM39" s="927" t="s">
        <v>3816</v>
      </c>
      <c r="KLN39" s="927" t="s">
        <v>3816</v>
      </c>
      <c r="KLO39" s="927" t="s">
        <v>3816</v>
      </c>
      <c r="KLP39" s="927" t="s">
        <v>3816</v>
      </c>
      <c r="KLQ39" s="927" t="s">
        <v>3816</v>
      </c>
      <c r="KLR39" s="927" t="s">
        <v>3816</v>
      </c>
      <c r="KLS39" s="927" t="s">
        <v>3816</v>
      </c>
      <c r="KLT39" s="927" t="s">
        <v>3816</v>
      </c>
      <c r="KLU39" s="927" t="s">
        <v>3816</v>
      </c>
      <c r="KLV39" s="927" t="s">
        <v>3816</v>
      </c>
      <c r="KLW39" s="927" t="s">
        <v>3816</v>
      </c>
      <c r="KLX39" s="927" t="s">
        <v>3816</v>
      </c>
      <c r="KLY39" s="927" t="s">
        <v>3816</v>
      </c>
      <c r="KLZ39" s="927" t="s">
        <v>3816</v>
      </c>
      <c r="KMA39" s="927" t="s">
        <v>3816</v>
      </c>
      <c r="KMB39" s="927" t="s">
        <v>3816</v>
      </c>
      <c r="KMC39" s="927" t="s">
        <v>3816</v>
      </c>
      <c r="KMD39" s="927" t="s">
        <v>3816</v>
      </c>
      <c r="KME39" s="927" t="s">
        <v>3816</v>
      </c>
      <c r="KMF39" s="927" t="s">
        <v>3816</v>
      </c>
      <c r="KMG39" s="927" t="s">
        <v>3816</v>
      </c>
      <c r="KMH39" s="927" t="s">
        <v>3816</v>
      </c>
      <c r="KMI39" s="927" t="s">
        <v>3816</v>
      </c>
      <c r="KMJ39" s="927" t="s">
        <v>3816</v>
      </c>
      <c r="KMK39" s="927" t="s">
        <v>3816</v>
      </c>
      <c r="KML39" s="927" t="s">
        <v>3816</v>
      </c>
      <c r="KMM39" s="927" t="s">
        <v>3816</v>
      </c>
      <c r="KMN39" s="927" t="s">
        <v>3816</v>
      </c>
      <c r="KMO39" s="927" t="s">
        <v>3816</v>
      </c>
      <c r="KMP39" s="927" t="s">
        <v>3816</v>
      </c>
      <c r="KMQ39" s="927" t="s">
        <v>3816</v>
      </c>
      <c r="KMR39" s="927" t="s">
        <v>3816</v>
      </c>
      <c r="KMS39" s="927" t="s">
        <v>3816</v>
      </c>
      <c r="KMT39" s="927" t="s">
        <v>3816</v>
      </c>
      <c r="KMU39" s="927" t="s">
        <v>3816</v>
      </c>
      <c r="KMV39" s="927" t="s">
        <v>3816</v>
      </c>
      <c r="KMW39" s="927" t="s">
        <v>3816</v>
      </c>
      <c r="KMX39" s="927" t="s">
        <v>3816</v>
      </c>
      <c r="KMY39" s="927" t="s">
        <v>3816</v>
      </c>
      <c r="KMZ39" s="927" t="s">
        <v>3816</v>
      </c>
      <c r="KNA39" s="927" t="s">
        <v>3816</v>
      </c>
      <c r="KNB39" s="927" t="s">
        <v>3816</v>
      </c>
      <c r="KNC39" s="927" t="s">
        <v>3816</v>
      </c>
      <c r="KND39" s="927" t="s">
        <v>3816</v>
      </c>
      <c r="KNE39" s="927" t="s">
        <v>3816</v>
      </c>
      <c r="KNF39" s="927" t="s">
        <v>3816</v>
      </c>
      <c r="KNG39" s="927" t="s">
        <v>3816</v>
      </c>
      <c r="KNH39" s="927" t="s">
        <v>3816</v>
      </c>
      <c r="KNI39" s="927" t="s">
        <v>3816</v>
      </c>
      <c r="KNJ39" s="927" t="s">
        <v>3816</v>
      </c>
      <c r="KNK39" s="927" t="s">
        <v>3816</v>
      </c>
      <c r="KNL39" s="927" t="s">
        <v>3816</v>
      </c>
      <c r="KNM39" s="927" t="s">
        <v>3816</v>
      </c>
      <c r="KNN39" s="927" t="s">
        <v>3816</v>
      </c>
      <c r="KNO39" s="927" t="s">
        <v>3816</v>
      </c>
      <c r="KNP39" s="927" t="s">
        <v>3816</v>
      </c>
      <c r="KNQ39" s="927" t="s">
        <v>3816</v>
      </c>
      <c r="KNR39" s="927" t="s">
        <v>3816</v>
      </c>
      <c r="KNS39" s="927" t="s">
        <v>3816</v>
      </c>
      <c r="KNT39" s="927" t="s">
        <v>3816</v>
      </c>
      <c r="KNU39" s="927" t="s">
        <v>3816</v>
      </c>
      <c r="KNV39" s="927" t="s">
        <v>3816</v>
      </c>
      <c r="KNW39" s="927" t="s">
        <v>3816</v>
      </c>
      <c r="KNX39" s="927" t="s">
        <v>3816</v>
      </c>
      <c r="KNY39" s="927" t="s">
        <v>3816</v>
      </c>
      <c r="KNZ39" s="927" t="s">
        <v>3816</v>
      </c>
      <c r="KOA39" s="927" t="s">
        <v>3816</v>
      </c>
      <c r="KOB39" s="927" t="s">
        <v>3816</v>
      </c>
      <c r="KOC39" s="927" t="s">
        <v>3816</v>
      </c>
      <c r="KOD39" s="927" t="s">
        <v>3816</v>
      </c>
      <c r="KOE39" s="927" t="s">
        <v>3816</v>
      </c>
      <c r="KOF39" s="927" t="s">
        <v>3816</v>
      </c>
      <c r="KOG39" s="927" t="s">
        <v>3816</v>
      </c>
      <c r="KOH39" s="927" t="s">
        <v>3816</v>
      </c>
      <c r="KOI39" s="927" t="s">
        <v>3816</v>
      </c>
      <c r="KOJ39" s="927" t="s">
        <v>3816</v>
      </c>
      <c r="KOK39" s="927" t="s">
        <v>3816</v>
      </c>
      <c r="KOL39" s="927" t="s">
        <v>3816</v>
      </c>
      <c r="KOM39" s="927" t="s">
        <v>3816</v>
      </c>
      <c r="KON39" s="927" t="s">
        <v>3816</v>
      </c>
      <c r="KOO39" s="927" t="s">
        <v>3816</v>
      </c>
      <c r="KOP39" s="927" t="s">
        <v>3816</v>
      </c>
      <c r="KOQ39" s="927" t="s">
        <v>3816</v>
      </c>
      <c r="KOR39" s="927" t="s">
        <v>3816</v>
      </c>
      <c r="KOS39" s="927" t="s">
        <v>3816</v>
      </c>
      <c r="KOT39" s="927" t="s">
        <v>3816</v>
      </c>
      <c r="KOU39" s="927" t="s">
        <v>3816</v>
      </c>
      <c r="KOV39" s="927" t="s">
        <v>3816</v>
      </c>
      <c r="KOW39" s="927" t="s">
        <v>3816</v>
      </c>
      <c r="KOX39" s="927" t="s">
        <v>3816</v>
      </c>
      <c r="KOY39" s="927" t="s">
        <v>3816</v>
      </c>
      <c r="KOZ39" s="927" t="s">
        <v>3816</v>
      </c>
      <c r="KPA39" s="927" t="s">
        <v>3816</v>
      </c>
      <c r="KPB39" s="927" t="s">
        <v>3816</v>
      </c>
      <c r="KPC39" s="927" t="s">
        <v>3816</v>
      </c>
      <c r="KPD39" s="927" t="s">
        <v>3816</v>
      </c>
      <c r="KPE39" s="927" t="s">
        <v>3816</v>
      </c>
      <c r="KPF39" s="927" t="s">
        <v>3816</v>
      </c>
      <c r="KPG39" s="927" t="s">
        <v>3816</v>
      </c>
      <c r="KPH39" s="927" t="s">
        <v>3816</v>
      </c>
      <c r="KPI39" s="927" t="s">
        <v>3816</v>
      </c>
      <c r="KPJ39" s="927" t="s">
        <v>3816</v>
      </c>
      <c r="KPK39" s="927" t="s">
        <v>3816</v>
      </c>
      <c r="KPL39" s="927" t="s">
        <v>3816</v>
      </c>
      <c r="KPM39" s="927" t="s">
        <v>3816</v>
      </c>
      <c r="KPN39" s="927" t="s">
        <v>3816</v>
      </c>
      <c r="KPO39" s="927" t="s">
        <v>3816</v>
      </c>
      <c r="KPP39" s="927" t="s">
        <v>3816</v>
      </c>
      <c r="KPQ39" s="927" t="s">
        <v>3816</v>
      </c>
      <c r="KPR39" s="927" t="s">
        <v>3816</v>
      </c>
      <c r="KPS39" s="927" t="s">
        <v>3816</v>
      </c>
      <c r="KPT39" s="927" t="s">
        <v>3816</v>
      </c>
      <c r="KPU39" s="927" t="s">
        <v>3816</v>
      </c>
      <c r="KPV39" s="927" t="s">
        <v>3816</v>
      </c>
      <c r="KPW39" s="927" t="s">
        <v>3816</v>
      </c>
      <c r="KPX39" s="927" t="s">
        <v>3816</v>
      </c>
      <c r="KPY39" s="927" t="s">
        <v>3816</v>
      </c>
      <c r="KPZ39" s="927" t="s">
        <v>3816</v>
      </c>
      <c r="KQA39" s="927" t="s">
        <v>3816</v>
      </c>
      <c r="KQB39" s="927" t="s">
        <v>3816</v>
      </c>
      <c r="KQC39" s="927" t="s">
        <v>3816</v>
      </c>
      <c r="KQD39" s="927" t="s">
        <v>3816</v>
      </c>
      <c r="KQE39" s="927" t="s">
        <v>3816</v>
      </c>
      <c r="KQF39" s="927" t="s">
        <v>3816</v>
      </c>
      <c r="KQG39" s="927" t="s">
        <v>3816</v>
      </c>
      <c r="KQH39" s="927" t="s">
        <v>3816</v>
      </c>
      <c r="KQI39" s="927" t="s">
        <v>3816</v>
      </c>
      <c r="KQJ39" s="927" t="s">
        <v>3816</v>
      </c>
      <c r="KQK39" s="927" t="s">
        <v>3816</v>
      </c>
      <c r="KQL39" s="927" t="s">
        <v>3816</v>
      </c>
      <c r="KQM39" s="927" t="s">
        <v>3816</v>
      </c>
      <c r="KQN39" s="927" t="s">
        <v>3816</v>
      </c>
      <c r="KQO39" s="927" t="s">
        <v>3816</v>
      </c>
      <c r="KQP39" s="927" t="s">
        <v>3816</v>
      </c>
      <c r="KQQ39" s="927" t="s">
        <v>3816</v>
      </c>
      <c r="KQR39" s="927" t="s">
        <v>3816</v>
      </c>
      <c r="KQS39" s="927" t="s">
        <v>3816</v>
      </c>
      <c r="KQT39" s="927" t="s">
        <v>3816</v>
      </c>
      <c r="KQU39" s="927" t="s">
        <v>3816</v>
      </c>
      <c r="KQV39" s="927" t="s">
        <v>3816</v>
      </c>
      <c r="KQW39" s="927" t="s">
        <v>3816</v>
      </c>
      <c r="KQX39" s="927" t="s">
        <v>3816</v>
      </c>
      <c r="KQY39" s="927" t="s">
        <v>3816</v>
      </c>
      <c r="KQZ39" s="927" t="s">
        <v>3816</v>
      </c>
      <c r="KRA39" s="927" t="s">
        <v>3816</v>
      </c>
      <c r="KRB39" s="927" t="s">
        <v>3816</v>
      </c>
      <c r="KRC39" s="927" t="s">
        <v>3816</v>
      </c>
      <c r="KRD39" s="927" t="s">
        <v>3816</v>
      </c>
      <c r="KRE39" s="927" t="s">
        <v>3816</v>
      </c>
      <c r="KRF39" s="927" t="s">
        <v>3816</v>
      </c>
      <c r="KRG39" s="927" t="s">
        <v>3816</v>
      </c>
      <c r="KRH39" s="927" t="s">
        <v>3816</v>
      </c>
      <c r="KRI39" s="927" t="s">
        <v>3816</v>
      </c>
      <c r="KRJ39" s="927" t="s">
        <v>3816</v>
      </c>
      <c r="KRK39" s="927" t="s">
        <v>3816</v>
      </c>
      <c r="KRL39" s="927" t="s">
        <v>3816</v>
      </c>
      <c r="KRM39" s="927" t="s">
        <v>3816</v>
      </c>
      <c r="KRN39" s="927" t="s">
        <v>3816</v>
      </c>
      <c r="KRO39" s="927" t="s">
        <v>3816</v>
      </c>
      <c r="KRP39" s="927" t="s">
        <v>3816</v>
      </c>
      <c r="KRQ39" s="927" t="s">
        <v>3816</v>
      </c>
      <c r="KRR39" s="927" t="s">
        <v>3816</v>
      </c>
      <c r="KRS39" s="927" t="s">
        <v>3816</v>
      </c>
      <c r="KRT39" s="927" t="s">
        <v>3816</v>
      </c>
      <c r="KRU39" s="927" t="s">
        <v>3816</v>
      </c>
      <c r="KRV39" s="927" t="s">
        <v>3816</v>
      </c>
      <c r="KRW39" s="927" t="s">
        <v>3816</v>
      </c>
      <c r="KRX39" s="927" t="s">
        <v>3816</v>
      </c>
      <c r="KRY39" s="927" t="s">
        <v>3816</v>
      </c>
      <c r="KRZ39" s="927" t="s">
        <v>3816</v>
      </c>
      <c r="KSA39" s="927" t="s">
        <v>3816</v>
      </c>
      <c r="KSB39" s="927" t="s">
        <v>3816</v>
      </c>
      <c r="KSC39" s="927" t="s">
        <v>3816</v>
      </c>
      <c r="KSD39" s="927" t="s">
        <v>3816</v>
      </c>
      <c r="KSE39" s="927" t="s">
        <v>3816</v>
      </c>
      <c r="KSF39" s="927" t="s">
        <v>3816</v>
      </c>
      <c r="KSG39" s="927" t="s">
        <v>3816</v>
      </c>
      <c r="KSH39" s="927" t="s">
        <v>3816</v>
      </c>
      <c r="KSI39" s="927" t="s">
        <v>3816</v>
      </c>
      <c r="KSJ39" s="927" t="s">
        <v>3816</v>
      </c>
      <c r="KSK39" s="927" t="s">
        <v>3816</v>
      </c>
      <c r="KSL39" s="927" t="s">
        <v>3816</v>
      </c>
      <c r="KSM39" s="927" t="s">
        <v>3816</v>
      </c>
      <c r="KSN39" s="927" t="s">
        <v>3816</v>
      </c>
      <c r="KSO39" s="927" t="s">
        <v>3816</v>
      </c>
      <c r="KSP39" s="927" t="s">
        <v>3816</v>
      </c>
      <c r="KSQ39" s="927" t="s">
        <v>3816</v>
      </c>
      <c r="KSR39" s="927" t="s">
        <v>3816</v>
      </c>
      <c r="KSS39" s="927" t="s">
        <v>3816</v>
      </c>
      <c r="KST39" s="927" t="s">
        <v>3816</v>
      </c>
      <c r="KSU39" s="927" t="s">
        <v>3816</v>
      </c>
      <c r="KSV39" s="927" t="s">
        <v>3816</v>
      </c>
      <c r="KSW39" s="927" t="s">
        <v>3816</v>
      </c>
      <c r="KSX39" s="927" t="s">
        <v>3816</v>
      </c>
      <c r="KSY39" s="927" t="s">
        <v>3816</v>
      </c>
      <c r="KSZ39" s="927" t="s">
        <v>3816</v>
      </c>
      <c r="KTA39" s="927" t="s">
        <v>3816</v>
      </c>
      <c r="KTB39" s="927" t="s">
        <v>3816</v>
      </c>
      <c r="KTC39" s="927" t="s">
        <v>3816</v>
      </c>
      <c r="KTD39" s="927" t="s">
        <v>3816</v>
      </c>
      <c r="KTE39" s="927" t="s">
        <v>3816</v>
      </c>
      <c r="KTF39" s="927" t="s">
        <v>3816</v>
      </c>
      <c r="KTG39" s="927" t="s">
        <v>3816</v>
      </c>
      <c r="KTH39" s="927" t="s">
        <v>3816</v>
      </c>
      <c r="KTI39" s="927" t="s">
        <v>3816</v>
      </c>
      <c r="KTJ39" s="927" t="s">
        <v>3816</v>
      </c>
      <c r="KTK39" s="927" t="s">
        <v>3816</v>
      </c>
      <c r="KTL39" s="927" t="s">
        <v>3816</v>
      </c>
      <c r="KTM39" s="927" t="s">
        <v>3816</v>
      </c>
      <c r="KTN39" s="927" t="s">
        <v>3816</v>
      </c>
      <c r="KTO39" s="927" t="s">
        <v>3816</v>
      </c>
      <c r="KTP39" s="927" t="s">
        <v>3816</v>
      </c>
      <c r="KTQ39" s="927" t="s">
        <v>3816</v>
      </c>
      <c r="KTR39" s="927" t="s">
        <v>3816</v>
      </c>
      <c r="KTS39" s="927" t="s">
        <v>3816</v>
      </c>
      <c r="KTT39" s="927" t="s">
        <v>3816</v>
      </c>
      <c r="KTU39" s="927" t="s">
        <v>3816</v>
      </c>
      <c r="KTV39" s="927" t="s">
        <v>3816</v>
      </c>
      <c r="KTW39" s="927" t="s">
        <v>3816</v>
      </c>
      <c r="KTX39" s="927" t="s">
        <v>3816</v>
      </c>
      <c r="KTY39" s="927" t="s">
        <v>3816</v>
      </c>
      <c r="KTZ39" s="927" t="s">
        <v>3816</v>
      </c>
      <c r="KUA39" s="927" t="s">
        <v>3816</v>
      </c>
      <c r="KUB39" s="927" t="s">
        <v>3816</v>
      </c>
      <c r="KUC39" s="927" t="s">
        <v>3816</v>
      </c>
      <c r="KUD39" s="927" t="s">
        <v>3816</v>
      </c>
      <c r="KUE39" s="927" t="s">
        <v>3816</v>
      </c>
      <c r="KUF39" s="927" t="s">
        <v>3816</v>
      </c>
      <c r="KUG39" s="927" t="s">
        <v>3816</v>
      </c>
      <c r="KUH39" s="927" t="s">
        <v>3816</v>
      </c>
      <c r="KUI39" s="927" t="s">
        <v>3816</v>
      </c>
      <c r="KUJ39" s="927" t="s">
        <v>3816</v>
      </c>
      <c r="KUK39" s="927" t="s">
        <v>3816</v>
      </c>
      <c r="KUL39" s="927" t="s">
        <v>3816</v>
      </c>
      <c r="KUM39" s="927" t="s">
        <v>3816</v>
      </c>
      <c r="KUN39" s="927" t="s">
        <v>3816</v>
      </c>
      <c r="KUO39" s="927" t="s">
        <v>3816</v>
      </c>
      <c r="KUP39" s="927" t="s">
        <v>3816</v>
      </c>
      <c r="KUQ39" s="927" t="s">
        <v>3816</v>
      </c>
      <c r="KUR39" s="927" t="s">
        <v>3816</v>
      </c>
      <c r="KUS39" s="927" t="s">
        <v>3816</v>
      </c>
      <c r="KUT39" s="927" t="s">
        <v>3816</v>
      </c>
      <c r="KUU39" s="927" t="s">
        <v>3816</v>
      </c>
      <c r="KUV39" s="927" t="s">
        <v>3816</v>
      </c>
      <c r="KUW39" s="927" t="s">
        <v>3816</v>
      </c>
      <c r="KUX39" s="927" t="s">
        <v>3816</v>
      </c>
      <c r="KUY39" s="927" t="s">
        <v>3816</v>
      </c>
      <c r="KUZ39" s="927" t="s">
        <v>3816</v>
      </c>
      <c r="KVA39" s="927" t="s">
        <v>3816</v>
      </c>
      <c r="KVB39" s="927" t="s">
        <v>3816</v>
      </c>
      <c r="KVC39" s="927" t="s">
        <v>3816</v>
      </c>
      <c r="KVD39" s="927" t="s">
        <v>3816</v>
      </c>
      <c r="KVE39" s="927" t="s">
        <v>3816</v>
      </c>
      <c r="KVF39" s="927" t="s">
        <v>3816</v>
      </c>
      <c r="KVG39" s="927" t="s">
        <v>3816</v>
      </c>
      <c r="KVH39" s="927" t="s">
        <v>3816</v>
      </c>
      <c r="KVI39" s="927" t="s">
        <v>3816</v>
      </c>
      <c r="KVJ39" s="927" t="s">
        <v>3816</v>
      </c>
      <c r="KVK39" s="927" t="s">
        <v>3816</v>
      </c>
      <c r="KVL39" s="927" t="s">
        <v>3816</v>
      </c>
      <c r="KVM39" s="927" t="s">
        <v>3816</v>
      </c>
      <c r="KVN39" s="927" t="s">
        <v>3816</v>
      </c>
      <c r="KVO39" s="927" t="s">
        <v>3816</v>
      </c>
      <c r="KVP39" s="927" t="s">
        <v>3816</v>
      </c>
      <c r="KVQ39" s="927" t="s">
        <v>3816</v>
      </c>
      <c r="KVR39" s="927" t="s">
        <v>3816</v>
      </c>
      <c r="KVS39" s="927" t="s">
        <v>3816</v>
      </c>
      <c r="KVT39" s="927" t="s">
        <v>3816</v>
      </c>
      <c r="KVU39" s="927" t="s">
        <v>3816</v>
      </c>
      <c r="KVV39" s="927" t="s">
        <v>3816</v>
      </c>
      <c r="KVW39" s="927" t="s">
        <v>3816</v>
      </c>
      <c r="KVX39" s="927" t="s">
        <v>3816</v>
      </c>
      <c r="KVY39" s="927" t="s">
        <v>3816</v>
      </c>
      <c r="KVZ39" s="927" t="s">
        <v>3816</v>
      </c>
      <c r="KWA39" s="927" t="s">
        <v>3816</v>
      </c>
      <c r="KWB39" s="927" t="s">
        <v>3816</v>
      </c>
      <c r="KWC39" s="927" t="s">
        <v>3816</v>
      </c>
      <c r="KWD39" s="927" t="s">
        <v>3816</v>
      </c>
      <c r="KWE39" s="927" t="s">
        <v>3816</v>
      </c>
      <c r="KWF39" s="927" t="s">
        <v>3816</v>
      </c>
      <c r="KWG39" s="927" t="s">
        <v>3816</v>
      </c>
      <c r="KWH39" s="927" t="s">
        <v>3816</v>
      </c>
      <c r="KWI39" s="927" t="s">
        <v>3816</v>
      </c>
      <c r="KWJ39" s="927" t="s">
        <v>3816</v>
      </c>
      <c r="KWK39" s="927" t="s">
        <v>3816</v>
      </c>
      <c r="KWL39" s="927" t="s">
        <v>3816</v>
      </c>
      <c r="KWM39" s="927" t="s">
        <v>3816</v>
      </c>
      <c r="KWN39" s="927" t="s">
        <v>3816</v>
      </c>
      <c r="KWO39" s="927" t="s">
        <v>3816</v>
      </c>
      <c r="KWP39" s="927" t="s">
        <v>3816</v>
      </c>
      <c r="KWQ39" s="927" t="s">
        <v>3816</v>
      </c>
      <c r="KWR39" s="927" t="s">
        <v>3816</v>
      </c>
      <c r="KWS39" s="927" t="s">
        <v>3816</v>
      </c>
      <c r="KWT39" s="927" t="s">
        <v>3816</v>
      </c>
      <c r="KWU39" s="927" t="s">
        <v>3816</v>
      </c>
      <c r="KWV39" s="927" t="s">
        <v>3816</v>
      </c>
      <c r="KWW39" s="927" t="s">
        <v>3816</v>
      </c>
      <c r="KWX39" s="927" t="s">
        <v>3816</v>
      </c>
      <c r="KWY39" s="927" t="s">
        <v>3816</v>
      </c>
      <c r="KWZ39" s="927" t="s">
        <v>3816</v>
      </c>
      <c r="KXA39" s="927" t="s">
        <v>3816</v>
      </c>
      <c r="KXB39" s="927" t="s">
        <v>3816</v>
      </c>
      <c r="KXC39" s="927" t="s">
        <v>3816</v>
      </c>
      <c r="KXD39" s="927" t="s">
        <v>3816</v>
      </c>
      <c r="KXE39" s="927" t="s">
        <v>3816</v>
      </c>
      <c r="KXF39" s="927" t="s">
        <v>3816</v>
      </c>
      <c r="KXG39" s="927" t="s">
        <v>3816</v>
      </c>
      <c r="KXH39" s="927" t="s">
        <v>3816</v>
      </c>
      <c r="KXI39" s="927" t="s">
        <v>3816</v>
      </c>
      <c r="KXJ39" s="927" t="s">
        <v>3816</v>
      </c>
      <c r="KXK39" s="927" t="s">
        <v>3816</v>
      </c>
      <c r="KXL39" s="927" t="s">
        <v>3816</v>
      </c>
      <c r="KXM39" s="927" t="s">
        <v>3816</v>
      </c>
      <c r="KXN39" s="927" t="s">
        <v>3816</v>
      </c>
      <c r="KXO39" s="927" t="s">
        <v>3816</v>
      </c>
      <c r="KXP39" s="927" t="s">
        <v>3816</v>
      </c>
      <c r="KXQ39" s="927" t="s">
        <v>3816</v>
      </c>
      <c r="KXR39" s="927" t="s">
        <v>3816</v>
      </c>
      <c r="KXS39" s="927" t="s">
        <v>3816</v>
      </c>
      <c r="KXT39" s="927" t="s">
        <v>3816</v>
      </c>
      <c r="KXU39" s="927" t="s">
        <v>3816</v>
      </c>
      <c r="KXV39" s="927" t="s">
        <v>3816</v>
      </c>
      <c r="KXW39" s="927" t="s">
        <v>3816</v>
      </c>
      <c r="KXX39" s="927" t="s">
        <v>3816</v>
      </c>
      <c r="KXY39" s="927" t="s">
        <v>3816</v>
      </c>
      <c r="KXZ39" s="927" t="s">
        <v>3816</v>
      </c>
      <c r="KYA39" s="927" t="s">
        <v>3816</v>
      </c>
      <c r="KYB39" s="927" t="s">
        <v>3816</v>
      </c>
      <c r="KYC39" s="927" t="s">
        <v>3816</v>
      </c>
      <c r="KYD39" s="927" t="s">
        <v>3816</v>
      </c>
      <c r="KYE39" s="927" t="s">
        <v>3816</v>
      </c>
      <c r="KYF39" s="927" t="s">
        <v>3816</v>
      </c>
      <c r="KYG39" s="927" t="s">
        <v>3816</v>
      </c>
      <c r="KYH39" s="927" t="s">
        <v>3816</v>
      </c>
      <c r="KYI39" s="927" t="s">
        <v>3816</v>
      </c>
      <c r="KYJ39" s="927" t="s">
        <v>3816</v>
      </c>
      <c r="KYK39" s="927" t="s">
        <v>3816</v>
      </c>
      <c r="KYL39" s="927" t="s">
        <v>3816</v>
      </c>
      <c r="KYM39" s="927" t="s">
        <v>3816</v>
      </c>
      <c r="KYN39" s="927" t="s">
        <v>3816</v>
      </c>
      <c r="KYO39" s="927" t="s">
        <v>3816</v>
      </c>
      <c r="KYP39" s="927" t="s">
        <v>3816</v>
      </c>
      <c r="KYQ39" s="927" t="s">
        <v>3816</v>
      </c>
      <c r="KYR39" s="927" t="s">
        <v>3816</v>
      </c>
      <c r="KYS39" s="927" t="s">
        <v>3816</v>
      </c>
      <c r="KYT39" s="927" t="s">
        <v>3816</v>
      </c>
      <c r="KYU39" s="927" t="s">
        <v>3816</v>
      </c>
      <c r="KYV39" s="927" t="s">
        <v>3816</v>
      </c>
      <c r="KYW39" s="927" t="s">
        <v>3816</v>
      </c>
      <c r="KYX39" s="927" t="s">
        <v>3816</v>
      </c>
      <c r="KYY39" s="927" t="s">
        <v>3816</v>
      </c>
      <c r="KYZ39" s="927" t="s">
        <v>3816</v>
      </c>
      <c r="KZA39" s="927" t="s">
        <v>3816</v>
      </c>
      <c r="KZB39" s="927" t="s">
        <v>3816</v>
      </c>
      <c r="KZC39" s="927" t="s">
        <v>3816</v>
      </c>
      <c r="KZD39" s="927" t="s">
        <v>3816</v>
      </c>
      <c r="KZE39" s="927" t="s">
        <v>3816</v>
      </c>
      <c r="KZF39" s="927" t="s">
        <v>3816</v>
      </c>
      <c r="KZG39" s="927" t="s">
        <v>3816</v>
      </c>
      <c r="KZH39" s="927" t="s">
        <v>3816</v>
      </c>
      <c r="KZI39" s="927" t="s">
        <v>3816</v>
      </c>
      <c r="KZJ39" s="927" t="s">
        <v>3816</v>
      </c>
      <c r="KZK39" s="927" t="s">
        <v>3816</v>
      </c>
      <c r="KZL39" s="927" t="s">
        <v>3816</v>
      </c>
      <c r="KZM39" s="927" t="s">
        <v>3816</v>
      </c>
      <c r="KZN39" s="927" t="s">
        <v>3816</v>
      </c>
      <c r="KZO39" s="927" t="s">
        <v>3816</v>
      </c>
      <c r="KZP39" s="927" t="s">
        <v>3816</v>
      </c>
      <c r="KZQ39" s="927" t="s">
        <v>3816</v>
      </c>
      <c r="KZR39" s="927" t="s">
        <v>3816</v>
      </c>
      <c r="KZS39" s="927" t="s">
        <v>3816</v>
      </c>
      <c r="KZT39" s="927" t="s">
        <v>3816</v>
      </c>
      <c r="KZU39" s="927" t="s">
        <v>3816</v>
      </c>
      <c r="KZV39" s="927" t="s">
        <v>3816</v>
      </c>
      <c r="KZW39" s="927" t="s">
        <v>3816</v>
      </c>
      <c r="KZX39" s="927" t="s">
        <v>3816</v>
      </c>
      <c r="KZY39" s="927" t="s">
        <v>3816</v>
      </c>
      <c r="KZZ39" s="927" t="s">
        <v>3816</v>
      </c>
      <c r="LAA39" s="927" t="s">
        <v>3816</v>
      </c>
      <c r="LAB39" s="927" t="s">
        <v>3816</v>
      </c>
      <c r="LAC39" s="927" t="s">
        <v>3816</v>
      </c>
      <c r="LAD39" s="927" t="s">
        <v>3816</v>
      </c>
      <c r="LAE39" s="927" t="s">
        <v>3816</v>
      </c>
      <c r="LAF39" s="927" t="s">
        <v>3816</v>
      </c>
      <c r="LAG39" s="927" t="s">
        <v>3816</v>
      </c>
      <c r="LAH39" s="927" t="s">
        <v>3816</v>
      </c>
      <c r="LAI39" s="927" t="s">
        <v>3816</v>
      </c>
      <c r="LAJ39" s="927" t="s">
        <v>3816</v>
      </c>
      <c r="LAK39" s="927" t="s">
        <v>3816</v>
      </c>
      <c r="LAL39" s="927" t="s">
        <v>3816</v>
      </c>
      <c r="LAM39" s="927" t="s">
        <v>3816</v>
      </c>
      <c r="LAN39" s="927" t="s">
        <v>3816</v>
      </c>
      <c r="LAO39" s="927" t="s">
        <v>3816</v>
      </c>
      <c r="LAP39" s="927" t="s">
        <v>3816</v>
      </c>
      <c r="LAQ39" s="927" t="s">
        <v>3816</v>
      </c>
      <c r="LAR39" s="927" t="s">
        <v>3816</v>
      </c>
      <c r="LAS39" s="927" t="s">
        <v>3816</v>
      </c>
      <c r="LAT39" s="927" t="s">
        <v>3816</v>
      </c>
      <c r="LAU39" s="927" t="s">
        <v>3816</v>
      </c>
      <c r="LAV39" s="927" t="s">
        <v>3816</v>
      </c>
      <c r="LAW39" s="927" t="s">
        <v>3816</v>
      </c>
      <c r="LAX39" s="927" t="s">
        <v>3816</v>
      </c>
      <c r="LAY39" s="927" t="s">
        <v>3816</v>
      </c>
      <c r="LAZ39" s="927" t="s">
        <v>3816</v>
      </c>
      <c r="LBA39" s="927" t="s">
        <v>3816</v>
      </c>
      <c r="LBB39" s="927" t="s">
        <v>3816</v>
      </c>
      <c r="LBC39" s="927" t="s">
        <v>3816</v>
      </c>
      <c r="LBD39" s="927" t="s">
        <v>3816</v>
      </c>
      <c r="LBE39" s="927" t="s">
        <v>3816</v>
      </c>
      <c r="LBF39" s="927" t="s">
        <v>3816</v>
      </c>
      <c r="LBG39" s="927" t="s">
        <v>3816</v>
      </c>
      <c r="LBH39" s="927" t="s">
        <v>3816</v>
      </c>
      <c r="LBI39" s="927" t="s">
        <v>3816</v>
      </c>
      <c r="LBJ39" s="927" t="s">
        <v>3816</v>
      </c>
      <c r="LBK39" s="927" t="s">
        <v>3816</v>
      </c>
      <c r="LBL39" s="927" t="s">
        <v>3816</v>
      </c>
      <c r="LBM39" s="927" t="s">
        <v>3816</v>
      </c>
      <c r="LBN39" s="927" t="s">
        <v>3816</v>
      </c>
      <c r="LBO39" s="927" t="s">
        <v>3816</v>
      </c>
      <c r="LBP39" s="927" t="s">
        <v>3816</v>
      </c>
      <c r="LBQ39" s="927" t="s">
        <v>3816</v>
      </c>
      <c r="LBR39" s="927" t="s">
        <v>3816</v>
      </c>
      <c r="LBS39" s="927" t="s">
        <v>3816</v>
      </c>
      <c r="LBT39" s="927" t="s">
        <v>3816</v>
      </c>
      <c r="LBU39" s="927" t="s">
        <v>3816</v>
      </c>
      <c r="LBV39" s="927" t="s">
        <v>3816</v>
      </c>
      <c r="LBW39" s="927" t="s">
        <v>3816</v>
      </c>
      <c r="LBX39" s="927" t="s">
        <v>3816</v>
      </c>
      <c r="LBY39" s="927" t="s">
        <v>3816</v>
      </c>
      <c r="LBZ39" s="927" t="s">
        <v>3816</v>
      </c>
      <c r="LCA39" s="927" t="s">
        <v>3816</v>
      </c>
      <c r="LCB39" s="927" t="s">
        <v>3816</v>
      </c>
      <c r="LCC39" s="927" t="s">
        <v>3816</v>
      </c>
      <c r="LCD39" s="927" t="s">
        <v>3816</v>
      </c>
      <c r="LCE39" s="927" t="s">
        <v>3816</v>
      </c>
      <c r="LCF39" s="927" t="s">
        <v>3816</v>
      </c>
      <c r="LCG39" s="927" t="s">
        <v>3816</v>
      </c>
      <c r="LCH39" s="927" t="s">
        <v>3816</v>
      </c>
      <c r="LCI39" s="927" t="s">
        <v>3816</v>
      </c>
      <c r="LCJ39" s="927" t="s">
        <v>3816</v>
      </c>
      <c r="LCK39" s="927" t="s">
        <v>3816</v>
      </c>
      <c r="LCL39" s="927" t="s">
        <v>3816</v>
      </c>
      <c r="LCM39" s="927" t="s">
        <v>3816</v>
      </c>
      <c r="LCN39" s="927" t="s">
        <v>3816</v>
      </c>
      <c r="LCO39" s="927" t="s">
        <v>3816</v>
      </c>
      <c r="LCP39" s="927" t="s">
        <v>3816</v>
      </c>
      <c r="LCQ39" s="927" t="s">
        <v>3816</v>
      </c>
      <c r="LCR39" s="927" t="s">
        <v>3816</v>
      </c>
      <c r="LCS39" s="927" t="s">
        <v>3816</v>
      </c>
      <c r="LCT39" s="927" t="s">
        <v>3816</v>
      </c>
      <c r="LCU39" s="927" t="s">
        <v>3816</v>
      </c>
      <c r="LCV39" s="927" t="s">
        <v>3816</v>
      </c>
      <c r="LCW39" s="927" t="s">
        <v>3816</v>
      </c>
      <c r="LCX39" s="927" t="s">
        <v>3816</v>
      </c>
      <c r="LCY39" s="927" t="s">
        <v>3816</v>
      </c>
      <c r="LCZ39" s="927" t="s">
        <v>3816</v>
      </c>
      <c r="LDA39" s="927" t="s">
        <v>3816</v>
      </c>
      <c r="LDB39" s="927" t="s">
        <v>3816</v>
      </c>
      <c r="LDC39" s="927" t="s">
        <v>3816</v>
      </c>
      <c r="LDD39" s="927" t="s">
        <v>3816</v>
      </c>
      <c r="LDE39" s="927" t="s">
        <v>3816</v>
      </c>
      <c r="LDF39" s="927" t="s">
        <v>3816</v>
      </c>
      <c r="LDG39" s="927" t="s">
        <v>3816</v>
      </c>
      <c r="LDH39" s="927" t="s">
        <v>3816</v>
      </c>
      <c r="LDI39" s="927" t="s">
        <v>3816</v>
      </c>
      <c r="LDJ39" s="927" t="s">
        <v>3816</v>
      </c>
      <c r="LDK39" s="927" t="s">
        <v>3816</v>
      </c>
      <c r="LDL39" s="927" t="s">
        <v>3816</v>
      </c>
      <c r="LDM39" s="927" t="s">
        <v>3816</v>
      </c>
      <c r="LDN39" s="927" t="s">
        <v>3816</v>
      </c>
      <c r="LDO39" s="927" t="s">
        <v>3816</v>
      </c>
      <c r="LDP39" s="927" t="s">
        <v>3816</v>
      </c>
      <c r="LDQ39" s="927" t="s">
        <v>3816</v>
      </c>
      <c r="LDR39" s="927" t="s">
        <v>3816</v>
      </c>
      <c r="LDS39" s="927" t="s">
        <v>3816</v>
      </c>
      <c r="LDT39" s="927" t="s">
        <v>3816</v>
      </c>
      <c r="LDU39" s="927" t="s">
        <v>3816</v>
      </c>
      <c r="LDV39" s="927" t="s">
        <v>3816</v>
      </c>
      <c r="LDW39" s="927" t="s">
        <v>3816</v>
      </c>
      <c r="LDX39" s="927" t="s">
        <v>3816</v>
      </c>
      <c r="LDY39" s="927" t="s">
        <v>3816</v>
      </c>
      <c r="LDZ39" s="927" t="s">
        <v>3816</v>
      </c>
      <c r="LEA39" s="927" t="s">
        <v>3816</v>
      </c>
      <c r="LEB39" s="927" t="s">
        <v>3816</v>
      </c>
      <c r="LEC39" s="927" t="s">
        <v>3816</v>
      </c>
      <c r="LED39" s="927" t="s">
        <v>3816</v>
      </c>
      <c r="LEE39" s="927" t="s">
        <v>3816</v>
      </c>
      <c r="LEF39" s="927" t="s">
        <v>3816</v>
      </c>
      <c r="LEG39" s="927" t="s">
        <v>3816</v>
      </c>
      <c r="LEH39" s="927" t="s">
        <v>3816</v>
      </c>
      <c r="LEI39" s="927" t="s">
        <v>3816</v>
      </c>
      <c r="LEJ39" s="927" t="s">
        <v>3816</v>
      </c>
      <c r="LEK39" s="927" t="s">
        <v>3816</v>
      </c>
      <c r="LEL39" s="927" t="s">
        <v>3816</v>
      </c>
      <c r="LEM39" s="927" t="s">
        <v>3816</v>
      </c>
      <c r="LEN39" s="927" t="s">
        <v>3816</v>
      </c>
      <c r="LEO39" s="927" t="s">
        <v>3816</v>
      </c>
      <c r="LEP39" s="927" t="s">
        <v>3816</v>
      </c>
      <c r="LEQ39" s="927" t="s">
        <v>3816</v>
      </c>
      <c r="LER39" s="927" t="s">
        <v>3816</v>
      </c>
      <c r="LES39" s="927" t="s">
        <v>3816</v>
      </c>
      <c r="LET39" s="927" t="s">
        <v>3816</v>
      </c>
      <c r="LEU39" s="927" t="s">
        <v>3816</v>
      </c>
      <c r="LEV39" s="927" t="s">
        <v>3816</v>
      </c>
      <c r="LEW39" s="927" t="s">
        <v>3816</v>
      </c>
      <c r="LEX39" s="927" t="s">
        <v>3816</v>
      </c>
      <c r="LEY39" s="927" t="s">
        <v>3816</v>
      </c>
      <c r="LEZ39" s="927" t="s">
        <v>3816</v>
      </c>
      <c r="LFA39" s="927" t="s">
        <v>3816</v>
      </c>
      <c r="LFB39" s="927" t="s">
        <v>3816</v>
      </c>
      <c r="LFC39" s="927" t="s">
        <v>3816</v>
      </c>
      <c r="LFD39" s="927" t="s">
        <v>3816</v>
      </c>
      <c r="LFE39" s="927" t="s">
        <v>3816</v>
      </c>
      <c r="LFF39" s="927" t="s">
        <v>3816</v>
      </c>
      <c r="LFG39" s="927" t="s">
        <v>3816</v>
      </c>
      <c r="LFH39" s="927" t="s">
        <v>3816</v>
      </c>
      <c r="LFI39" s="927" t="s">
        <v>3816</v>
      </c>
      <c r="LFJ39" s="927" t="s">
        <v>3816</v>
      </c>
      <c r="LFK39" s="927" t="s">
        <v>3816</v>
      </c>
      <c r="LFL39" s="927" t="s">
        <v>3816</v>
      </c>
      <c r="LFM39" s="927" t="s">
        <v>3816</v>
      </c>
      <c r="LFN39" s="927" t="s">
        <v>3816</v>
      </c>
      <c r="LFO39" s="927" t="s">
        <v>3816</v>
      </c>
      <c r="LFP39" s="927" t="s">
        <v>3816</v>
      </c>
      <c r="LFQ39" s="927" t="s">
        <v>3816</v>
      </c>
      <c r="LFR39" s="927" t="s">
        <v>3816</v>
      </c>
      <c r="LFS39" s="927" t="s">
        <v>3816</v>
      </c>
      <c r="LFT39" s="927" t="s">
        <v>3816</v>
      </c>
      <c r="LFU39" s="927" t="s">
        <v>3816</v>
      </c>
      <c r="LFV39" s="927" t="s">
        <v>3816</v>
      </c>
      <c r="LFW39" s="927" t="s">
        <v>3816</v>
      </c>
      <c r="LFX39" s="927" t="s">
        <v>3816</v>
      </c>
      <c r="LFY39" s="927" t="s">
        <v>3816</v>
      </c>
      <c r="LFZ39" s="927" t="s">
        <v>3816</v>
      </c>
      <c r="LGA39" s="927" t="s">
        <v>3816</v>
      </c>
      <c r="LGB39" s="927" t="s">
        <v>3816</v>
      </c>
      <c r="LGC39" s="927" t="s">
        <v>3816</v>
      </c>
      <c r="LGD39" s="927" t="s">
        <v>3816</v>
      </c>
      <c r="LGE39" s="927" t="s">
        <v>3816</v>
      </c>
      <c r="LGF39" s="927" t="s">
        <v>3816</v>
      </c>
      <c r="LGG39" s="927" t="s">
        <v>3816</v>
      </c>
      <c r="LGH39" s="927" t="s">
        <v>3816</v>
      </c>
      <c r="LGI39" s="927" t="s">
        <v>3816</v>
      </c>
      <c r="LGJ39" s="927" t="s">
        <v>3816</v>
      </c>
      <c r="LGK39" s="927" t="s">
        <v>3816</v>
      </c>
      <c r="LGL39" s="927" t="s">
        <v>3816</v>
      </c>
      <c r="LGM39" s="927" t="s">
        <v>3816</v>
      </c>
      <c r="LGN39" s="927" t="s">
        <v>3816</v>
      </c>
      <c r="LGO39" s="927" t="s">
        <v>3816</v>
      </c>
      <c r="LGP39" s="927" t="s">
        <v>3816</v>
      </c>
      <c r="LGQ39" s="927" t="s">
        <v>3816</v>
      </c>
      <c r="LGR39" s="927" t="s">
        <v>3816</v>
      </c>
      <c r="LGS39" s="927" t="s">
        <v>3816</v>
      </c>
      <c r="LGT39" s="927" t="s">
        <v>3816</v>
      </c>
      <c r="LGU39" s="927" t="s">
        <v>3816</v>
      </c>
      <c r="LGV39" s="927" t="s">
        <v>3816</v>
      </c>
      <c r="LGW39" s="927" t="s">
        <v>3816</v>
      </c>
      <c r="LGX39" s="927" t="s">
        <v>3816</v>
      </c>
      <c r="LGY39" s="927" t="s">
        <v>3816</v>
      </c>
      <c r="LGZ39" s="927" t="s">
        <v>3816</v>
      </c>
      <c r="LHA39" s="927" t="s">
        <v>3816</v>
      </c>
      <c r="LHB39" s="927" t="s">
        <v>3816</v>
      </c>
      <c r="LHC39" s="927" t="s">
        <v>3816</v>
      </c>
      <c r="LHD39" s="927" t="s">
        <v>3816</v>
      </c>
      <c r="LHE39" s="927" t="s">
        <v>3816</v>
      </c>
      <c r="LHF39" s="927" t="s">
        <v>3816</v>
      </c>
      <c r="LHG39" s="927" t="s">
        <v>3816</v>
      </c>
      <c r="LHH39" s="927" t="s">
        <v>3816</v>
      </c>
      <c r="LHI39" s="927" t="s">
        <v>3816</v>
      </c>
      <c r="LHJ39" s="927" t="s">
        <v>3816</v>
      </c>
      <c r="LHK39" s="927" t="s">
        <v>3816</v>
      </c>
      <c r="LHL39" s="927" t="s">
        <v>3816</v>
      </c>
      <c r="LHM39" s="927" t="s">
        <v>3816</v>
      </c>
      <c r="LHN39" s="927" t="s">
        <v>3816</v>
      </c>
      <c r="LHO39" s="927" t="s">
        <v>3816</v>
      </c>
      <c r="LHP39" s="927" t="s">
        <v>3816</v>
      </c>
      <c r="LHQ39" s="927" t="s">
        <v>3816</v>
      </c>
      <c r="LHR39" s="927" t="s">
        <v>3816</v>
      </c>
      <c r="LHS39" s="927" t="s">
        <v>3816</v>
      </c>
      <c r="LHT39" s="927" t="s">
        <v>3816</v>
      </c>
      <c r="LHU39" s="927" t="s">
        <v>3816</v>
      </c>
      <c r="LHV39" s="927" t="s">
        <v>3816</v>
      </c>
      <c r="LHW39" s="927" t="s">
        <v>3816</v>
      </c>
      <c r="LHX39" s="927" t="s">
        <v>3816</v>
      </c>
      <c r="LHY39" s="927" t="s">
        <v>3816</v>
      </c>
      <c r="LHZ39" s="927" t="s">
        <v>3816</v>
      </c>
      <c r="LIA39" s="927" t="s">
        <v>3816</v>
      </c>
      <c r="LIB39" s="927" t="s">
        <v>3816</v>
      </c>
      <c r="LIC39" s="927" t="s">
        <v>3816</v>
      </c>
      <c r="LID39" s="927" t="s">
        <v>3816</v>
      </c>
      <c r="LIE39" s="927" t="s">
        <v>3816</v>
      </c>
      <c r="LIF39" s="927" t="s">
        <v>3816</v>
      </c>
      <c r="LIG39" s="927" t="s">
        <v>3816</v>
      </c>
      <c r="LIH39" s="927" t="s">
        <v>3816</v>
      </c>
      <c r="LII39" s="927" t="s">
        <v>3816</v>
      </c>
      <c r="LIJ39" s="927" t="s">
        <v>3816</v>
      </c>
      <c r="LIK39" s="927" t="s">
        <v>3816</v>
      </c>
      <c r="LIL39" s="927" t="s">
        <v>3816</v>
      </c>
      <c r="LIM39" s="927" t="s">
        <v>3816</v>
      </c>
      <c r="LIN39" s="927" t="s">
        <v>3816</v>
      </c>
      <c r="LIO39" s="927" t="s">
        <v>3816</v>
      </c>
      <c r="LIP39" s="927" t="s">
        <v>3816</v>
      </c>
      <c r="LIQ39" s="927" t="s">
        <v>3816</v>
      </c>
      <c r="LIR39" s="927" t="s">
        <v>3816</v>
      </c>
      <c r="LIS39" s="927" t="s">
        <v>3816</v>
      </c>
      <c r="LIT39" s="927" t="s">
        <v>3816</v>
      </c>
      <c r="LIU39" s="927" t="s">
        <v>3816</v>
      </c>
      <c r="LIV39" s="927" t="s">
        <v>3816</v>
      </c>
      <c r="LIW39" s="927" t="s">
        <v>3816</v>
      </c>
      <c r="LIX39" s="927" t="s">
        <v>3816</v>
      </c>
      <c r="LIY39" s="927" t="s">
        <v>3816</v>
      </c>
      <c r="LIZ39" s="927" t="s">
        <v>3816</v>
      </c>
      <c r="LJA39" s="927" t="s">
        <v>3816</v>
      </c>
      <c r="LJB39" s="927" t="s">
        <v>3816</v>
      </c>
      <c r="LJC39" s="927" t="s">
        <v>3816</v>
      </c>
      <c r="LJD39" s="927" t="s">
        <v>3816</v>
      </c>
      <c r="LJE39" s="927" t="s">
        <v>3816</v>
      </c>
      <c r="LJF39" s="927" t="s">
        <v>3816</v>
      </c>
      <c r="LJG39" s="927" t="s">
        <v>3816</v>
      </c>
      <c r="LJH39" s="927" t="s">
        <v>3816</v>
      </c>
      <c r="LJI39" s="927" t="s">
        <v>3816</v>
      </c>
      <c r="LJJ39" s="927" t="s">
        <v>3816</v>
      </c>
      <c r="LJK39" s="927" t="s">
        <v>3816</v>
      </c>
      <c r="LJL39" s="927" t="s">
        <v>3816</v>
      </c>
      <c r="LJM39" s="927" t="s">
        <v>3816</v>
      </c>
      <c r="LJN39" s="927" t="s">
        <v>3816</v>
      </c>
      <c r="LJO39" s="927" t="s">
        <v>3816</v>
      </c>
      <c r="LJP39" s="927" t="s">
        <v>3816</v>
      </c>
      <c r="LJQ39" s="927" t="s">
        <v>3816</v>
      </c>
      <c r="LJR39" s="927" t="s">
        <v>3816</v>
      </c>
      <c r="LJS39" s="927" t="s">
        <v>3816</v>
      </c>
      <c r="LJT39" s="927" t="s">
        <v>3816</v>
      </c>
      <c r="LJU39" s="927" t="s">
        <v>3816</v>
      </c>
      <c r="LJV39" s="927" t="s">
        <v>3816</v>
      </c>
      <c r="LJW39" s="927" t="s">
        <v>3816</v>
      </c>
      <c r="LJX39" s="927" t="s">
        <v>3816</v>
      </c>
      <c r="LJY39" s="927" t="s">
        <v>3816</v>
      </c>
      <c r="LJZ39" s="927" t="s">
        <v>3816</v>
      </c>
      <c r="LKA39" s="927" t="s">
        <v>3816</v>
      </c>
      <c r="LKB39" s="927" t="s">
        <v>3816</v>
      </c>
      <c r="LKC39" s="927" t="s">
        <v>3816</v>
      </c>
      <c r="LKD39" s="927" t="s">
        <v>3816</v>
      </c>
      <c r="LKE39" s="927" t="s">
        <v>3816</v>
      </c>
      <c r="LKF39" s="927" t="s">
        <v>3816</v>
      </c>
      <c r="LKG39" s="927" t="s">
        <v>3816</v>
      </c>
      <c r="LKH39" s="927" t="s">
        <v>3816</v>
      </c>
      <c r="LKI39" s="927" t="s">
        <v>3816</v>
      </c>
      <c r="LKJ39" s="927" t="s">
        <v>3816</v>
      </c>
      <c r="LKK39" s="927" t="s">
        <v>3816</v>
      </c>
      <c r="LKL39" s="927" t="s">
        <v>3816</v>
      </c>
      <c r="LKM39" s="927" t="s">
        <v>3816</v>
      </c>
      <c r="LKN39" s="927" t="s">
        <v>3816</v>
      </c>
      <c r="LKO39" s="927" t="s">
        <v>3816</v>
      </c>
      <c r="LKP39" s="927" t="s">
        <v>3816</v>
      </c>
      <c r="LKQ39" s="927" t="s">
        <v>3816</v>
      </c>
      <c r="LKR39" s="927" t="s">
        <v>3816</v>
      </c>
      <c r="LKS39" s="927" t="s">
        <v>3816</v>
      </c>
      <c r="LKT39" s="927" t="s">
        <v>3816</v>
      </c>
      <c r="LKU39" s="927" t="s">
        <v>3816</v>
      </c>
      <c r="LKV39" s="927" t="s">
        <v>3816</v>
      </c>
      <c r="LKW39" s="927" t="s">
        <v>3816</v>
      </c>
      <c r="LKX39" s="927" t="s">
        <v>3816</v>
      </c>
      <c r="LKY39" s="927" t="s">
        <v>3816</v>
      </c>
      <c r="LKZ39" s="927" t="s">
        <v>3816</v>
      </c>
      <c r="LLA39" s="927" t="s">
        <v>3816</v>
      </c>
      <c r="LLB39" s="927" t="s">
        <v>3816</v>
      </c>
      <c r="LLC39" s="927" t="s">
        <v>3816</v>
      </c>
      <c r="LLD39" s="927" t="s">
        <v>3816</v>
      </c>
      <c r="LLE39" s="927" t="s">
        <v>3816</v>
      </c>
      <c r="LLF39" s="927" t="s">
        <v>3816</v>
      </c>
      <c r="LLG39" s="927" t="s">
        <v>3816</v>
      </c>
      <c r="LLH39" s="927" t="s">
        <v>3816</v>
      </c>
      <c r="LLI39" s="927" t="s">
        <v>3816</v>
      </c>
      <c r="LLJ39" s="927" t="s">
        <v>3816</v>
      </c>
      <c r="LLK39" s="927" t="s">
        <v>3816</v>
      </c>
      <c r="LLL39" s="927" t="s">
        <v>3816</v>
      </c>
      <c r="LLM39" s="927" t="s">
        <v>3816</v>
      </c>
      <c r="LLN39" s="927" t="s">
        <v>3816</v>
      </c>
      <c r="LLO39" s="927" t="s">
        <v>3816</v>
      </c>
      <c r="LLP39" s="927" t="s">
        <v>3816</v>
      </c>
      <c r="LLQ39" s="927" t="s">
        <v>3816</v>
      </c>
      <c r="LLR39" s="927" t="s">
        <v>3816</v>
      </c>
      <c r="LLS39" s="927" t="s">
        <v>3816</v>
      </c>
      <c r="LLT39" s="927" t="s">
        <v>3816</v>
      </c>
      <c r="LLU39" s="927" t="s">
        <v>3816</v>
      </c>
      <c r="LLV39" s="927" t="s">
        <v>3816</v>
      </c>
      <c r="LLW39" s="927" t="s">
        <v>3816</v>
      </c>
      <c r="LLX39" s="927" t="s">
        <v>3816</v>
      </c>
      <c r="LLY39" s="927" t="s">
        <v>3816</v>
      </c>
      <c r="LLZ39" s="927" t="s">
        <v>3816</v>
      </c>
      <c r="LMA39" s="927" t="s">
        <v>3816</v>
      </c>
      <c r="LMB39" s="927" t="s">
        <v>3816</v>
      </c>
      <c r="LMC39" s="927" t="s">
        <v>3816</v>
      </c>
      <c r="LMD39" s="927" t="s">
        <v>3816</v>
      </c>
      <c r="LME39" s="927" t="s">
        <v>3816</v>
      </c>
      <c r="LMF39" s="927" t="s">
        <v>3816</v>
      </c>
      <c r="LMG39" s="927" t="s">
        <v>3816</v>
      </c>
      <c r="LMH39" s="927" t="s">
        <v>3816</v>
      </c>
      <c r="LMI39" s="927" t="s">
        <v>3816</v>
      </c>
      <c r="LMJ39" s="927" t="s">
        <v>3816</v>
      </c>
      <c r="LMK39" s="927" t="s">
        <v>3816</v>
      </c>
      <c r="LML39" s="927" t="s">
        <v>3816</v>
      </c>
      <c r="LMM39" s="927" t="s">
        <v>3816</v>
      </c>
      <c r="LMN39" s="927" t="s">
        <v>3816</v>
      </c>
      <c r="LMO39" s="927" t="s">
        <v>3816</v>
      </c>
      <c r="LMP39" s="927" t="s">
        <v>3816</v>
      </c>
      <c r="LMQ39" s="927" t="s">
        <v>3816</v>
      </c>
      <c r="LMR39" s="927" t="s">
        <v>3816</v>
      </c>
      <c r="LMS39" s="927" t="s">
        <v>3816</v>
      </c>
      <c r="LMT39" s="927" t="s">
        <v>3816</v>
      </c>
      <c r="LMU39" s="927" t="s">
        <v>3816</v>
      </c>
      <c r="LMV39" s="927" t="s">
        <v>3816</v>
      </c>
      <c r="LMW39" s="927" t="s">
        <v>3816</v>
      </c>
      <c r="LMX39" s="927" t="s">
        <v>3816</v>
      </c>
      <c r="LMY39" s="927" t="s">
        <v>3816</v>
      </c>
      <c r="LMZ39" s="927" t="s">
        <v>3816</v>
      </c>
      <c r="LNA39" s="927" t="s">
        <v>3816</v>
      </c>
      <c r="LNB39" s="927" t="s">
        <v>3816</v>
      </c>
      <c r="LNC39" s="927" t="s">
        <v>3816</v>
      </c>
      <c r="LND39" s="927" t="s">
        <v>3816</v>
      </c>
      <c r="LNE39" s="927" t="s">
        <v>3816</v>
      </c>
      <c r="LNF39" s="927" t="s">
        <v>3816</v>
      </c>
      <c r="LNG39" s="927" t="s">
        <v>3816</v>
      </c>
      <c r="LNH39" s="927" t="s">
        <v>3816</v>
      </c>
      <c r="LNI39" s="927" t="s">
        <v>3816</v>
      </c>
      <c r="LNJ39" s="927" t="s">
        <v>3816</v>
      </c>
      <c r="LNK39" s="927" t="s">
        <v>3816</v>
      </c>
      <c r="LNL39" s="927" t="s">
        <v>3816</v>
      </c>
      <c r="LNM39" s="927" t="s">
        <v>3816</v>
      </c>
      <c r="LNN39" s="927" t="s">
        <v>3816</v>
      </c>
      <c r="LNO39" s="927" t="s">
        <v>3816</v>
      </c>
      <c r="LNP39" s="927" t="s">
        <v>3816</v>
      </c>
      <c r="LNQ39" s="927" t="s">
        <v>3816</v>
      </c>
      <c r="LNR39" s="927" t="s">
        <v>3816</v>
      </c>
      <c r="LNS39" s="927" t="s">
        <v>3816</v>
      </c>
      <c r="LNT39" s="927" t="s">
        <v>3816</v>
      </c>
      <c r="LNU39" s="927" t="s">
        <v>3816</v>
      </c>
      <c r="LNV39" s="927" t="s">
        <v>3816</v>
      </c>
      <c r="LNW39" s="927" t="s">
        <v>3816</v>
      </c>
      <c r="LNX39" s="927" t="s">
        <v>3816</v>
      </c>
      <c r="LNY39" s="927" t="s">
        <v>3816</v>
      </c>
      <c r="LNZ39" s="927" t="s">
        <v>3816</v>
      </c>
      <c r="LOA39" s="927" t="s">
        <v>3816</v>
      </c>
      <c r="LOB39" s="927" t="s">
        <v>3816</v>
      </c>
      <c r="LOC39" s="927" t="s">
        <v>3816</v>
      </c>
      <c r="LOD39" s="927" t="s">
        <v>3816</v>
      </c>
      <c r="LOE39" s="927" t="s">
        <v>3816</v>
      </c>
      <c r="LOF39" s="927" t="s">
        <v>3816</v>
      </c>
      <c r="LOG39" s="927" t="s">
        <v>3816</v>
      </c>
      <c r="LOH39" s="927" t="s">
        <v>3816</v>
      </c>
      <c r="LOI39" s="927" t="s">
        <v>3816</v>
      </c>
      <c r="LOJ39" s="927" t="s">
        <v>3816</v>
      </c>
      <c r="LOK39" s="927" t="s">
        <v>3816</v>
      </c>
      <c r="LOL39" s="927" t="s">
        <v>3816</v>
      </c>
      <c r="LOM39" s="927" t="s">
        <v>3816</v>
      </c>
      <c r="LON39" s="927" t="s">
        <v>3816</v>
      </c>
      <c r="LOO39" s="927" t="s">
        <v>3816</v>
      </c>
      <c r="LOP39" s="927" t="s">
        <v>3816</v>
      </c>
      <c r="LOQ39" s="927" t="s">
        <v>3816</v>
      </c>
      <c r="LOR39" s="927" t="s">
        <v>3816</v>
      </c>
      <c r="LOS39" s="927" t="s">
        <v>3816</v>
      </c>
      <c r="LOT39" s="927" t="s">
        <v>3816</v>
      </c>
      <c r="LOU39" s="927" t="s">
        <v>3816</v>
      </c>
      <c r="LOV39" s="927" t="s">
        <v>3816</v>
      </c>
      <c r="LOW39" s="927" t="s">
        <v>3816</v>
      </c>
      <c r="LOX39" s="927" t="s">
        <v>3816</v>
      </c>
      <c r="LOY39" s="927" t="s">
        <v>3816</v>
      </c>
      <c r="LOZ39" s="927" t="s">
        <v>3816</v>
      </c>
      <c r="LPA39" s="927" t="s">
        <v>3816</v>
      </c>
      <c r="LPB39" s="927" t="s">
        <v>3816</v>
      </c>
      <c r="LPC39" s="927" t="s">
        <v>3816</v>
      </c>
      <c r="LPD39" s="927" t="s">
        <v>3816</v>
      </c>
      <c r="LPE39" s="927" t="s">
        <v>3816</v>
      </c>
      <c r="LPF39" s="927" t="s">
        <v>3816</v>
      </c>
      <c r="LPG39" s="927" t="s">
        <v>3816</v>
      </c>
      <c r="LPH39" s="927" t="s">
        <v>3816</v>
      </c>
      <c r="LPI39" s="927" t="s">
        <v>3816</v>
      </c>
      <c r="LPJ39" s="927" t="s">
        <v>3816</v>
      </c>
      <c r="LPK39" s="927" t="s">
        <v>3816</v>
      </c>
      <c r="LPL39" s="927" t="s">
        <v>3816</v>
      </c>
      <c r="LPM39" s="927" t="s">
        <v>3816</v>
      </c>
      <c r="LPN39" s="927" t="s">
        <v>3816</v>
      </c>
      <c r="LPO39" s="927" t="s">
        <v>3816</v>
      </c>
      <c r="LPP39" s="927" t="s">
        <v>3816</v>
      </c>
      <c r="LPQ39" s="927" t="s">
        <v>3816</v>
      </c>
      <c r="LPR39" s="927" t="s">
        <v>3816</v>
      </c>
      <c r="LPS39" s="927" t="s">
        <v>3816</v>
      </c>
      <c r="LPT39" s="927" t="s">
        <v>3816</v>
      </c>
      <c r="LPU39" s="927" t="s">
        <v>3816</v>
      </c>
      <c r="LPV39" s="927" t="s">
        <v>3816</v>
      </c>
      <c r="LPW39" s="927" t="s">
        <v>3816</v>
      </c>
      <c r="LPX39" s="927" t="s">
        <v>3816</v>
      </c>
      <c r="LPY39" s="927" t="s">
        <v>3816</v>
      </c>
      <c r="LPZ39" s="927" t="s">
        <v>3816</v>
      </c>
      <c r="LQA39" s="927" t="s">
        <v>3816</v>
      </c>
      <c r="LQB39" s="927" t="s">
        <v>3816</v>
      </c>
      <c r="LQC39" s="927" t="s">
        <v>3816</v>
      </c>
      <c r="LQD39" s="927" t="s">
        <v>3816</v>
      </c>
      <c r="LQE39" s="927" t="s">
        <v>3816</v>
      </c>
      <c r="LQF39" s="927" t="s">
        <v>3816</v>
      </c>
      <c r="LQG39" s="927" t="s">
        <v>3816</v>
      </c>
      <c r="LQH39" s="927" t="s">
        <v>3816</v>
      </c>
      <c r="LQI39" s="927" t="s">
        <v>3816</v>
      </c>
      <c r="LQJ39" s="927" t="s">
        <v>3816</v>
      </c>
      <c r="LQK39" s="927" t="s">
        <v>3816</v>
      </c>
      <c r="LQL39" s="927" t="s">
        <v>3816</v>
      </c>
      <c r="LQM39" s="927" t="s">
        <v>3816</v>
      </c>
      <c r="LQN39" s="927" t="s">
        <v>3816</v>
      </c>
      <c r="LQO39" s="927" t="s">
        <v>3816</v>
      </c>
      <c r="LQP39" s="927" t="s">
        <v>3816</v>
      </c>
      <c r="LQQ39" s="927" t="s">
        <v>3816</v>
      </c>
      <c r="LQR39" s="927" t="s">
        <v>3816</v>
      </c>
      <c r="LQS39" s="927" t="s">
        <v>3816</v>
      </c>
      <c r="LQT39" s="927" t="s">
        <v>3816</v>
      </c>
      <c r="LQU39" s="927" t="s">
        <v>3816</v>
      </c>
      <c r="LQV39" s="927" t="s">
        <v>3816</v>
      </c>
      <c r="LQW39" s="927" t="s">
        <v>3816</v>
      </c>
      <c r="LQX39" s="927" t="s">
        <v>3816</v>
      </c>
      <c r="LQY39" s="927" t="s">
        <v>3816</v>
      </c>
      <c r="LQZ39" s="927" t="s">
        <v>3816</v>
      </c>
      <c r="LRA39" s="927" t="s">
        <v>3816</v>
      </c>
      <c r="LRB39" s="927" t="s">
        <v>3816</v>
      </c>
      <c r="LRC39" s="927" t="s">
        <v>3816</v>
      </c>
      <c r="LRD39" s="927" t="s">
        <v>3816</v>
      </c>
      <c r="LRE39" s="927" t="s">
        <v>3816</v>
      </c>
      <c r="LRF39" s="927" t="s">
        <v>3816</v>
      </c>
      <c r="LRG39" s="927" t="s">
        <v>3816</v>
      </c>
      <c r="LRH39" s="927" t="s">
        <v>3816</v>
      </c>
      <c r="LRI39" s="927" t="s">
        <v>3816</v>
      </c>
      <c r="LRJ39" s="927" t="s">
        <v>3816</v>
      </c>
      <c r="LRK39" s="927" t="s">
        <v>3816</v>
      </c>
      <c r="LRL39" s="927" t="s">
        <v>3816</v>
      </c>
      <c r="LRM39" s="927" t="s">
        <v>3816</v>
      </c>
      <c r="LRN39" s="927" t="s">
        <v>3816</v>
      </c>
      <c r="LRO39" s="927" t="s">
        <v>3816</v>
      </c>
      <c r="LRP39" s="927" t="s">
        <v>3816</v>
      </c>
      <c r="LRQ39" s="927" t="s">
        <v>3816</v>
      </c>
      <c r="LRR39" s="927" t="s">
        <v>3816</v>
      </c>
      <c r="LRS39" s="927" t="s">
        <v>3816</v>
      </c>
      <c r="LRT39" s="927" t="s">
        <v>3816</v>
      </c>
      <c r="LRU39" s="927" t="s">
        <v>3816</v>
      </c>
      <c r="LRV39" s="927" t="s">
        <v>3816</v>
      </c>
      <c r="LRW39" s="927" t="s">
        <v>3816</v>
      </c>
      <c r="LRX39" s="927" t="s">
        <v>3816</v>
      </c>
      <c r="LRY39" s="927" t="s">
        <v>3816</v>
      </c>
      <c r="LRZ39" s="927" t="s">
        <v>3816</v>
      </c>
      <c r="LSA39" s="927" t="s">
        <v>3816</v>
      </c>
      <c r="LSB39" s="927" t="s">
        <v>3816</v>
      </c>
      <c r="LSC39" s="927" t="s">
        <v>3816</v>
      </c>
      <c r="LSD39" s="927" t="s">
        <v>3816</v>
      </c>
      <c r="LSE39" s="927" t="s">
        <v>3816</v>
      </c>
      <c r="LSF39" s="927" t="s">
        <v>3816</v>
      </c>
      <c r="LSG39" s="927" t="s">
        <v>3816</v>
      </c>
      <c r="LSH39" s="927" t="s">
        <v>3816</v>
      </c>
      <c r="LSI39" s="927" t="s">
        <v>3816</v>
      </c>
      <c r="LSJ39" s="927" t="s">
        <v>3816</v>
      </c>
      <c r="LSK39" s="927" t="s">
        <v>3816</v>
      </c>
      <c r="LSL39" s="927" t="s">
        <v>3816</v>
      </c>
      <c r="LSM39" s="927" t="s">
        <v>3816</v>
      </c>
      <c r="LSN39" s="927" t="s">
        <v>3816</v>
      </c>
      <c r="LSO39" s="927" t="s">
        <v>3816</v>
      </c>
      <c r="LSP39" s="927" t="s">
        <v>3816</v>
      </c>
      <c r="LSQ39" s="927" t="s">
        <v>3816</v>
      </c>
      <c r="LSR39" s="927" t="s">
        <v>3816</v>
      </c>
      <c r="LSS39" s="927" t="s">
        <v>3816</v>
      </c>
      <c r="LST39" s="927" t="s">
        <v>3816</v>
      </c>
      <c r="LSU39" s="927" t="s">
        <v>3816</v>
      </c>
      <c r="LSV39" s="927" t="s">
        <v>3816</v>
      </c>
      <c r="LSW39" s="927" t="s">
        <v>3816</v>
      </c>
      <c r="LSX39" s="927" t="s">
        <v>3816</v>
      </c>
      <c r="LSY39" s="927" t="s">
        <v>3816</v>
      </c>
      <c r="LSZ39" s="927" t="s">
        <v>3816</v>
      </c>
      <c r="LTA39" s="927" t="s">
        <v>3816</v>
      </c>
      <c r="LTB39" s="927" t="s">
        <v>3816</v>
      </c>
      <c r="LTC39" s="927" t="s">
        <v>3816</v>
      </c>
      <c r="LTD39" s="927" t="s">
        <v>3816</v>
      </c>
      <c r="LTE39" s="927" t="s">
        <v>3816</v>
      </c>
      <c r="LTF39" s="927" t="s">
        <v>3816</v>
      </c>
      <c r="LTG39" s="927" t="s">
        <v>3816</v>
      </c>
      <c r="LTH39" s="927" t="s">
        <v>3816</v>
      </c>
      <c r="LTI39" s="927" t="s">
        <v>3816</v>
      </c>
      <c r="LTJ39" s="927" t="s">
        <v>3816</v>
      </c>
      <c r="LTK39" s="927" t="s">
        <v>3816</v>
      </c>
      <c r="LTL39" s="927" t="s">
        <v>3816</v>
      </c>
      <c r="LTM39" s="927" t="s">
        <v>3816</v>
      </c>
      <c r="LTN39" s="927" t="s">
        <v>3816</v>
      </c>
      <c r="LTO39" s="927" t="s">
        <v>3816</v>
      </c>
      <c r="LTP39" s="927" t="s">
        <v>3816</v>
      </c>
      <c r="LTQ39" s="927" t="s">
        <v>3816</v>
      </c>
      <c r="LTR39" s="927" t="s">
        <v>3816</v>
      </c>
      <c r="LTS39" s="927" t="s">
        <v>3816</v>
      </c>
      <c r="LTT39" s="927" t="s">
        <v>3816</v>
      </c>
      <c r="LTU39" s="927" t="s">
        <v>3816</v>
      </c>
      <c r="LTV39" s="927" t="s">
        <v>3816</v>
      </c>
      <c r="LTW39" s="927" t="s">
        <v>3816</v>
      </c>
      <c r="LTX39" s="927" t="s">
        <v>3816</v>
      </c>
      <c r="LTY39" s="927" t="s">
        <v>3816</v>
      </c>
      <c r="LTZ39" s="927" t="s">
        <v>3816</v>
      </c>
      <c r="LUA39" s="927" t="s">
        <v>3816</v>
      </c>
      <c r="LUB39" s="927" t="s">
        <v>3816</v>
      </c>
      <c r="LUC39" s="927" t="s">
        <v>3816</v>
      </c>
      <c r="LUD39" s="927" t="s">
        <v>3816</v>
      </c>
      <c r="LUE39" s="927" t="s">
        <v>3816</v>
      </c>
      <c r="LUF39" s="927" t="s">
        <v>3816</v>
      </c>
      <c r="LUG39" s="927" t="s">
        <v>3816</v>
      </c>
      <c r="LUH39" s="927" t="s">
        <v>3816</v>
      </c>
      <c r="LUI39" s="927" t="s">
        <v>3816</v>
      </c>
      <c r="LUJ39" s="927" t="s">
        <v>3816</v>
      </c>
      <c r="LUK39" s="927" t="s">
        <v>3816</v>
      </c>
      <c r="LUL39" s="927" t="s">
        <v>3816</v>
      </c>
      <c r="LUM39" s="927" t="s">
        <v>3816</v>
      </c>
      <c r="LUN39" s="927" t="s">
        <v>3816</v>
      </c>
      <c r="LUO39" s="927" t="s">
        <v>3816</v>
      </c>
      <c r="LUP39" s="927" t="s">
        <v>3816</v>
      </c>
      <c r="LUQ39" s="927" t="s">
        <v>3816</v>
      </c>
      <c r="LUR39" s="927" t="s">
        <v>3816</v>
      </c>
      <c r="LUS39" s="927" t="s">
        <v>3816</v>
      </c>
      <c r="LUT39" s="927" t="s">
        <v>3816</v>
      </c>
      <c r="LUU39" s="927" t="s">
        <v>3816</v>
      </c>
      <c r="LUV39" s="927" t="s">
        <v>3816</v>
      </c>
      <c r="LUW39" s="927" t="s">
        <v>3816</v>
      </c>
      <c r="LUX39" s="927" t="s">
        <v>3816</v>
      </c>
      <c r="LUY39" s="927" t="s">
        <v>3816</v>
      </c>
      <c r="LUZ39" s="927" t="s">
        <v>3816</v>
      </c>
      <c r="LVA39" s="927" t="s">
        <v>3816</v>
      </c>
      <c r="LVB39" s="927" t="s">
        <v>3816</v>
      </c>
      <c r="LVC39" s="927" t="s">
        <v>3816</v>
      </c>
      <c r="LVD39" s="927" t="s">
        <v>3816</v>
      </c>
      <c r="LVE39" s="927" t="s">
        <v>3816</v>
      </c>
      <c r="LVF39" s="927" t="s">
        <v>3816</v>
      </c>
      <c r="LVG39" s="927" t="s">
        <v>3816</v>
      </c>
      <c r="LVH39" s="927" t="s">
        <v>3816</v>
      </c>
      <c r="LVI39" s="927" t="s">
        <v>3816</v>
      </c>
      <c r="LVJ39" s="927" t="s">
        <v>3816</v>
      </c>
      <c r="LVK39" s="927" t="s">
        <v>3816</v>
      </c>
      <c r="LVL39" s="927" t="s">
        <v>3816</v>
      </c>
      <c r="LVM39" s="927" t="s">
        <v>3816</v>
      </c>
      <c r="LVN39" s="927" t="s">
        <v>3816</v>
      </c>
      <c r="LVO39" s="927" t="s">
        <v>3816</v>
      </c>
      <c r="LVP39" s="927" t="s">
        <v>3816</v>
      </c>
      <c r="LVQ39" s="927" t="s">
        <v>3816</v>
      </c>
      <c r="LVR39" s="927" t="s">
        <v>3816</v>
      </c>
      <c r="LVS39" s="927" t="s">
        <v>3816</v>
      </c>
      <c r="LVT39" s="927" t="s">
        <v>3816</v>
      </c>
      <c r="LVU39" s="927" t="s">
        <v>3816</v>
      </c>
      <c r="LVV39" s="927" t="s">
        <v>3816</v>
      </c>
      <c r="LVW39" s="927" t="s">
        <v>3816</v>
      </c>
      <c r="LVX39" s="927" t="s">
        <v>3816</v>
      </c>
      <c r="LVY39" s="927" t="s">
        <v>3816</v>
      </c>
      <c r="LVZ39" s="927" t="s">
        <v>3816</v>
      </c>
      <c r="LWA39" s="927" t="s">
        <v>3816</v>
      </c>
      <c r="LWB39" s="927" t="s">
        <v>3816</v>
      </c>
      <c r="LWC39" s="927" t="s">
        <v>3816</v>
      </c>
      <c r="LWD39" s="927" t="s">
        <v>3816</v>
      </c>
      <c r="LWE39" s="927" t="s">
        <v>3816</v>
      </c>
      <c r="LWF39" s="927" t="s">
        <v>3816</v>
      </c>
      <c r="LWG39" s="927" t="s">
        <v>3816</v>
      </c>
      <c r="LWH39" s="927" t="s">
        <v>3816</v>
      </c>
      <c r="LWI39" s="927" t="s">
        <v>3816</v>
      </c>
      <c r="LWJ39" s="927" t="s">
        <v>3816</v>
      </c>
      <c r="LWK39" s="927" t="s">
        <v>3816</v>
      </c>
      <c r="LWL39" s="927" t="s">
        <v>3816</v>
      </c>
      <c r="LWM39" s="927" t="s">
        <v>3816</v>
      </c>
      <c r="LWN39" s="927" t="s">
        <v>3816</v>
      </c>
      <c r="LWO39" s="927" t="s">
        <v>3816</v>
      </c>
      <c r="LWP39" s="927" t="s">
        <v>3816</v>
      </c>
      <c r="LWQ39" s="927" t="s">
        <v>3816</v>
      </c>
      <c r="LWR39" s="927" t="s">
        <v>3816</v>
      </c>
      <c r="LWS39" s="927" t="s">
        <v>3816</v>
      </c>
      <c r="LWT39" s="927" t="s">
        <v>3816</v>
      </c>
      <c r="LWU39" s="927" t="s">
        <v>3816</v>
      </c>
      <c r="LWV39" s="927" t="s">
        <v>3816</v>
      </c>
      <c r="LWW39" s="927" t="s">
        <v>3816</v>
      </c>
      <c r="LWX39" s="927" t="s">
        <v>3816</v>
      </c>
      <c r="LWY39" s="927" t="s">
        <v>3816</v>
      </c>
      <c r="LWZ39" s="927" t="s">
        <v>3816</v>
      </c>
      <c r="LXA39" s="927" t="s">
        <v>3816</v>
      </c>
      <c r="LXB39" s="927" t="s">
        <v>3816</v>
      </c>
      <c r="LXC39" s="927" t="s">
        <v>3816</v>
      </c>
      <c r="LXD39" s="927" t="s">
        <v>3816</v>
      </c>
      <c r="LXE39" s="927" t="s">
        <v>3816</v>
      </c>
      <c r="LXF39" s="927" t="s">
        <v>3816</v>
      </c>
      <c r="LXG39" s="927" t="s">
        <v>3816</v>
      </c>
      <c r="LXH39" s="927" t="s">
        <v>3816</v>
      </c>
      <c r="LXI39" s="927" t="s">
        <v>3816</v>
      </c>
      <c r="LXJ39" s="927" t="s">
        <v>3816</v>
      </c>
      <c r="LXK39" s="927" t="s">
        <v>3816</v>
      </c>
      <c r="LXL39" s="927" t="s">
        <v>3816</v>
      </c>
      <c r="LXM39" s="927" t="s">
        <v>3816</v>
      </c>
      <c r="LXN39" s="927" t="s">
        <v>3816</v>
      </c>
      <c r="LXO39" s="927" t="s">
        <v>3816</v>
      </c>
      <c r="LXP39" s="927" t="s">
        <v>3816</v>
      </c>
      <c r="LXQ39" s="927" t="s">
        <v>3816</v>
      </c>
      <c r="LXR39" s="927" t="s">
        <v>3816</v>
      </c>
      <c r="LXS39" s="927" t="s">
        <v>3816</v>
      </c>
      <c r="LXT39" s="927" t="s">
        <v>3816</v>
      </c>
      <c r="LXU39" s="927" t="s">
        <v>3816</v>
      </c>
      <c r="LXV39" s="927" t="s">
        <v>3816</v>
      </c>
      <c r="LXW39" s="927" t="s">
        <v>3816</v>
      </c>
      <c r="LXX39" s="927" t="s">
        <v>3816</v>
      </c>
      <c r="LXY39" s="927" t="s">
        <v>3816</v>
      </c>
      <c r="LXZ39" s="927" t="s">
        <v>3816</v>
      </c>
      <c r="LYA39" s="927" t="s">
        <v>3816</v>
      </c>
      <c r="LYB39" s="927" t="s">
        <v>3816</v>
      </c>
      <c r="LYC39" s="927" t="s">
        <v>3816</v>
      </c>
      <c r="LYD39" s="927" t="s">
        <v>3816</v>
      </c>
      <c r="LYE39" s="927" t="s">
        <v>3816</v>
      </c>
      <c r="LYF39" s="927" t="s">
        <v>3816</v>
      </c>
      <c r="LYG39" s="927" t="s">
        <v>3816</v>
      </c>
      <c r="LYH39" s="927" t="s">
        <v>3816</v>
      </c>
      <c r="LYI39" s="927" t="s">
        <v>3816</v>
      </c>
      <c r="LYJ39" s="927" t="s">
        <v>3816</v>
      </c>
      <c r="LYK39" s="927" t="s">
        <v>3816</v>
      </c>
      <c r="LYL39" s="927" t="s">
        <v>3816</v>
      </c>
      <c r="LYM39" s="927" t="s">
        <v>3816</v>
      </c>
      <c r="LYN39" s="927" t="s">
        <v>3816</v>
      </c>
      <c r="LYO39" s="927" t="s">
        <v>3816</v>
      </c>
      <c r="LYP39" s="927" t="s">
        <v>3816</v>
      </c>
      <c r="LYQ39" s="927" t="s">
        <v>3816</v>
      </c>
      <c r="LYR39" s="927" t="s">
        <v>3816</v>
      </c>
      <c r="LYS39" s="927" t="s">
        <v>3816</v>
      </c>
      <c r="LYT39" s="927" t="s">
        <v>3816</v>
      </c>
      <c r="LYU39" s="927" t="s">
        <v>3816</v>
      </c>
      <c r="LYV39" s="927" t="s">
        <v>3816</v>
      </c>
      <c r="LYW39" s="927" t="s">
        <v>3816</v>
      </c>
      <c r="LYX39" s="927" t="s">
        <v>3816</v>
      </c>
      <c r="LYY39" s="927" t="s">
        <v>3816</v>
      </c>
      <c r="LYZ39" s="927" t="s">
        <v>3816</v>
      </c>
      <c r="LZA39" s="927" t="s">
        <v>3816</v>
      </c>
      <c r="LZB39" s="927" t="s">
        <v>3816</v>
      </c>
      <c r="LZC39" s="927" t="s">
        <v>3816</v>
      </c>
      <c r="LZD39" s="927" t="s">
        <v>3816</v>
      </c>
      <c r="LZE39" s="927" t="s">
        <v>3816</v>
      </c>
      <c r="LZF39" s="927" t="s">
        <v>3816</v>
      </c>
      <c r="LZG39" s="927" t="s">
        <v>3816</v>
      </c>
      <c r="LZH39" s="927" t="s">
        <v>3816</v>
      </c>
      <c r="LZI39" s="927" t="s">
        <v>3816</v>
      </c>
      <c r="LZJ39" s="927" t="s">
        <v>3816</v>
      </c>
      <c r="LZK39" s="927" t="s">
        <v>3816</v>
      </c>
      <c r="LZL39" s="927" t="s">
        <v>3816</v>
      </c>
      <c r="LZM39" s="927" t="s">
        <v>3816</v>
      </c>
      <c r="LZN39" s="927" t="s">
        <v>3816</v>
      </c>
      <c r="LZO39" s="927" t="s">
        <v>3816</v>
      </c>
      <c r="LZP39" s="927" t="s">
        <v>3816</v>
      </c>
      <c r="LZQ39" s="927" t="s">
        <v>3816</v>
      </c>
      <c r="LZR39" s="927" t="s">
        <v>3816</v>
      </c>
      <c r="LZS39" s="927" t="s">
        <v>3816</v>
      </c>
      <c r="LZT39" s="927" t="s">
        <v>3816</v>
      </c>
      <c r="LZU39" s="927" t="s">
        <v>3816</v>
      </c>
      <c r="LZV39" s="927" t="s">
        <v>3816</v>
      </c>
      <c r="LZW39" s="927" t="s">
        <v>3816</v>
      </c>
      <c r="LZX39" s="927" t="s">
        <v>3816</v>
      </c>
      <c r="LZY39" s="927" t="s">
        <v>3816</v>
      </c>
      <c r="LZZ39" s="927" t="s">
        <v>3816</v>
      </c>
      <c r="MAA39" s="927" t="s">
        <v>3816</v>
      </c>
      <c r="MAB39" s="927" t="s">
        <v>3816</v>
      </c>
      <c r="MAC39" s="927" t="s">
        <v>3816</v>
      </c>
      <c r="MAD39" s="927" t="s">
        <v>3816</v>
      </c>
      <c r="MAE39" s="927" t="s">
        <v>3816</v>
      </c>
      <c r="MAF39" s="927" t="s">
        <v>3816</v>
      </c>
      <c r="MAG39" s="927" t="s">
        <v>3816</v>
      </c>
      <c r="MAH39" s="927" t="s">
        <v>3816</v>
      </c>
      <c r="MAI39" s="927" t="s">
        <v>3816</v>
      </c>
      <c r="MAJ39" s="927" t="s">
        <v>3816</v>
      </c>
      <c r="MAK39" s="927" t="s">
        <v>3816</v>
      </c>
      <c r="MAL39" s="927" t="s">
        <v>3816</v>
      </c>
      <c r="MAM39" s="927" t="s">
        <v>3816</v>
      </c>
      <c r="MAN39" s="927" t="s">
        <v>3816</v>
      </c>
      <c r="MAO39" s="927" t="s">
        <v>3816</v>
      </c>
      <c r="MAP39" s="927" t="s">
        <v>3816</v>
      </c>
      <c r="MAQ39" s="927" t="s">
        <v>3816</v>
      </c>
      <c r="MAR39" s="927" t="s">
        <v>3816</v>
      </c>
      <c r="MAS39" s="927" t="s">
        <v>3816</v>
      </c>
      <c r="MAT39" s="927" t="s">
        <v>3816</v>
      </c>
      <c r="MAU39" s="927" t="s">
        <v>3816</v>
      </c>
      <c r="MAV39" s="927" t="s">
        <v>3816</v>
      </c>
      <c r="MAW39" s="927" t="s">
        <v>3816</v>
      </c>
      <c r="MAX39" s="927" t="s">
        <v>3816</v>
      </c>
      <c r="MAY39" s="927" t="s">
        <v>3816</v>
      </c>
      <c r="MAZ39" s="927" t="s">
        <v>3816</v>
      </c>
      <c r="MBA39" s="927" t="s">
        <v>3816</v>
      </c>
      <c r="MBB39" s="927" t="s">
        <v>3816</v>
      </c>
      <c r="MBC39" s="927" t="s">
        <v>3816</v>
      </c>
      <c r="MBD39" s="927" t="s">
        <v>3816</v>
      </c>
      <c r="MBE39" s="927" t="s">
        <v>3816</v>
      </c>
      <c r="MBF39" s="927" t="s">
        <v>3816</v>
      </c>
      <c r="MBG39" s="927" t="s">
        <v>3816</v>
      </c>
      <c r="MBH39" s="927" t="s">
        <v>3816</v>
      </c>
      <c r="MBI39" s="927" t="s">
        <v>3816</v>
      </c>
      <c r="MBJ39" s="927" t="s">
        <v>3816</v>
      </c>
      <c r="MBK39" s="927" t="s">
        <v>3816</v>
      </c>
      <c r="MBL39" s="927" t="s">
        <v>3816</v>
      </c>
      <c r="MBM39" s="927" t="s">
        <v>3816</v>
      </c>
      <c r="MBN39" s="927" t="s">
        <v>3816</v>
      </c>
      <c r="MBO39" s="927" t="s">
        <v>3816</v>
      </c>
      <c r="MBP39" s="927" t="s">
        <v>3816</v>
      </c>
      <c r="MBQ39" s="927" t="s">
        <v>3816</v>
      </c>
      <c r="MBR39" s="927" t="s">
        <v>3816</v>
      </c>
      <c r="MBS39" s="927" t="s">
        <v>3816</v>
      </c>
      <c r="MBT39" s="927" t="s">
        <v>3816</v>
      </c>
      <c r="MBU39" s="927" t="s">
        <v>3816</v>
      </c>
      <c r="MBV39" s="927" t="s">
        <v>3816</v>
      </c>
      <c r="MBW39" s="927" t="s">
        <v>3816</v>
      </c>
      <c r="MBX39" s="927" t="s">
        <v>3816</v>
      </c>
      <c r="MBY39" s="927" t="s">
        <v>3816</v>
      </c>
      <c r="MBZ39" s="927" t="s">
        <v>3816</v>
      </c>
      <c r="MCA39" s="927" t="s">
        <v>3816</v>
      </c>
      <c r="MCB39" s="927" t="s">
        <v>3816</v>
      </c>
      <c r="MCC39" s="927" t="s">
        <v>3816</v>
      </c>
      <c r="MCD39" s="927" t="s">
        <v>3816</v>
      </c>
      <c r="MCE39" s="927" t="s">
        <v>3816</v>
      </c>
      <c r="MCF39" s="927" t="s">
        <v>3816</v>
      </c>
      <c r="MCG39" s="927" t="s">
        <v>3816</v>
      </c>
      <c r="MCH39" s="927" t="s">
        <v>3816</v>
      </c>
      <c r="MCI39" s="927" t="s">
        <v>3816</v>
      </c>
      <c r="MCJ39" s="927" t="s">
        <v>3816</v>
      </c>
      <c r="MCK39" s="927" t="s">
        <v>3816</v>
      </c>
      <c r="MCL39" s="927" t="s">
        <v>3816</v>
      </c>
      <c r="MCM39" s="927" t="s">
        <v>3816</v>
      </c>
      <c r="MCN39" s="927" t="s">
        <v>3816</v>
      </c>
      <c r="MCO39" s="927" t="s">
        <v>3816</v>
      </c>
      <c r="MCP39" s="927" t="s">
        <v>3816</v>
      </c>
      <c r="MCQ39" s="927" t="s">
        <v>3816</v>
      </c>
      <c r="MCR39" s="927" t="s">
        <v>3816</v>
      </c>
      <c r="MCS39" s="927" t="s">
        <v>3816</v>
      </c>
      <c r="MCT39" s="927" t="s">
        <v>3816</v>
      </c>
      <c r="MCU39" s="927" t="s">
        <v>3816</v>
      </c>
      <c r="MCV39" s="927" t="s">
        <v>3816</v>
      </c>
      <c r="MCW39" s="927" t="s">
        <v>3816</v>
      </c>
      <c r="MCX39" s="927" t="s">
        <v>3816</v>
      </c>
      <c r="MCY39" s="927" t="s">
        <v>3816</v>
      </c>
      <c r="MCZ39" s="927" t="s">
        <v>3816</v>
      </c>
      <c r="MDA39" s="927" t="s">
        <v>3816</v>
      </c>
      <c r="MDB39" s="927" t="s">
        <v>3816</v>
      </c>
      <c r="MDC39" s="927" t="s">
        <v>3816</v>
      </c>
      <c r="MDD39" s="927" t="s">
        <v>3816</v>
      </c>
      <c r="MDE39" s="927" t="s">
        <v>3816</v>
      </c>
      <c r="MDF39" s="927" t="s">
        <v>3816</v>
      </c>
      <c r="MDG39" s="927" t="s">
        <v>3816</v>
      </c>
      <c r="MDH39" s="927" t="s">
        <v>3816</v>
      </c>
      <c r="MDI39" s="927" t="s">
        <v>3816</v>
      </c>
      <c r="MDJ39" s="927" t="s">
        <v>3816</v>
      </c>
      <c r="MDK39" s="927" t="s">
        <v>3816</v>
      </c>
      <c r="MDL39" s="927" t="s">
        <v>3816</v>
      </c>
      <c r="MDM39" s="927" t="s">
        <v>3816</v>
      </c>
      <c r="MDN39" s="927" t="s">
        <v>3816</v>
      </c>
      <c r="MDO39" s="927" t="s">
        <v>3816</v>
      </c>
      <c r="MDP39" s="927" t="s">
        <v>3816</v>
      </c>
      <c r="MDQ39" s="927" t="s">
        <v>3816</v>
      </c>
      <c r="MDR39" s="927" t="s">
        <v>3816</v>
      </c>
      <c r="MDS39" s="927" t="s">
        <v>3816</v>
      </c>
      <c r="MDT39" s="927" t="s">
        <v>3816</v>
      </c>
      <c r="MDU39" s="927" t="s">
        <v>3816</v>
      </c>
      <c r="MDV39" s="927" t="s">
        <v>3816</v>
      </c>
      <c r="MDW39" s="927" t="s">
        <v>3816</v>
      </c>
      <c r="MDX39" s="927" t="s">
        <v>3816</v>
      </c>
      <c r="MDY39" s="927" t="s">
        <v>3816</v>
      </c>
      <c r="MDZ39" s="927" t="s">
        <v>3816</v>
      </c>
      <c r="MEA39" s="927" t="s">
        <v>3816</v>
      </c>
      <c r="MEB39" s="927" t="s">
        <v>3816</v>
      </c>
      <c r="MEC39" s="927" t="s">
        <v>3816</v>
      </c>
      <c r="MED39" s="927" t="s">
        <v>3816</v>
      </c>
      <c r="MEE39" s="927" t="s">
        <v>3816</v>
      </c>
      <c r="MEF39" s="927" t="s">
        <v>3816</v>
      </c>
      <c r="MEG39" s="927" t="s">
        <v>3816</v>
      </c>
      <c r="MEH39" s="927" t="s">
        <v>3816</v>
      </c>
      <c r="MEI39" s="927" t="s">
        <v>3816</v>
      </c>
      <c r="MEJ39" s="927" t="s">
        <v>3816</v>
      </c>
      <c r="MEK39" s="927" t="s">
        <v>3816</v>
      </c>
      <c r="MEL39" s="927" t="s">
        <v>3816</v>
      </c>
      <c r="MEM39" s="927" t="s">
        <v>3816</v>
      </c>
      <c r="MEN39" s="927" t="s">
        <v>3816</v>
      </c>
      <c r="MEO39" s="927" t="s">
        <v>3816</v>
      </c>
      <c r="MEP39" s="927" t="s">
        <v>3816</v>
      </c>
      <c r="MEQ39" s="927" t="s">
        <v>3816</v>
      </c>
      <c r="MER39" s="927" t="s">
        <v>3816</v>
      </c>
      <c r="MES39" s="927" t="s">
        <v>3816</v>
      </c>
      <c r="MET39" s="927" t="s">
        <v>3816</v>
      </c>
      <c r="MEU39" s="927" t="s">
        <v>3816</v>
      </c>
      <c r="MEV39" s="927" t="s">
        <v>3816</v>
      </c>
      <c r="MEW39" s="927" t="s">
        <v>3816</v>
      </c>
      <c r="MEX39" s="927" t="s">
        <v>3816</v>
      </c>
      <c r="MEY39" s="927" t="s">
        <v>3816</v>
      </c>
      <c r="MEZ39" s="927" t="s">
        <v>3816</v>
      </c>
      <c r="MFA39" s="927" t="s">
        <v>3816</v>
      </c>
      <c r="MFB39" s="927" t="s">
        <v>3816</v>
      </c>
      <c r="MFC39" s="927" t="s">
        <v>3816</v>
      </c>
      <c r="MFD39" s="927" t="s">
        <v>3816</v>
      </c>
      <c r="MFE39" s="927" t="s">
        <v>3816</v>
      </c>
      <c r="MFF39" s="927" t="s">
        <v>3816</v>
      </c>
      <c r="MFG39" s="927" t="s">
        <v>3816</v>
      </c>
      <c r="MFH39" s="927" t="s">
        <v>3816</v>
      </c>
      <c r="MFI39" s="927" t="s">
        <v>3816</v>
      </c>
      <c r="MFJ39" s="927" t="s">
        <v>3816</v>
      </c>
      <c r="MFK39" s="927" t="s">
        <v>3816</v>
      </c>
      <c r="MFL39" s="927" t="s">
        <v>3816</v>
      </c>
      <c r="MFM39" s="927" t="s">
        <v>3816</v>
      </c>
      <c r="MFN39" s="927" t="s">
        <v>3816</v>
      </c>
      <c r="MFO39" s="927" t="s">
        <v>3816</v>
      </c>
      <c r="MFP39" s="927" t="s">
        <v>3816</v>
      </c>
      <c r="MFQ39" s="927" t="s">
        <v>3816</v>
      </c>
      <c r="MFR39" s="927" t="s">
        <v>3816</v>
      </c>
      <c r="MFS39" s="927" t="s">
        <v>3816</v>
      </c>
      <c r="MFT39" s="927" t="s">
        <v>3816</v>
      </c>
      <c r="MFU39" s="927" t="s">
        <v>3816</v>
      </c>
      <c r="MFV39" s="927" t="s">
        <v>3816</v>
      </c>
      <c r="MFW39" s="927" t="s">
        <v>3816</v>
      </c>
      <c r="MFX39" s="927" t="s">
        <v>3816</v>
      </c>
      <c r="MFY39" s="927" t="s">
        <v>3816</v>
      </c>
      <c r="MFZ39" s="927" t="s">
        <v>3816</v>
      </c>
      <c r="MGA39" s="927" t="s">
        <v>3816</v>
      </c>
      <c r="MGB39" s="927" t="s">
        <v>3816</v>
      </c>
      <c r="MGC39" s="927" t="s">
        <v>3816</v>
      </c>
      <c r="MGD39" s="927" t="s">
        <v>3816</v>
      </c>
      <c r="MGE39" s="927" t="s">
        <v>3816</v>
      </c>
      <c r="MGF39" s="927" t="s">
        <v>3816</v>
      </c>
      <c r="MGG39" s="927" t="s">
        <v>3816</v>
      </c>
      <c r="MGH39" s="927" t="s">
        <v>3816</v>
      </c>
      <c r="MGI39" s="927" t="s">
        <v>3816</v>
      </c>
      <c r="MGJ39" s="927" t="s">
        <v>3816</v>
      </c>
      <c r="MGK39" s="927" t="s">
        <v>3816</v>
      </c>
      <c r="MGL39" s="927" t="s">
        <v>3816</v>
      </c>
      <c r="MGM39" s="927" t="s">
        <v>3816</v>
      </c>
      <c r="MGN39" s="927" t="s">
        <v>3816</v>
      </c>
      <c r="MGO39" s="927" t="s">
        <v>3816</v>
      </c>
      <c r="MGP39" s="927" t="s">
        <v>3816</v>
      </c>
      <c r="MGQ39" s="927" t="s">
        <v>3816</v>
      </c>
      <c r="MGR39" s="927" t="s">
        <v>3816</v>
      </c>
      <c r="MGS39" s="927" t="s">
        <v>3816</v>
      </c>
      <c r="MGT39" s="927" t="s">
        <v>3816</v>
      </c>
      <c r="MGU39" s="927" t="s">
        <v>3816</v>
      </c>
      <c r="MGV39" s="927" t="s">
        <v>3816</v>
      </c>
      <c r="MGW39" s="927" t="s">
        <v>3816</v>
      </c>
      <c r="MGX39" s="927" t="s">
        <v>3816</v>
      </c>
      <c r="MGY39" s="927" t="s">
        <v>3816</v>
      </c>
      <c r="MGZ39" s="927" t="s">
        <v>3816</v>
      </c>
      <c r="MHA39" s="927" t="s">
        <v>3816</v>
      </c>
      <c r="MHB39" s="927" t="s">
        <v>3816</v>
      </c>
      <c r="MHC39" s="927" t="s">
        <v>3816</v>
      </c>
      <c r="MHD39" s="927" t="s">
        <v>3816</v>
      </c>
      <c r="MHE39" s="927" t="s">
        <v>3816</v>
      </c>
      <c r="MHF39" s="927" t="s">
        <v>3816</v>
      </c>
      <c r="MHG39" s="927" t="s">
        <v>3816</v>
      </c>
      <c r="MHH39" s="927" t="s">
        <v>3816</v>
      </c>
      <c r="MHI39" s="927" t="s">
        <v>3816</v>
      </c>
      <c r="MHJ39" s="927" t="s">
        <v>3816</v>
      </c>
      <c r="MHK39" s="927" t="s">
        <v>3816</v>
      </c>
      <c r="MHL39" s="927" t="s">
        <v>3816</v>
      </c>
      <c r="MHM39" s="927" t="s">
        <v>3816</v>
      </c>
      <c r="MHN39" s="927" t="s">
        <v>3816</v>
      </c>
      <c r="MHO39" s="927" t="s">
        <v>3816</v>
      </c>
      <c r="MHP39" s="927" t="s">
        <v>3816</v>
      </c>
      <c r="MHQ39" s="927" t="s">
        <v>3816</v>
      </c>
      <c r="MHR39" s="927" t="s">
        <v>3816</v>
      </c>
      <c r="MHS39" s="927" t="s">
        <v>3816</v>
      </c>
      <c r="MHT39" s="927" t="s">
        <v>3816</v>
      </c>
      <c r="MHU39" s="927" t="s">
        <v>3816</v>
      </c>
      <c r="MHV39" s="927" t="s">
        <v>3816</v>
      </c>
      <c r="MHW39" s="927" t="s">
        <v>3816</v>
      </c>
      <c r="MHX39" s="927" t="s">
        <v>3816</v>
      </c>
      <c r="MHY39" s="927" t="s">
        <v>3816</v>
      </c>
      <c r="MHZ39" s="927" t="s">
        <v>3816</v>
      </c>
      <c r="MIA39" s="927" t="s">
        <v>3816</v>
      </c>
      <c r="MIB39" s="927" t="s">
        <v>3816</v>
      </c>
      <c r="MIC39" s="927" t="s">
        <v>3816</v>
      </c>
      <c r="MID39" s="927" t="s">
        <v>3816</v>
      </c>
      <c r="MIE39" s="927" t="s">
        <v>3816</v>
      </c>
      <c r="MIF39" s="927" t="s">
        <v>3816</v>
      </c>
      <c r="MIG39" s="927" t="s">
        <v>3816</v>
      </c>
      <c r="MIH39" s="927" t="s">
        <v>3816</v>
      </c>
      <c r="MII39" s="927" t="s">
        <v>3816</v>
      </c>
      <c r="MIJ39" s="927" t="s">
        <v>3816</v>
      </c>
      <c r="MIK39" s="927" t="s">
        <v>3816</v>
      </c>
      <c r="MIL39" s="927" t="s">
        <v>3816</v>
      </c>
      <c r="MIM39" s="927" t="s">
        <v>3816</v>
      </c>
      <c r="MIN39" s="927" t="s">
        <v>3816</v>
      </c>
      <c r="MIO39" s="927" t="s">
        <v>3816</v>
      </c>
      <c r="MIP39" s="927" t="s">
        <v>3816</v>
      </c>
      <c r="MIQ39" s="927" t="s">
        <v>3816</v>
      </c>
      <c r="MIR39" s="927" t="s">
        <v>3816</v>
      </c>
      <c r="MIS39" s="927" t="s">
        <v>3816</v>
      </c>
      <c r="MIT39" s="927" t="s">
        <v>3816</v>
      </c>
      <c r="MIU39" s="927" t="s">
        <v>3816</v>
      </c>
      <c r="MIV39" s="927" t="s">
        <v>3816</v>
      </c>
      <c r="MIW39" s="927" t="s">
        <v>3816</v>
      </c>
      <c r="MIX39" s="927" t="s">
        <v>3816</v>
      </c>
      <c r="MIY39" s="927" t="s">
        <v>3816</v>
      </c>
      <c r="MIZ39" s="927" t="s">
        <v>3816</v>
      </c>
      <c r="MJA39" s="927" t="s">
        <v>3816</v>
      </c>
      <c r="MJB39" s="927" t="s">
        <v>3816</v>
      </c>
      <c r="MJC39" s="927" t="s">
        <v>3816</v>
      </c>
      <c r="MJD39" s="927" t="s">
        <v>3816</v>
      </c>
      <c r="MJE39" s="927" t="s">
        <v>3816</v>
      </c>
      <c r="MJF39" s="927" t="s">
        <v>3816</v>
      </c>
      <c r="MJG39" s="927" t="s">
        <v>3816</v>
      </c>
      <c r="MJH39" s="927" t="s">
        <v>3816</v>
      </c>
      <c r="MJI39" s="927" t="s">
        <v>3816</v>
      </c>
      <c r="MJJ39" s="927" t="s">
        <v>3816</v>
      </c>
      <c r="MJK39" s="927" t="s">
        <v>3816</v>
      </c>
      <c r="MJL39" s="927" t="s">
        <v>3816</v>
      </c>
      <c r="MJM39" s="927" t="s">
        <v>3816</v>
      </c>
      <c r="MJN39" s="927" t="s">
        <v>3816</v>
      </c>
      <c r="MJO39" s="927" t="s">
        <v>3816</v>
      </c>
      <c r="MJP39" s="927" t="s">
        <v>3816</v>
      </c>
      <c r="MJQ39" s="927" t="s">
        <v>3816</v>
      </c>
      <c r="MJR39" s="927" t="s">
        <v>3816</v>
      </c>
      <c r="MJS39" s="927" t="s">
        <v>3816</v>
      </c>
      <c r="MJT39" s="927" t="s">
        <v>3816</v>
      </c>
      <c r="MJU39" s="927" t="s">
        <v>3816</v>
      </c>
      <c r="MJV39" s="927" t="s">
        <v>3816</v>
      </c>
      <c r="MJW39" s="927" t="s">
        <v>3816</v>
      </c>
      <c r="MJX39" s="927" t="s">
        <v>3816</v>
      </c>
      <c r="MJY39" s="927" t="s">
        <v>3816</v>
      </c>
      <c r="MJZ39" s="927" t="s">
        <v>3816</v>
      </c>
      <c r="MKA39" s="927" t="s">
        <v>3816</v>
      </c>
      <c r="MKB39" s="927" t="s">
        <v>3816</v>
      </c>
      <c r="MKC39" s="927" t="s">
        <v>3816</v>
      </c>
      <c r="MKD39" s="927" t="s">
        <v>3816</v>
      </c>
      <c r="MKE39" s="927" t="s">
        <v>3816</v>
      </c>
      <c r="MKF39" s="927" t="s">
        <v>3816</v>
      </c>
      <c r="MKG39" s="927" t="s">
        <v>3816</v>
      </c>
      <c r="MKH39" s="927" t="s">
        <v>3816</v>
      </c>
      <c r="MKI39" s="927" t="s">
        <v>3816</v>
      </c>
      <c r="MKJ39" s="927" t="s">
        <v>3816</v>
      </c>
      <c r="MKK39" s="927" t="s">
        <v>3816</v>
      </c>
      <c r="MKL39" s="927" t="s">
        <v>3816</v>
      </c>
      <c r="MKM39" s="927" t="s">
        <v>3816</v>
      </c>
      <c r="MKN39" s="927" t="s">
        <v>3816</v>
      </c>
      <c r="MKO39" s="927" t="s">
        <v>3816</v>
      </c>
      <c r="MKP39" s="927" t="s">
        <v>3816</v>
      </c>
      <c r="MKQ39" s="927" t="s">
        <v>3816</v>
      </c>
      <c r="MKR39" s="927" t="s">
        <v>3816</v>
      </c>
      <c r="MKS39" s="927" t="s">
        <v>3816</v>
      </c>
      <c r="MKT39" s="927" t="s">
        <v>3816</v>
      </c>
      <c r="MKU39" s="927" t="s">
        <v>3816</v>
      </c>
      <c r="MKV39" s="927" t="s">
        <v>3816</v>
      </c>
      <c r="MKW39" s="927" t="s">
        <v>3816</v>
      </c>
      <c r="MKX39" s="927" t="s">
        <v>3816</v>
      </c>
      <c r="MKY39" s="927" t="s">
        <v>3816</v>
      </c>
      <c r="MKZ39" s="927" t="s">
        <v>3816</v>
      </c>
      <c r="MLA39" s="927" t="s">
        <v>3816</v>
      </c>
      <c r="MLB39" s="927" t="s">
        <v>3816</v>
      </c>
      <c r="MLC39" s="927" t="s">
        <v>3816</v>
      </c>
      <c r="MLD39" s="927" t="s">
        <v>3816</v>
      </c>
      <c r="MLE39" s="927" t="s">
        <v>3816</v>
      </c>
      <c r="MLF39" s="927" t="s">
        <v>3816</v>
      </c>
      <c r="MLG39" s="927" t="s">
        <v>3816</v>
      </c>
      <c r="MLH39" s="927" t="s">
        <v>3816</v>
      </c>
      <c r="MLI39" s="927" t="s">
        <v>3816</v>
      </c>
      <c r="MLJ39" s="927" t="s">
        <v>3816</v>
      </c>
      <c r="MLK39" s="927" t="s">
        <v>3816</v>
      </c>
      <c r="MLL39" s="927" t="s">
        <v>3816</v>
      </c>
      <c r="MLM39" s="927" t="s">
        <v>3816</v>
      </c>
      <c r="MLN39" s="927" t="s">
        <v>3816</v>
      </c>
      <c r="MLO39" s="927" t="s">
        <v>3816</v>
      </c>
      <c r="MLP39" s="927" t="s">
        <v>3816</v>
      </c>
      <c r="MLQ39" s="927" t="s">
        <v>3816</v>
      </c>
      <c r="MLR39" s="927" t="s">
        <v>3816</v>
      </c>
      <c r="MLS39" s="927" t="s">
        <v>3816</v>
      </c>
      <c r="MLT39" s="927" t="s">
        <v>3816</v>
      </c>
      <c r="MLU39" s="927" t="s">
        <v>3816</v>
      </c>
      <c r="MLV39" s="927" t="s">
        <v>3816</v>
      </c>
      <c r="MLW39" s="927" t="s">
        <v>3816</v>
      </c>
      <c r="MLX39" s="927" t="s">
        <v>3816</v>
      </c>
      <c r="MLY39" s="927" t="s">
        <v>3816</v>
      </c>
      <c r="MLZ39" s="927" t="s">
        <v>3816</v>
      </c>
      <c r="MMA39" s="927" t="s">
        <v>3816</v>
      </c>
      <c r="MMB39" s="927" t="s">
        <v>3816</v>
      </c>
      <c r="MMC39" s="927" t="s">
        <v>3816</v>
      </c>
      <c r="MMD39" s="927" t="s">
        <v>3816</v>
      </c>
      <c r="MME39" s="927" t="s">
        <v>3816</v>
      </c>
      <c r="MMF39" s="927" t="s">
        <v>3816</v>
      </c>
      <c r="MMG39" s="927" t="s">
        <v>3816</v>
      </c>
      <c r="MMH39" s="927" t="s">
        <v>3816</v>
      </c>
      <c r="MMI39" s="927" t="s">
        <v>3816</v>
      </c>
      <c r="MMJ39" s="927" t="s">
        <v>3816</v>
      </c>
      <c r="MMK39" s="927" t="s">
        <v>3816</v>
      </c>
      <c r="MML39" s="927" t="s">
        <v>3816</v>
      </c>
      <c r="MMM39" s="927" t="s">
        <v>3816</v>
      </c>
      <c r="MMN39" s="927" t="s">
        <v>3816</v>
      </c>
      <c r="MMO39" s="927" t="s">
        <v>3816</v>
      </c>
      <c r="MMP39" s="927" t="s">
        <v>3816</v>
      </c>
      <c r="MMQ39" s="927" t="s">
        <v>3816</v>
      </c>
      <c r="MMR39" s="927" t="s">
        <v>3816</v>
      </c>
      <c r="MMS39" s="927" t="s">
        <v>3816</v>
      </c>
      <c r="MMT39" s="927" t="s">
        <v>3816</v>
      </c>
      <c r="MMU39" s="927" t="s">
        <v>3816</v>
      </c>
      <c r="MMV39" s="927" t="s">
        <v>3816</v>
      </c>
      <c r="MMW39" s="927" t="s">
        <v>3816</v>
      </c>
      <c r="MMX39" s="927" t="s">
        <v>3816</v>
      </c>
      <c r="MMY39" s="927" t="s">
        <v>3816</v>
      </c>
      <c r="MMZ39" s="927" t="s">
        <v>3816</v>
      </c>
      <c r="MNA39" s="927" t="s">
        <v>3816</v>
      </c>
      <c r="MNB39" s="927" t="s">
        <v>3816</v>
      </c>
      <c r="MNC39" s="927" t="s">
        <v>3816</v>
      </c>
      <c r="MND39" s="927" t="s">
        <v>3816</v>
      </c>
      <c r="MNE39" s="927" t="s">
        <v>3816</v>
      </c>
      <c r="MNF39" s="927" t="s">
        <v>3816</v>
      </c>
      <c r="MNG39" s="927" t="s">
        <v>3816</v>
      </c>
      <c r="MNH39" s="927" t="s">
        <v>3816</v>
      </c>
      <c r="MNI39" s="927" t="s">
        <v>3816</v>
      </c>
      <c r="MNJ39" s="927" t="s">
        <v>3816</v>
      </c>
      <c r="MNK39" s="927" t="s">
        <v>3816</v>
      </c>
      <c r="MNL39" s="927" t="s">
        <v>3816</v>
      </c>
      <c r="MNM39" s="927" t="s">
        <v>3816</v>
      </c>
      <c r="MNN39" s="927" t="s">
        <v>3816</v>
      </c>
      <c r="MNO39" s="927" t="s">
        <v>3816</v>
      </c>
      <c r="MNP39" s="927" t="s">
        <v>3816</v>
      </c>
      <c r="MNQ39" s="927" t="s">
        <v>3816</v>
      </c>
      <c r="MNR39" s="927" t="s">
        <v>3816</v>
      </c>
      <c r="MNS39" s="927" t="s">
        <v>3816</v>
      </c>
      <c r="MNT39" s="927" t="s">
        <v>3816</v>
      </c>
      <c r="MNU39" s="927" t="s">
        <v>3816</v>
      </c>
      <c r="MNV39" s="927" t="s">
        <v>3816</v>
      </c>
      <c r="MNW39" s="927" t="s">
        <v>3816</v>
      </c>
      <c r="MNX39" s="927" t="s">
        <v>3816</v>
      </c>
      <c r="MNY39" s="927" t="s">
        <v>3816</v>
      </c>
      <c r="MNZ39" s="927" t="s">
        <v>3816</v>
      </c>
      <c r="MOA39" s="927" t="s">
        <v>3816</v>
      </c>
      <c r="MOB39" s="927" t="s">
        <v>3816</v>
      </c>
      <c r="MOC39" s="927" t="s">
        <v>3816</v>
      </c>
      <c r="MOD39" s="927" t="s">
        <v>3816</v>
      </c>
      <c r="MOE39" s="927" t="s">
        <v>3816</v>
      </c>
      <c r="MOF39" s="927" t="s">
        <v>3816</v>
      </c>
      <c r="MOG39" s="927" t="s">
        <v>3816</v>
      </c>
      <c r="MOH39" s="927" t="s">
        <v>3816</v>
      </c>
      <c r="MOI39" s="927" t="s">
        <v>3816</v>
      </c>
      <c r="MOJ39" s="927" t="s">
        <v>3816</v>
      </c>
      <c r="MOK39" s="927" t="s">
        <v>3816</v>
      </c>
      <c r="MOL39" s="927" t="s">
        <v>3816</v>
      </c>
      <c r="MOM39" s="927" t="s">
        <v>3816</v>
      </c>
      <c r="MON39" s="927" t="s">
        <v>3816</v>
      </c>
      <c r="MOO39" s="927" t="s">
        <v>3816</v>
      </c>
      <c r="MOP39" s="927" t="s">
        <v>3816</v>
      </c>
      <c r="MOQ39" s="927" t="s">
        <v>3816</v>
      </c>
      <c r="MOR39" s="927" t="s">
        <v>3816</v>
      </c>
      <c r="MOS39" s="927" t="s">
        <v>3816</v>
      </c>
      <c r="MOT39" s="927" t="s">
        <v>3816</v>
      </c>
      <c r="MOU39" s="927" t="s">
        <v>3816</v>
      </c>
      <c r="MOV39" s="927" t="s">
        <v>3816</v>
      </c>
      <c r="MOW39" s="927" t="s">
        <v>3816</v>
      </c>
      <c r="MOX39" s="927" t="s">
        <v>3816</v>
      </c>
      <c r="MOY39" s="927" t="s">
        <v>3816</v>
      </c>
      <c r="MOZ39" s="927" t="s">
        <v>3816</v>
      </c>
      <c r="MPA39" s="927" t="s">
        <v>3816</v>
      </c>
      <c r="MPB39" s="927" t="s">
        <v>3816</v>
      </c>
      <c r="MPC39" s="927" t="s">
        <v>3816</v>
      </c>
      <c r="MPD39" s="927" t="s">
        <v>3816</v>
      </c>
      <c r="MPE39" s="927" t="s">
        <v>3816</v>
      </c>
      <c r="MPF39" s="927" t="s">
        <v>3816</v>
      </c>
      <c r="MPG39" s="927" t="s">
        <v>3816</v>
      </c>
      <c r="MPH39" s="927" t="s">
        <v>3816</v>
      </c>
      <c r="MPI39" s="927" t="s">
        <v>3816</v>
      </c>
      <c r="MPJ39" s="927" t="s">
        <v>3816</v>
      </c>
      <c r="MPK39" s="927" t="s">
        <v>3816</v>
      </c>
      <c r="MPL39" s="927" t="s">
        <v>3816</v>
      </c>
      <c r="MPM39" s="927" t="s">
        <v>3816</v>
      </c>
      <c r="MPN39" s="927" t="s">
        <v>3816</v>
      </c>
      <c r="MPO39" s="927" t="s">
        <v>3816</v>
      </c>
      <c r="MPP39" s="927" t="s">
        <v>3816</v>
      </c>
      <c r="MPQ39" s="927" t="s">
        <v>3816</v>
      </c>
      <c r="MPR39" s="927" t="s">
        <v>3816</v>
      </c>
      <c r="MPS39" s="927" t="s">
        <v>3816</v>
      </c>
      <c r="MPT39" s="927" t="s">
        <v>3816</v>
      </c>
      <c r="MPU39" s="927" t="s">
        <v>3816</v>
      </c>
      <c r="MPV39" s="927" t="s">
        <v>3816</v>
      </c>
      <c r="MPW39" s="927" t="s">
        <v>3816</v>
      </c>
      <c r="MPX39" s="927" t="s">
        <v>3816</v>
      </c>
      <c r="MPY39" s="927" t="s">
        <v>3816</v>
      </c>
      <c r="MPZ39" s="927" t="s">
        <v>3816</v>
      </c>
      <c r="MQA39" s="927" t="s">
        <v>3816</v>
      </c>
      <c r="MQB39" s="927" t="s">
        <v>3816</v>
      </c>
      <c r="MQC39" s="927" t="s">
        <v>3816</v>
      </c>
      <c r="MQD39" s="927" t="s">
        <v>3816</v>
      </c>
      <c r="MQE39" s="927" t="s">
        <v>3816</v>
      </c>
      <c r="MQF39" s="927" t="s">
        <v>3816</v>
      </c>
      <c r="MQG39" s="927" t="s">
        <v>3816</v>
      </c>
      <c r="MQH39" s="927" t="s">
        <v>3816</v>
      </c>
      <c r="MQI39" s="927" t="s">
        <v>3816</v>
      </c>
      <c r="MQJ39" s="927" t="s">
        <v>3816</v>
      </c>
      <c r="MQK39" s="927" t="s">
        <v>3816</v>
      </c>
      <c r="MQL39" s="927" t="s">
        <v>3816</v>
      </c>
      <c r="MQM39" s="927" t="s">
        <v>3816</v>
      </c>
      <c r="MQN39" s="927" t="s">
        <v>3816</v>
      </c>
      <c r="MQO39" s="927" t="s">
        <v>3816</v>
      </c>
      <c r="MQP39" s="927" t="s">
        <v>3816</v>
      </c>
      <c r="MQQ39" s="927" t="s">
        <v>3816</v>
      </c>
      <c r="MQR39" s="927" t="s">
        <v>3816</v>
      </c>
      <c r="MQS39" s="927" t="s">
        <v>3816</v>
      </c>
      <c r="MQT39" s="927" t="s">
        <v>3816</v>
      </c>
      <c r="MQU39" s="927" t="s">
        <v>3816</v>
      </c>
      <c r="MQV39" s="927" t="s">
        <v>3816</v>
      </c>
      <c r="MQW39" s="927" t="s">
        <v>3816</v>
      </c>
      <c r="MQX39" s="927" t="s">
        <v>3816</v>
      </c>
      <c r="MQY39" s="927" t="s">
        <v>3816</v>
      </c>
      <c r="MQZ39" s="927" t="s">
        <v>3816</v>
      </c>
      <c r="MRA39" s="927" t="s">
        <v>3816</v>
      </c>
      <c r="MRB39" s="927" t="s">
        <v>3816</v>
      </c>
      <c r="MRC39" s="927" t="s">
        <v>3816</v>
      </c>
      <c r="MRD39" s="927" t="s">
        <v>3816</v>
      </c>
      <c r="MRE39" s="927" t="s">
        <v>3816</v>
      </c>
      <c r="MRF39" s="927" t="s">
        <v>3816</v>
      </c>
      <c r="MRG39" s="927" t="s">
        <v>3816</v>
      </c>
      <c r="MRH39" s="927" t="s">
        <v>3816</v>
      </c>
      <c r="MRI39" s="927" t="s">
        <v>3816</v>
      </c>
      <c r="MRJ39" s="927" t="s">
        <v>3816</v>
      </c>
      <c r="MRK39" s="927" t="s">
        <v>3816</v>
      </c>
      <c r="MRL39" s="927" t="s">
        <v>3816</v>
      </c>
      <c r="MRM39" s="927" t="s">
        <v>3816</v>
      </c>
      <c r="MRN39" s="927" t="s">
        <v>3816</v>
      </c>
      <c r="MRO39" s="927" t="s">
        <v>3816</v>
      </c>
      <c r="MRP39" s="927" t="s">
        <v>3816</v>
      </c>
      <c r="MRQ39" s="927" t="s">
        <v>3816</v>
      </c>
      <c r="MRR39" s="927" t="s">
        <v>3816</v>
      </c>
      <c r="MRS39" s="927" t="s">
        <v>3816</v>
      </c>
      <c r="MRT39" s="927" t="s">
        <v>3816</v>
      </c>
      <c r="MRU39" s="927" t="s">
        <v>3816</v>
      </c>
      <c r="MRV39" s="927" t="s">
        <v>3816</v>
      </c>
      <c r="MRW39" s="927" t="s">
        <v>3816</v>
      </c>
      <c r="MRX39" s="927" t="s">
        <v>3816</v>
      </c>
      <c r="MRY39" s="927" t="s">
        <v>3816</v>
      </c>
      <c r="MRZ39" s="927" t="s">
        <v>3816</v>
      </c>
      <c r="MSA39" s="927" t="s">
        <v>3816</v>
      </c>
      <c r="MSB39" s="927" t="s">
        <v>3816</v>
      </c>
      <c r="MSC39" s="927" t="s">
        <v>3816</v>
      </c>
      <c r="MSD39" s="927" t="s">
        <v>3816</v>
      </c>
      <c r="MSE39" s="927" t="s">
        <v>3816</v>
      </c>
      <c r="MSF39" s="927" t="s">
        <v>3816</v>
      </c>
      <c r="MSG39" s="927" t="s">
        <v>3816</v>
      </c>
      <c r="MSH39" s="927" t="s">
        <v>3816</v>
      </c>
      <c r="MSI39" s="927" t="s">
        <v>3816</v>
      </c>
      <c r="MSJ39" s="927" t="s">
        <v>3816</v>
      </c>
      <c r="MSK39" s="927" t="s">
        <v>3816</v>
      </c>
      <c r="MSL39" s="927" t="s">
        <v>3816</v>
      </c>
      <c r="MSM39" s="927" t="s">
        <v>3816</v>
      </c>
      <c r="MSN39" s="927" t="s">
        <v>3816</v>
      </c>
      <c r="MSO39" s="927" t="s">
        <v>3816</v>
      </c>
      <c r="MSP39" s="927" t="s">
        <v>3816</v>
      </c>
      <c r="MSQ39" s="927" t="s">
        <v>3816</v>
      </c>
      <c r="MSR39" s="927" t="s">
        <v>3816</v>
      </c>
      <c r="MSS39" s="927" t="s">
        <v>3816</v>
      </c>
      <c r="MST39" s="927" t="s">
        <v>3816</v>
      </c>
      <c r="MSU39" s="927" t="s">
        <v>3816</v>
      </c>
      <c r="MSV39" s="927" t="s">
        <v>3816</v>
      </c>
      <c r="MSW39" s="927" t="s">
        <v>3816</v>
      </c>
      <c r="MSX39" s="927" t="s">
        <v>3816</v>
      </c>
      <c r="MSY39" s="927" t="s">
        <v>3816</v>
      </c>
      <c r="MSZ39" s="927" t="s">
        <v>3816</v>
      </c>
      <c r="MTA39" s="927" t="s">
        <v>3816</v>
      </c>
      <c r="MTB39" s="927" t="s">
        <v>3816</v>
      </c>
      <c r="MTC39" s="927" t="s">
        <v>3816</v>
      </c>
      <c r="MTD39" s="927" t="s">
        <v>3816</v>
      </c>
      <c r="MTE39" s="927" t="s">
        <v>3816</v>
      </c>
      <c r="MTF39" s="927" t="s">
        <v>3816</v>
      </c>
      <c r="MTG39" s="927" t="s">
        <v>3816</v>
      </c>
      <c r="MTH39" s="927" t="s">
        <v>3816</v>
      </c>
      <c r="MTI39" s="927" t="s">
        <v>3816</v>
      </c>
      <c r="MTJ39" s="927" t="s">
        <v>3816</v>
      </c>
      <c r="MTK39" s="927" t="s">
        <v>3816</v>
      </c>
      <c r="MTL39" s="927" t="s">
        <v>3816</v>
      </c>
      <c r="MTM39" s="927" t="s">
        <v>3816</v>
      </c>
      <c r="MTN39" s="927" t="s">
        <v>3816</v>
      </c>
      <c r="MTO39" s="927" t="s">
        <v>3816</v>
      </c>
      <c r="MTP39" s="927" t="s">
        <v>3816</v>
      </c>
      <c r="MTQ39" s="927" t="s">
        <v>3816</v>
      </c>
      <c r="MTR39" s="927" t="s">
        <v>3816</v>
      </c>
      <c r="MTS39" s="927" t="s">
        <v>3816</v>
      </c>
      <c r="MTT39" s="927" t="s">
        <v>3816</v>
      </c>
      <c r="MTU39" s="927" t="s">
        <v>3816</v>
      </c>
      <c r="MTV39" s="927" t="s">
        <v>3816</v>
      </c>
      <c r="MTW39" s="927" t="s">
        <v>3816</v>
      </c>
      <c r="MTX39" s="927" t="s">
        <v>3816</v>
      </c>
      <c r="MTY39" s="927" t="s">
        <v>3816</v>
      </c>
      <c r="MTZ39" s="927" t="s">
        <v>3816</v>
      </c>
      <c r="MUA39" s="927" t="s">
        <v>3816</v>
      </c>
      <c r="MUB39" s="927" t="s">
        <v>3816</v>
      </c>
      <c r="MUC39" s="927" t="s">
        <v>3816</v>
      </c>
      <c r="MUD39" s="927" t="s">
        <v>3816</v>
      </c>
      <c r="MUE39" s="927" t="s">
        <v>3816</v>
      </c>
      <c r="MUF39" s="927" t="s">
        <v>3816</v>
      </c>
      <c r="MUG39" s="927" t="s">
        <v>3816</v>
      </c>
      <c r="MUH39" s="927" t="s">
        <v>3816</v>
      </c>
      <c r="MUI39" s="927" t="s">
        <v>3816</v>
      </c>
      <c r="MUJ39" s="927" t="s">
        <v>3816</v>
      </c>
      <c r="MUK39" s="927" t="s">
        <v>3816</v>
      </c>
      <c r="MUL39" s="927" t="s">
        <v>3816</v>
      </c>
      <c r="MUM39" s="927" t="s">
        <v>3816</v>
      </c>
      <c r="MUN39" s="927" t="s">
        <v>3816</v>
      </c>
      <c r="MUO39" s="927" t="s">
        <v>3816</v>
      </c>
      <c r="MUP39" s="927" t="s">
        <v>3816</v>
      </c>
      <c r="MUQ39" s="927" t="s">
        <v>3816</v>
      </c>
      <c r="MUR39" s="927" t="s">
        <v>3816</v>
      </c>
      <c r="MUS39" s="927" t="s">
        <v>3816</v>
      </c>
      <c r="MUT39" s="927" t="s">
        <v>3816</v>
      </c>
      <c r="MUU39" s="927" t="s">
        <v>3816</v>
      </c>
      <c r="MUV39" s="927" t="s">
        <v>3816</v>
      </c>
      <c r="MUW39" s="927" t="s">
        <v>3816</v>
      </c>
      <c r="MUX39" s="927" t="s">
        <v>3816</v>
      </c>
      <c r="MUY39" s="927" t="s">
        <v>3816</v>
      </c>
      <c r="MUZ39" s="927" t="s">
        <v>3816</v>
      </c>
      <c r="MVA39" s="927" t="s">
        <v>3816</v>
      </c>
      <c r="MVB39" s="927" t="s">
        <v>3816</v>
      </c>
      <c r="MVC39" s="927" t="s">
        <v>3816</v>
      </c>
      <c r="MVD39" s="927" t="s">
        <v>3816</v>
      </c>
      <c r="MVE39" s="927" t="s">
        <v>3816</v>
      </c>
      <c r="MVF39" s="927" t="s">
        <v>3816</v>
      </c>
      <c r="MVG39" s="927" t="s">
        <v>3816</v>
      </c>
      <c r="MVH39" s="927" t="s">
        <v>3816</v>
      </c>
      <c r="MVI39" s="927" t="s">
        <v>3816</v>
      </c>
      <c r="MVJ39" s="927" t="s">
        <v>3816</v>
      </c>
      <c r="MVK39" s="927" t="s">
        <v>3816</v>
      </c>
      <c r="MVL39" s="927" t="s">
        <v>3816</v>
      </c>
      <c r="MVM39" s="927" t="s">
        <v>3816</v>
      </c>
      <c r="MVN39" s="927" t="s">
        <v>3816</v>
      </c>
      <c r="MVO39" s="927" t="s">
        <v>3816</v>
      </c>
      <c r="MVP39" s="927" t="s">
        <v>3816</v>
      </c>
      <c r="MVQ39" s="927" t="s">
        <v>3816</v>
      </c>
      <c r="MVR39" s="927" t="s">
        <v>3816</v>
      </c>
      <c r="MVS39" s="927" t="s">
        <v>3816</v>
      </c>
      <c r="MVT39" s="927" t="s">
        <v>3816</v>
      </c>
      <c r="MVU39" s="927" t="s">
        <v>3816</v>
      </c>
      <c r="MVV39" s="927" t="s">
        <v>3816</v>
      </c>
      <c r="MVW39" s="927" t="s">
        <v>3816</v>
      </c>
      <c r="MVX39" s="927" t="s">
        <v>3816</v>
      </c>
      <c r="MVY39" s="927" t="s">
        <v>3816</v>
      </c>
      <c r="MVZ39" s="927" t="s">
        <v>3816</v>
      </c>
      <c r="MWA39" s="927" t="s">
        <v>3816</v>
      </c>
      <c r="MWB39" s="927" t="s">
        <v>3816</v>
      </c>
      <c r="MWC39" s="927" t="s">
        <v>3816</v>
      </c>
      <c r="MWD39" s="927" t="s">
        <v>3816</v>
      </c>
      <c r="MWE39" s="927" t="s">
        <v>3816</v>
      </c>
      <c r="MWF39" s="927" t="s">
        <v>3816</v>
      </c>
      <c r="MWG39" s="927" t="s">
        <v>3816</v>
      </c>
      <c r="MWH39" s="927" t="s">
        <v>3816</v>
      </c>
      <c r="MWI39" s="927" t="s">
        <v>3816</v>
      </c>
      <c r="MWJ39" s="927" t="s">
        <v>3816</v>
      </c>
      <c r="MWK39" s="927" t="s">
        <v>3816</v>
      </c>
      <c r="MWL39" s="927" t="s">
        <v>3816</v>
      </c>
      <c r="MWM39" s="927" t="s">
        <v>3816</v>
      </c>
      <c r="MWN39" s="927" t="s">
        <v>3816</v>
      </c>
      <c r="MWO39" s="927" t="s">
        <v>3816</v>
      </c>
      <c r="MWP39" s="927" t="s">
        <v>3816</v>
      </c>
      <c r="MWQ39" s="927" t="s">
        <v>3816</v>
      </c>
      <c r="MWR39" s="927" t="s">
        <v>3816</v>
      </c>
      <c r="MWS39" s="927" t="s">
        <v>3816</v>
      </c>
      <c r="MWT39" s="927" t="s">
        <v>3816</v>
      </c>
      <c r="MWU39" s="927" t="s">
        <v>3816</v>
      </c>
      <c r="MWV39" s="927" t="s">
        <v>3816</v>
      </c>
      <c r="MWW39" s="927" t="s">
        <v>3816</v>
      </c>
      <c r="MWX39" s="927" t="s">
        <v>3816</v>
      </c>
      <c r="MWY39" s="927" t="s">
        <v>3816</v>
      </c>
      <c r="MWZ39" s="927" t="s">
        <v>3816</v>
      </c>
      <c r="MXA39" s="927" t="s">
        <v>3816</v>
      </c>
      <c r="MXB39" s="927" t="s">
        <v>3816</v>
      </c>
      <c r="MXC39" s="927" t="s">
        <v>3816</v>
      </c>
      <c r="MXD39" s="927" t="s">
        <v>3816</v>
      </c>
      <c r="MXE39" s="927" t="s">
        <v>3816</v>
      </c>
      <c r="MXF39" s="927" t="s">
        <v>3816</v>
      </c>
      <c r="MXG39" s="927" t="s">
        <v>3816</v>
      </c>
      <c r="MXH39" s="927" t="s">
        <v>3816</v>
      </c>
      <c r="MXI39" s="927" t="s">
        <v>3816</v>
      </c>
      <c r="MXJ39" s="927" t="s">
        <v>3816</v>
      </c>
      <c r="MXK39" s="927" t="s">
        <v>3816</v>
      </c>
      <c r="MXL39" s="927" t="s">
        <v>3816</v>
      </c>
      <c r="MXM39" s="927" t="s">
        <v>3816</v>
      </c>
      <c r="MXN39" s="927" t="s">
        <v>3816</v>
      </c>
      <c r="MXO39" s="927" t="s">
        <v>3816</v>
      </c>
      <c r="MXP39" s="927" t="s">
        <v>3816</v>
      </c>
      <c r="MXQ39" s="927" t="s">
        <v>3816</v>
      </c>
      <c r="MXR39" s="927" t="s">
        <v>3816</v>
      </c>
      <c r="MXS39" s="927" t="s">
        <v>3816</v>
      </c>
      <c r="MXT39" s="927" t="s">
        <v>3816</v>
      </c>
      <c r="MXU39" s="927" t="s">
        <v>3816</v>
      </c>
      <c r="MXV39" s="927" t="s">
        <v>3816</v>
      </c>
      <c r="MXW39" s="927" t="s">
        <v>3816</v>
      </c>
      <c r="MXX39" s="927" t="s">
        <v>3816</v>
      </c>
      <c r="MXY39" s="927" t="s">
        <v>3816</v>
      </c>
      <c r="MXZ39" s="927" t="s">
        <v>3816</v>
      </c>
      <c r="MYA39" s="927" t="s">
        <v>3816</v>
      </c>
      <c r="MYB39" s="927" t="s">
        <v>3816</v>
      </c>
      <c r="MYC39" s="927" t="s">
        <v>3816</v>
      </c>
      <c r="MYD39" s="927" t="s">
        <v>3816</v>
      </c>
      <c r="MYE39" s="927" t="s">
        <v>3816</v>
      </c>
      <c r="MYF39" s="927" t="s">
        <v>3816</v>
      </c>
      <c r="MYG39" s="927" t="s">
        <v>3816</v>
      </c>
      <c r="MYH39" s="927" t="s">
        <v>3816</v>
      </c>
      <c r="MYI39" s="927" t="s">
        <v>3816</v>
      </c>
      <c r="MYJ39" s="927" t="s">
        <v>3816</v>
      </c>
      <c r="MYK39" s="927" t="s">
        <v>3816</v>
      </c>
      <c r="MYL39" s="927" t="s">
        <v>3816</v>
      </c>
      <c r="MYM39" s="927" t="s">
        <v>3816</v>
      </c>
      <c r="MYN39" s="927" t="s">
        <v>3816</v>
      </c>
      <c r="MYO39" s="927" t="s">
        <v>3816</v>
      </c>
      <c r="MYP39" s="927" t="s">
        <v>3816</v>
      </c>
      <c r="MYQ39" s="927" t="s">
        <v>3816</v>
      </c>
      <c r="MYR39" s="927" t="s">
        <v>3816</v>
      </c>
      <c r="MYS39" s="927" t="s">
        <v>3816</v>
      </c>
      <c r="MYT39" s="927" t="s">
        <v>3816</v>
      </c>
      <c r="MYU39" s="927" t="s">
        <v>3816</v>
      </c>
      <c r="MYV39" s="927" t="s">
        <v>3816</v>
      </c>
      <c r="MYW39" s="927" t="s">
        <v>3816</v>
      </c>
      <c r="MYX39" s="927" t="s">
        <v>3816</v>
      </c>
      <c r="MYY39" s="927" t="s">
        <v>3816</v>
      </c>
      <c r="MYZ39" s="927" t="s">
        <v>3816</v>
      </c>
      <c r="MZA39" s="927" t="s">
        <v>3816</v>
      </c>
      <c r="MZB39" s="927" t="s">
        <v>3816</v>
      </c>
      <c r="MZC39" s="927" t="s">
        <v>3816</v>
      </c>
      <c r="MZD39" s="927" t="s">
        <v>3816</v>
      </c>
      <c r="MZE39" s="927" t="s">
        <v>3816</v>
      </c>
      <c r="MZF39" s="927" t="s">
        <v>3816</v>
      </c>
      <c r="MZG39" s="927" t="s">
        <v>3816</v>
      </c>
      <c r="MZH39" s="927" t="s">
        <v>3816</v>
      </c>
      <c r="MZI39" s="927" t="s">
        <v>3816</v>
      </c>
      <c r="MZJ39" s="927" t="s">
        <v>3816</v>
      </c>
      <c r="MZK39" s="927" t="s">
        <v>3816</v>
      </c>
      <c r="MZL39" s="927" t="s">
        <v>3816</v>
      </c>
      <c r="MZM39" s="927" t="s">
        <v>3816</v>
      </c>
      <c r="MZN39" s="927" t="s">
        <v>3816</v>
      </c>
      <c r="MZO39" s="927" t="s">
        <v>3816</v>
      </c>
      <c r="MZP39" s="927" t="s">
        <v>3816</v>
      </c>
      <c r="MZQ39" s="927" t="s">
        <v>3816</v>
      </c>
      <c r="MZR39" s="927" t="s">
        <v>3816</v>
      </c>
      <c r="MZS39" s="927" t="s">
        <v>3816</v>
      </c>
      <c r="MZT39" s="927" t="s">
        <v>3816</v>
      </c>
      <c r="MZU39" s="927" t="s">
        <v>3816</v>
      </c>
      <c r="MZV39" s="927" t="s">
        <v>3816</v>
      </c>
      <c r="MZW39" s="927" t="s">
        <v>3816</v>
      </c>
      <c r="MZX39" s="927" t="s">
        <v>3816</v>
      </c>
      <c r="MZY39" s="927" t="s">
        <v>3816</v>
      </c>
      <c r="MZZ39" s="927" t="s">
        <v>3816</v>
      </c>
      <c r="NAA39" s="927" t="s">
        <v>3816</v>
      </c>
      <c r="NAB39" s="927" t="s">
        <v>3816</v>
      </c>
      <c r="NAC39" s="927" t="s">
        <v>3816</v>
      </c>
      <c r="NAD39" s="927" t="s">
        <v>3816</v>
      </c>
      <c r="NAE39" s="927" t="s">
        <v>3816</v>
      </c>
      <c r="NAF39" s="927" t="s">
        <v>3816</v>
      </c>
      <c r="NAG39" s="927" t="s">
        <v>3816</v>
      </c>
      <c r="NAH39" s="927" t="s">
        <v>3816</v>
      </c>
      <c r="NAI39" s="927" t="s">
        <v>3816</v>
      </c>
      <c r="NAJ39" s="927" t="s">
        <v>3816</v>
      </c>
      <c r="NAK39" s="927" t="s">
        <v>3816</v>
      </c>
      <c r="NAL39" s="927" t="s">
        <v>3816</v>
      </c>
      <c r="NAM39" s="927" t="s">
        <v>3816</v>
      </c>
      <c r="NAN39" s="927" t="s">
        <v>3816</v>
      </c>
      <c r="NAO39" s="927" t="s">
        <v>3816</v>
      </c>
      <c r="NAP39" s="927" t="s">
        <v>3816</v>
      </c>
      <c r="NAQ39" s="927" t="s">
        <v>3816</v>
      </c>
      <c r="NAR39" s="927" t="s">
        <v>3816</v>
      </c>
      <c r="NAS39" s="927" t="s">
        <v>3816</v>
      </c>
      <c r="NAT39" s="927" t="s">
        <v>3816</v>
      </c>
      <c r="NAU39" s="927" t="s">
        <v>3816</v>
      </c>
      <c r="NAV39" s="927" t="s">
        <v>3816</v>
      </c>
      <c r="NAW39" s="927" t="s">
        <v>3816</v>
      </c>
      <c r="NAX39" s="927" t="s">
        <v>3816</v>
      </c>
      <c r="NAY39" s="927" t="s">
        <v>3816</v>
      </c>
      <c r="NAZ39" s="927" t="s">
        <v>3816</v>
      </c>
      <c r="NBA39" s="927" t="s">
        <v>3816</v>
      </c>
      <c r="NBB39" s="927" t="s">
        <v>3816</v>
      </c>
      <c r="NBC39" s="927" t="s">
        <v>3816</v>
      </c>
      <c r="NBD39" s="927" t="s">
        <v>3816</v>
      </c>
      <c r="NBE39" s="927" t="s">
        <v>3816</v>
      </c>
      <c r="NBF39" s="927" t="s">
        <v>3816</v>
      </c>
      <c r="NBG39" s="927" t="s">
        <v>3816</v>
      </c>
      <c r="NBH39" s="927" t="s">
        <v>3816</v>
      </c>
      <c r="NBI39" s="927" t="s">
        <v>3816</v>
      </c>
      <c r="NBJ39" s="927" t="s">
        <v>3816</v>
      </c>
      <c r="NBK39" s="927" t="s">
        <v>3816</v>
      </c>
      <c r="NBL39" s="927" t="s">
        <v>3816</v>
      </c>
      <c r="NBM39" s="927" t="s">
        <v>3816</v>
      </c>
      <c r="NBN39" s="927" t="s">
        <v>3816</v>
      </c>
      <c r="NBO39" s="927" t="s">
        <v>3816</v>
      </c>
      <c r="NBP39" s="927" t="s">
        <v>3816</v>
      </c>
      <c r="NBQ39" s="927" t="s">
        <v>3816</v>
      </c>
      <c r="NBR39" s="927" t="s">
        <v>3816</v>
      </c>
      <c r="NBS39" s="927" t="s">
        <v>3816</v>
      </c>
      <c r="NBT39" s="927" t="s">
        <v>3816</v>
      </c>
      <c r="NBU39" s="927" t="s">
        <v>3816</v>
      </c>
      <c r="NBV39" s="927" t="s">
        <v>3816</v>
      </c>
      <c r="NBW39" s="927" t="s">
        <v>3816</v>
      </c>
      <c r="NBX39" s="927" t="s">
        <v>3816</v>
      </c>
      <c r="NBY39" s="927" t="s">
        <v>3816</v>
      </c>
      <c r="NBZ39" s="927" t="s">
        <v>3816</v>
      </c>
      <c r="NCA39" s="927" t="s">
        <v>3816</v>
      </c>
      <c r="NCB39" s="927" t="s">
        <v>3816</v>
      </c>
      <c r="NCC39" s="927" t="s">
        <v>3816</v>
      </c>
      <c r="NCD39" s="927" t="s">
        <v>3816</v>
      </c>
      <c r="NCE39" s="927" t="s">
        <v>3816</v>
      </c>
      <c r="NCF39" s="927" t="s">
        <v>3816</v>
      </c>
      <c r="NCG39" s="927" t="s">
        <v>3816</v>
      </c>
      <c r="NCH39" s="927" t="s">
        <v>3816</v>
      </c>
      <c r="NCI39" s="927" t="s">
        <v>3816</v>
      </c>
      <c r="NCJ39" s="927" t="s">
        <v>3816</v>
      </c>
      <c r="NCK39" s="927" t="s">
        <v>3816</v>
      </c>
      <c r="NCL39" s="927" t="s">
        <v>3816</v>
      </c>
      <c r="NCM39" s="927" t="s">
        <v>3816</v>
      </c>
      <c r="NCN39" s="927" t="s">
        <v>3816</v>
      </c>
      <c r="NCO39" s="927" t="s">
        <v>3816</v>
      </c>
      <c r="NCP39" s="927" t="s">
        <v>3816</v>
      </c>
      <c r="NCQ39" s="927" t="s">
        <v>3816</v>
      </c>
      <c r="NCR39" s="927" t="s">
        <v>3816</v>
      </c>
      <c r="NCS39" s="927" t="s">
        <v>3816</v>
      </c>
      <c r="NCT39" s="927" t="s">
        <v>3816</v>
      </c>
      <c r="NCU39" s="927" t="s">
        <v>3816</v>
      </c>
      <c r="NCV39" s="927" t="s">
        <v>3816</v>
      </c>
      <c r="NCW39" s="927" t="s">
        <v>3816</v>
      </c>
      <c r="NCX39" s="927" t="s">
        <v>3816</v>
      </c>
      <c r="NCY39" s="927" t="s">
        <v>3816</v>
      </c>
      <c r="NCZ39" s="927" t="s">
        <v>3816</v>
      </c>
      <c r="NDA39" s="927" t="s">
        <v>3816</v>
      </c>
      <c r="NDB39" s="927" t="s">
        <v>3816</v>
      </c>
      <c r="NDC39" s="927" t="s">
        <v>3816</v>
      </c>
      <c r="NDD39" s="927" t="s">
        <v>3816</v>
      </c>
      <c r="NDE39" s="927" t="s">
        <v>3816</v>
      </c>
      <c r="NDF39" s="927" t="s">
        <v>3816</v>
      </c>
      <c r="NDG39" s="927" t="s">
        <v>3816</v>
      </c>
      <c r="NDH39" s="927" t="s">
        <v>3816</v>
      </c>
      <c r="NDI39" s="927" t="s">
        <v>3816</v>
      </c>
      <c r="NDJ39" s="927" t="s">
        <v>3816</v>
      </c>
      <c r="NDK39" s="927" t="s">
        <v>3816</v>
      </c>
      <c r="NDL39" s="927" t="s">
        <v>3816</v>
      </c>
      <c r="NDM39" s="927" t="s">
        <v>3816</v>
      </c>
      <c r="NDN39" s="927" t="s">
        <v>3816</v>
      </c>
      <c r="NDO39" s="927" t="s">
        <v>3816</v>
      </c>
      <c r="NDP39" s="927" t="s">
        <v>3816</v>
      </c>
      <c r="NDQ39" s="927" t="s">
        <v>3816</v>
      </c>
      <c r="NDR39" s="927" t="s">
        <v>3816</v>
      </c>
      <c r="NDS39" s="927" t="s">
        <v>3816</v>
      </c>
      <c r="NDT39" s="927" t="s">
        <v>3816</v>
      </c>
      <c r="NDU39" s="927" t="s">
        <v>3816</v>
      </c>
      <c r="NDV39" s="927" t="s">
        <v>3816</v>
      </c>
      <c r="NDW39" s="927" t="s">
        <v>3816</v>
      </c>
      <c r="NDX39" s="927" t="s">
        <v>3816</v>
      </c>
      <c r="NDY39" s="927" t="s">
        <v>3816</v>
      </c>
      <c r="NDZ39" s="927" t="s">
        <v>3816</v>
      </c>
      <c r="NEA39" s="927" t="s">
        <v>3816</v>
      </c>
      <c r="NEB39" s="927" t="s">
        <v>3816</v>
      </c>
      <c r="NEC39" s="927" t="s">
        <v>3816</v>
      </c>
      <c r="NED39" s="927" t="s">
        <v>3816</v>
      </c>
      <c r="NEE39" s="927" t="s">
        <v>3816</v>
      </c>
      <c r="NEF39" s="927" t="s">
        <v>3816</v>
      </c>
      <c r="NEG39" s="927" t="s">
        <v>3816</v>
      </c>
      <c r="NEH39" s="927" t="s">
        <v>3816</v>
      </c>
      <c r="NEI39" s="927" t="s">
        <v>3816</v>
      </c>
      <c r="NEJ39" s="927" t="s">
        <v>3816</v>
      </c>
      <c r="NEK39" s="927" t="s">
        <v>3816</v>
      </c>
      <c r="NEL39" s="927" t="s">
        <v>3816</v>
      </c>
      <c r="NEM39" s="927" t="s">
        <v>3816</v>
      </c>
      <c r="NEN39" s="927" t="s">
        <v>3816</v>
      </c>
      <c r="NEO39" s="927" t="s">
        <v>3816</v>
      </c>
      <c r="NEP39" s="927" t="s">
        <v>3816</v>
      </c>
      <c r="NEQ39" s="927" t="s">
        <v>3816</v>
      </c>
      <c r="NER39" s="927" t="s">
        <v>3816</v>
      </c>
      <c r="NES39" s="927" t="s">
        <v>3816</v>
      </c>
      <c r="NET39" s="927" t="s">
        <v>3816</v>
      </c>
      <c r="NEU39" s="927" t="s">
        <v>3816</v>
      </c>
      <c r="NEV39" s="927" t="s">
        <v>3816</v>
      </c>
      <c r="NEW39" s="927" t="s">
        <v>3816</v>
      </c>
      <c r="NEX39" s="927" t="s">
        <v>3816</v>
      </c>
      <c r="NEY39" s="927" t="s">
        <v>3816</v>
      </c>
      <c r="NEZ39" s="927" t="s">
        <v>3816</v>
      </c>
      <c r="NFA39" s="927" t="s">
        <v>3816</v>
      </c>
      <c r="NFB39" s="927" t="s">
        <v>3816</v>
      </c>
      <c r="NFC39" s="927" t="s">
        <v>3816</v>
      </c>
      <c r="NFD39" s="927" t="s">
        <v>3816</v>
      </c>
      <c r="NFE39" s="927" t="s">
        <v>3816</v>
      </c>
      <c r="NFF39" s="927" t="s">
        <v>3816</v>
      </c>
      <c r="NFG39" s="927" t="s">
        <v>3816</v>
      </c>
      <c r="NFH39" s="927" t="s">
        <v>3816</v>
      </c>
      <c r="NFI39" s="927" t="s">
        <v>3816</v>
      </c>
      <c r="NFJ39" s="927" t="s">
        <v>3816</v>
      </c>
      <c r="NFK39" s="927" t="s">
        <v>3816</v>
      </c>
      <c r="NFL39" s="927" t="s">
        <v>3816</v>
      </c>
      <c r="NFM39" s="927" t="s">
        <v>3816</v>
      </c>
      <c r="NFN39" s="927" t="s">
        <v>3816</v>
      </c>
      <c r="NFO39" s="927" t="s">
        <v>3816</v>
      </c>
      <c r="NFP39" s="927" t="s">
        <v>3816</v>
      </c>
      <c r="NFQ39" s="927" t="s">
        <v>3816</v>
      </c>
      <c r="NFR39" s="927" t="s">
        <v>3816</v>
      </c>
      <c r="NFS39" s="927" t="s">
        <v>3816</v>
      </c>
      <c r="NFT39" s="927" t="s">
        <v>3816</v>
      </c>
      <c r="NFU39" s="927" t="s">
        <v>3816</v>
      </c>
      <c r="NFV39" s="927" t="s">
        <v>3816</v>
      </c>
      <c r="NFW39" s="927" t="s">
        <v>3816</v>
      </c>
      <c r="NFX39" s="927" t="s">
        <v>3816</v>
      </c>
      <c r="NFY39" s="927" t="s">
        <v>3816</v>
      </c>
      <c r="NFZ39" s="927" t="s">
        <v>3816</v>
      </c>
      <c r="NGA39" s="927" t="s">
        <v>3816</v>
      </c>
      <c r="NGB39" s="927" t="s">
        <v>3816</v>
      </c>
      <c r="NGC39" s="927" t="s">
        <v>3816</v>
      </c>
      <c r="NGD39" s="927" t="s">
        <v>3816</v>
      </c>
      <c r="NGE39" s="927" t="s">
        <v>3816</v>
      </c>
      <c r="NGF39" s="927" t="s">
        <v>3816</v>
      </c>
      <c r="NGG39" s="927" t="s">
        <v>3816</v>
      </c>
      <c r="NGH39" s="927" t="s">
        <v>3816</v>
      </c>
      <c r="NGI39" s="927" t="s">
        <v>3816</v>
      </c>
      <c r="NGJ39" s="927" t="s">
        <v>3816</v>
      </c>
      <c r="NGK39" s="927" t="s">
        <v>3816</v>
      </c>
      <c r="NGL39" s="927" t="s">
        <v>3816</v>
      </c>
      <c r="NGM39" s="927" t="s">
        <v>3816</v>
      </c>
      <c r="NGN39" s="927" t="s">
        <v>3816</v>
      </c>
      <c r="NGO39" s="927" t="s">
        <v>3816</v>
      </c>
      <c r="NGP39" s="927" t="s">
        <v>3816</v>
      </c>
      <c r="NGQ39" s="927" t="s">
        <v>3816</v>
      </c>
      <c r="NGR39" s="927" t="s">
        <v>3816</v>
      </c>
      <c r="NGS39" s="927" t="s">
        <v>3816</v>
      </c>
      <c r="NGT39" s="927" t="s">
        <v>3816</v>
      </c>
      <c r="NGU39" s="927" t="s">
        <v>3816</v>
      </c>
      <c r="NGV39" s="927" t="s">
        <v>3816</v>
      </c>
      <c r="NGW39" s="927" t="s">
        <v>3816</v>
      </c>
      <c r="NGX39" s="927" t="s">
        <v>3816</v>
      </c>
      <c r="NGY39" s="927" t="s">
        <v>3816</v>
      </c>
      <c r="NGZ39" s="927" t="s">
        <v>3816</v>
      </c>
      <c r="NHA39" s="927" t="s">
        <v>3816</v>
      </c>
      <c r="NHB39" s="927" t="s">
        <v>3816</v>
      </c>
      <c r="NHC39" s="927" t="s">
        <v>3816</v>
      </c>
      <c r="NHD39" s="927" t="s">
        <v>3816</v>
      </c>
      <c r="NHE39" s="927" t="s">
        <v>3816</v>
      </c>
      <c r="NHF39" s="927" t="s">
        <v>3816</v>
      </c>
      <c r="NHG39" s="927" t="s">
        <v>3816</v>
      </c>
      <c r="NHH39" s="927" t="s">
        <v>3816</v>
      </c>
      <c r="NHI39" s="927" t="s">
        <v>3816</v>
      </c>
      <c r="NHJ39" s="927" t="s">
        <v>3816</v>
      </c>
      <c r="NHK39" s="927" t="s">
        <v>3816</v>
      </c>
      <c r="NHL39" s="927" t="s">
        <v>3816</v>
      </c>
      <c r="NHM39" s="927" t="s">
        <v>3816</v>
      </c>
      <c r="NHN39" s="927" t="s">
        <v>3816</v>
      </c>
      <c r="NHO39" s="927" t="s">
        <v>3816</v>
      </c>
      <c r="NHP39" s="927" t="s">
        <v>3816</v>
      </c>
      <c r="NHQ39" s="927" t="s">
        <v>3816</v>
      </c>
      <c r="NHR39" s="927" t="s">
        <v>3816</v>
      </c>
      <c r="NHS39" s="927" t="s">
        <v>3816</v>
      </c>
      <c r="NHT39" s="927" t="s">
        <v>3816</v>
      </c>
      <c r="NHU39" s="927" t="s">
        <v>3816</v>
      </c>
      <c r="NHV39" s="927" t="s">
        <v>3816</v>
      </c>
      <c r="NHW39" s="927" t="s">
        <v>3816</v>
      </c>
      <c r="NHX39" s="927" t="s">
        <v>3816</v>
      </c>
      <c r="NHY39" s="927" t="s">
        <v>3816</v>
      </c>
      <c r="NHZ39" s="927" t="s">
        <v>3816</v>
      </c>
      <c r="NIA39" s="927" t="s">
        <v>3816</v>
      </c>
      <c r="NIB39" s="927" t="s">
        <v>3816</v>
      </c>
      <c r="NIC39" s="927" t="s">
        <v>3816</v>
      </c>
      <c r="NID39" s="927" t="s">
        <v>3816</v>
      </c>
      <c r="NIE39" s="927" t="s">
        <v>3816</v>
      </c>
      <c r="NIF39" s="927" t="s">
        <v>3816</v>
      </c>
      <c r="NIG39" s="927" t="s">
        <v>3816</v>
      </c>
      <c r="NIH39" s="927" t="s">
        <v>3816</v>
      </c>
      <c r="NII39" s="927" t="s">
        <v>3816</v>
      </c>
      <c r="NIJ39" s="927" t="s">
        <v>3816</v>
      </c>
      <c r="NIK39" s="927" t="s">
        <v>3816</v>
      </c>
      <c r="NIL39" s="927" t="s">
        <v>3816</v>
      </c>
      <c r="NIM39" s="927" t="s">
        <v>3816</v>
      </c>
      <c r="NIN39" s="927" t="s">
        <v>3816</v>
      </c>
      <c r="NIO39" s="927" t="s">
        <v>3816</v>
      </c>
      <c r="NIP39" s="927" t="s">
        <v>3816</v>
      </c>
      <c r="NIQ39" s="927" t="s">
        <v>3816</v>
      </c>
      <c r="NIR39" s="927" t="s">
        <v>3816</v>
      </c>
      <c r="NIS39" s="927" t="s">
        <v>3816</v>
      </c>
      <c r="NIT39" s="927" t="s">
        <v>3816</v>
      </c>
      <c r="NIU39" s="927" t="s">
        <v>3816</v>
      </c>
      <c r="NIV39" s="927" t="s">
        <v>3816</v>
      </c>
      <c r="NIW39" s="927" t="s">
        <v>3816</v>
      </c>
      <c r="NIX39" s="927" t="s">
        <v>3816</v>
      </c>
      <c r="NIY39" s="927" t="s">
        <v>3816</v>
      </c>
      <c r="NIZ39" s="927" t="s">
        <v>3816</v>
      </c>
      <c r="NJA39" s="927" t="s">
        <v>3816</v>
      </c>
      <c r="NJB39" s="927" t="s">
        <v>3816</v>
      </c>
      <c r="NJC39" s="927" t="s">
        <v>3816</v>
      </c>
      <c r="NJD39" s="927" t="s">
        <v>3816</v>
      </c>
      <c r="NJE39" s="927" t="s">
        <v>3816</v>
      </c>
      <c r="NJF39" s="927" t="s">
        <v>3816</v>
      </c>
      <c r="NJG39" s="927" t="s">
        <v>3816</v>
      </c>
      <c r="NJH39" s="927" t="s">
        <v>3816</v>
      </c>
      <c r="NJI39" s="927" t="s">
        <v>3816</v>
      </c>
      <c r="NJJ39" s="927" t="s">
        <v>3816</v>
      </c>
      <c r="NJK39" s="927" t="s">
        <v>3816</v>
      </c>
      <c r="NJL39" s="927" t="s">
        <v>3816</v>
      </c>
      <c r="NJM39" s="927" t="s">
        <v>3816</v>
      </c>
      <c r="NJN39" s="927" t="s">
        <v>3816</v>
      </c>
      <c r="NJO39" s="927" t="s">
        <v>3816</v>
      </c>
      <c r="NJP39" s="927" t="s">
        <v>3816</v>
      </c>
      <c r="NJQ39" s="927" t="s">
        <v>3816</v>
      </c>
      <c r="NJR39" s="927" t="s">
        <v>3816</v>
      </c>
      <c r="NJS39" s="927" t="s">
        <v>3816</v>
      </c>
      <c r="NJT39" s="927" t="s">
        <v>3816</v>
      </c>
      <c r="NJU39" s="927" t="s">
        <v>3816</v>
      </c>
      <c r="NJV39" s="927" t="s">
        <v>3816</v>
      </c>
      <c r="NJW39" s="927" t="s">
        <v>3816</v>
      </c>
      <c r="NJX39" s="927" t="s">
        <v>3816</v>
      </c>
      <c r="NJY39" s="927" t="s">
        <v>3816</v>
      </c>
      <c r="NJZ39" s="927" t="s">
        <v>3816</v>
      </c>
      <c r="NKA39" s="927" t="s">
        <v>3816</v>
      </c>
      <c r="NKB39" s="927" t="s">
        <v>3816</v>
      </c>
      <c r="NKC39" s="927" t="s">
        <v>3816</v>
      </c>
      <c r="NKD39" s="927" t="s">
        <v>3816</v>
      </c>
      <c r="NKE39" s="927" t="s">
        <v>3816</v>
      </c>
      <c r="NKF39" s="927" t="s">
        <v>3816</v>
      </c>
      <c r="NKG39" s="927" t="s">
        <v>3816</v>
      </c>
      <c r="NKH39" s="927" t="s">
        <v>3816</v>
      </c>
      <c r="NKI39" s="927" t="s">
        <v>3816</v>
      </c>
      <c r="NKJ39" s="927" t="s">
        <v>3816</v>
      </c>
      <c r="NKK39" s="927" t="s">
        <v>3816</v>
      </c>
      <c r="NKL39" s="927" t="s">
        <v>3816</v>
      </c>
      <c r="NKM39" s="927" t="s">
        <v>3816</v>
      </c>
      <c r="NKN39" s="927" t="s">
        <v>3816</v>
      </c>
      <c r="NKO39" s="927" t="s">
        <v>3816</v>
      </c>
      <c r="NKP39" s="927" t="s">
        <v>3816</v>
      </c>
      <c r="NKQ39" s="927" t="s">
        <v>3816</v>
      </c>
      <c r="NKR39" s="927" t="s">
        <v>3816</v>
      </c>
      <c r="NKS39" s="927" t="s">
        <v>3816</v>
      </c>
      <c r="NKT39" s="927" t="s">
        <v>3816</v>
      </c>
      <c r="NKU39" s="927" t="s">
        <v>3816</v>
      </c>
      <c r="NKV39" s="927" t="s">
        <v>3816</v>
      </c>
      <c r="NKW39" s="927" t="s">
        <v>3816</v>
      </c>
      <c r="NKX39" s="927" t="s">
        <v>3816</v>
      </c>
      <c r="NKY39" s="927" t="s">
        <v>3816</v>
      </c>
      <c r="NKZ39" s="927" t="s">
        <v>3816</v>
      </c>
      <c r="NLA39" s="927" t="s">
        <v>3816</v>
      </c>
      <c r="NLB39" s="927" t="s">
        <v>3816</v>
      </c>
      <c r="NLC39" s="927" t="s">
        <v>3816</v>
      </c>
      <c r="NLD39" s="927" t="s">
        <v>3816</v>
      </c>
      <c r="NLE39" s="927" t="s">
        <v>3816</v>
      </c>
      <c r="NLF39" s="927" t="s">
        <v>3816</v>
      </c>
      <c r="NLG39" s="927" t="s">
        <v>3816</v>
      </c>
      <c r="NLH39" s="927" t="s">
        <v>3816</v>
      </c>
      <c r="NLI39" s="927" t="s">
        <v>3816</v>
      </c>
      <c r="NLJ39" s="927" t="s">
        <v>3816</v>
      </c>
      <c r="NLK39" s="927" t="s">
        <v>3816</v>
      </c>
      <c r="NLL39" s="927" t="s">
        <v>3816</v>
      </c>
      <c r="NLM39" s="927" t="s">
        <v>3816</v>
      </c>
      <c r="NLN39" s="927" t="s">
        <v>3816</v>
      </c>
      <c r="NLO39" s="927" t="s">
        <v>3816</v>
      </c>
      <c r="NLP39" s="927" t="s">
        <v>3816</v>
      </c>
      <c r="NLQ39" s="927" t="s">
        <v>3816</v>
      </c>
      <c r="NLR39" s="927" t="s">
        <v>3816</v>
      </c>
      <c r="NLS39" s="927" t="s">
        <v>3816</v>
      </c>
      <c r="NLT39" s="927" t="s">
        <v>3816</v>
      </c>
      <c r="NLU39" s="927" t="s">
        <v>3816</v>
      </c>
      <c r="NLV39" s="927" t="s">
        <v>3816</v>
      </c>
      <c r="NLW39" s="927" t="s">
        <v>3816</v>
      </c>
      <c r="NLX39" s="927" t="s">
        <v>3816</v>
      </c>
      <c r="NLY39" s="927" t="s">
        <v>3816</v>
      </c>
      <c r="NLZ39" s="927" t="s">
        <v>3816</v>
      </c>
      <c r="NMA39" s="927" t="s">
        <v>3816</v>
      </c>
      <c r="NMB39" s="927" t="s">
        <v>3816</v>
      </c>
      <c r="NMC39" s="927" t="s">
        <v>3816</v>
      </c>
      <c r="NMD39" s="927" t="s">
        <v>3816</v>
      </c>
      <c r="NME39" s="927" t="s">
        <v>3816</v>
      </c>
      <c r="NMF39" s="927" t="s">
        <v>3816</v>
      </c>
      <c r="NMG39" s="927" t="s">
        <v>3816</v>
      </c>
      <c r="NMH39" s="927" t="s">
        <v>3816</v>
      </c>
      <c r="NMI39" s="927" t="s">
        <v>3816</v>
      </c>
      <c r="NMJ39" s="927" t="s">
        <v>3816</v>
      </c>
      <c r="NMK39" s="927" t="s">
        <v>3816</v>
      </c>
      <c r="NML39" s="927" t="s">
        <v>3816</v>
      </c>
      <c r="NMM39" s="927" t="s">
        <v>3816</v>
      </c>
      <c r="NMN39" s="927" t="s">
        <v>3816</v>
      </c>
      <c r="NMO39" s="927" t="s">
        <v>3816</v>
      </c>
      <c r="NMP39" s="927" t="s">
        <v>3816</v>
      </c>
      <c r="NMQ39" s="927" t="s">
        <v>3816</v>
      </c>
      <c r="NMR39" s="927" t="s">
        <v>3816</v>
      </c>
      <c r="NMS39" s="927" t="s">
        <v>3816</v>
      </c>
      <c r="NMT39" s="927" t="s">
        <v>3816</v>
      </c>
      <c r="NMU39" s="927" t="s">
        <v>3816</v>
      </c>
      <c r="NMV39" s="927" t="s">
        <v>3816</v>
      </c>
      <c r="NMW39" s="927" t="s">
        <v>3816</v>
      </c>
      <c r="NMX39" s="927" t="s">
        <v>3816</v>
      </c>
      <c r="NMY39" s="927" t="s">
        <v>3816</v>
      </c>
      <c r="NMZ39" s="927" t="s">
        <v>3816</v>
      </c>
      <c r="NNA39" s="927" t="s">
        <v>3816</v>
      </c>
      <c r="NNB39" s="927" t="s">
        <v>3816</v>
      </c>
      <c r="NNC39" s="927" t="s">
        <v>3816</v>
      </c>
      <c r="NND39" s="927" t="s">
        <v>3816</v>
      </c>
      <c r="NNE39" s="927" t="s">
        <v>3816</v>
      </c>
      <c r="NNF39" s="927" t="s">
        <v>3816</v>
      </c>
      <c r="NNG39" s="927" t="s">
        <v>3816</v>
      </c>
      <c r="NNH39" s="927" t="s">
        <v>3816</v>
      </c>
      <c r="NNI39" s="927" t="s">
        <v>3816</v>
      </c>
      <c r="NNJ39" s="927" t="s">
        <v>3816</v>
      </c>
      <c r="NNK39" s="927" t="s">
        <v>3816</v>
      </c>
      <c r="NNL39" s="927" t="s">
        <v>3816</v>
      </c>
      <c r="NNM39" s="927" t="s">
        <v>3816</v>
      </c>
      <c r="NNN39" s="927" t="s">
        <v>3816</v>
      </c>
      <c r="NNO39" s="927" t="s">
        <v>3816</v>
      </c>
      <c r="NNP39" s="927" t="s">
        <v>3816</v>
      </c>
      <c r="NNQ39" s="927" t="s">
        <v>3816</v>
      </c>
      <c r="NNR39" s="927" t="s">
        <v>3816</v>
      </c>
      <c r="NNS39" s="927" t="s">
        <v>3816</v>
      </c>
      <c r="NNT39" s="927" t="s">
        <v>3816</v>
      </c>
      <c r="NNU39" s="927" t="s">
        <v>3816</v>
      </c>
      <c r="NNV39" s="927" t="s">
        <v>3816</v>
      </c>
      <c r="NNW39" s="927" t="s">
        <v>3816</v>
      </c>
      <c r="NNX39" s="927" t="s">
        <v>3816</v>
      </c>
      <c r="NNY39" s="927" t="s">
        <v>3816</v>
      </c>
      <c r="NNZ39" s="927" t="s">
        <v>3816</v>
      </c>
      <c r="NOA39" s="927" t="s">
        <v>3816</v>
      </c>
      <c r="NOB39" s="927" t="s">
        <v>3816</v>
      </c>
      <c r="NOC39" s="927" t="s">
        <v>3816</v>
      </c>
      <c r="NOD39" s="927" t="s">
        <v>3816</v>
      </c>
      <c r="NOE39" s="927" t="s">
        <v>3816</v>
      </c>
      <c r="NOF39" s="927" t="s">
        <v>3816</v>
      </c>
      <c r="NOG39" s="927" t="s">
        <v>3816</v>
      </c>
      <c r="NOH39" s="927" t="s">
        <v>3816</v>
      </c>
      <c r="NOI39" s="927" t="s">
        <v>3816</v>
      </c>
      <c r="NOJ39" s="927" t="s">
        <v>3816</v>
      </c>
      <c r="NOK39" s="927" t="s">
        <v>3816</v>
      </c>
      <c r="NOL39" s="927" t="s">
        <v>3816</v>
      </c>
      <c r="NOM39" s="927" t="s">
        <v>3816</v>
      </c>
      <c r="NON39" s="927" t="s">
        <v>3816</v>
      </c>
      <c r="NOO39" s="927" t="s">
        <v>3816</v>
      </c>
      <c r="NOP39" s="927" t="s">
        <v>3816</v>
      </c>
      <c r="NOQ39" s="927" t="s">
        <v>3816</v>
      </c>
      <c r="NOR39" s="927" t="s">
        <v>3816</v>
      </c>
      <c r="NOS39" s="927" t="s">
        <v>3816</v>
      </c>
      <c r="NOT39" s="927" t="s">
        <v>3816</v>
      </c>
      <c r="NOU39" s="927" t="s">
        <v>3816</v>
      </c>
      <c r="NOV39" s="927" t="s">
        <v>3816</v>
      </c>
      <c r="NOW39" s="927" t="s">
        <v>3816</v>
      </c>
      <c r="NOX39" s="927" t="s">
        <v>3816</v>
      </c>
      <c r="NOY39" s="927" t="s">
        <v>3816</v>
      </c>
      <c r="NOZ39" s="927" t="s">
        <v>3816</v>
      </c>
      <c r="NPA39" s="927" t="s">
        <v>3816</v>
      </c>
      <c r="NPB39" s="927" t="s">
        <v>3816</v>
      </c>
      <c r="NPC39" s="927" t="s">
        <v>3816</v>
      </c>
      <c r="NPD39" s="927" t="s">
        <v>3816</v>
      </c>
      <c r="NPE39" s="927" t="s">
        <v>3816</v>
      </c>
      <c r="NPF39" s="927" t="s">
        <v>3816</v>
      </c>
      <c r="NPG39" s="927" t="s">
        <v>3816</v>
      </c>
      <c r="NPH39" s="927" t="s">
        <v>3816</v>
      </c>
      <c r="NPI39" s="927" t="s">
        <v>3816</v>
      </c>
      <c r="NPJ39" s="927" t="s">
        <v>3816</v>
      </c>
      <c r="NPK39" s="927" t="s">
        <v>3816</v>
      </c>
      <c r="NPL39" s="927" t="s">
        <v>3816</v>
      </c>
      <c r="NPM39" s="927" t="s">
        <v>3816</v>
      </c>
      <c r="NPN39" s="927" t="s">
        <v>3816</v>
      </c>
      <c r="NPO39" s="927" t="s">
        <v>3816</v>
      </c>
      <c r="NPP39" s="927" t="s">
        <v>3816</v>
      </c>
      <c r="NPQ39" s="927" t="s">
        <v>3816</v>
      </c>
      <c r="NPR39" s="927" t="s">
        <v>3816</v>
      </c>
      <c r="NPS39" s="927" t="s">
        <v>3816</v>
      </c>
      <c r="NPT39" s="927" t="s">
        <v>3816</v>
      </c>
      <c r="NPU39" s="927" t="s">
        <v>3816</v>
      </c>
      <c r="NPV39" s="927" t="s">
        <v>3816</v>
      </c>
      <c r="NPW39" s="927" t="s">
        <v>3816</v>
      </c>
      <c r="NPX39" s="927" t="s">
        <v>3816</v>
      </c>
      <c r="NPY39" s="927" t="s">
        <v>3816</v>
      </c>
      <c r="NPZ39" s="927" t="s">
        <v>3816</v>
      </c>
      <c r="NQA39" s="927" t="s">
        <v>3816</v>
      </c>
      <c r="NQB39" s="927" t="s">
        <v>3816</v>
      </c>
      <c r="NQC39" s="927" t="s">
        <v>3816</v>
      </c>
      <c r="NQD39" s="927" t="s">
        <v>3816</v>
      </c>
      <c r="NQE39" s="927" t="s">
        <v>3816</v>
      </c>
      <c r="NQF39" s="927" t="s">
        <v>3816</v>
      </c>
      <c r="NQG39" s="927" t="s">
        <v>3816</v>
      </c>
      <c r="NQH39" s="927" t="s">
        <v>3816</v>
      </c>
      <c r="NQI39" s="927" t="s">
        <v>3816</v>
      </c>
      <c r="NQJ39" s="927" t="s">
        <v>3816</v>
      </c>
      <c r="NQK39" s="927" t="s">
        <v>3816</v>
      </c>
      <c r="NQL39" s="927" t="s">
        <v>3816</v>
      </c>
      <c r="NQM39" s="927" t="s">
        <v>3816</v>
      </c>
      <c r="NQN39" s="927" t="s">
        <v>3816</v>
      </c>
      <c r="NQO39" s="927" t="s">
        <v>3816</v>
      </c>
      <c r="NQP39" s="927" t="s">
        <v>3816</v>
      </c>
      <c r="NQQ39" s="927" t="s">
        <v>3816</v>
      </c>
      <c r="NQR39" s="927" t="s">
        <v>3816</v>
      </c>
      <c r="NQS39" s="927" t="s">
        <v>3816</v>
      </c>
      <c r="NQT39" s="927" t="s">
        <v>3816</v>
      </c>
      <c r="NQU39" s="927" t="s">
        <v>3816</v>
      </c>
      <c r="NQV39" s="927" t="s">
        <v>3816</v>
      </c>
      <c r="NQW39" s="927" t="s">
        <v>3816</v>
      </c>
      <c r="NQX39" s="927" t="s">
        <v>3816</v>
      </c>
      <c r="NQY39" s="927" t="s">
        <v>3816</v>
      </c>
      <c r="NQZ39" s="927" t="s">
        <v>3816</v>
      </c>
      <c r="NRA39" s="927" t="s">
        <v>3816</v>
      </c>
      <c r="NRB39" s="927" t="s">
        <v>3816</v>
      </c>
      <c r="NRC39" s="927" t="s">
        <v>3816</v>
      </c>
      <c r="NRD39" s="927" t="s">
        <v>3816</v>
      </c>
      <c r="NRE39" s="927" t="s">
        <v>3816</v>
      </c>
      <c r="NRF39" s="927" t="s">
        <v>3816</v>
      </c>
      <c r="NRG39" s="927" t="s">
        <v>3816</v>
      </c>
      <c r="NRH39" s="927" t="s">
        <v>3816</v>
      </c>
      <c r="NRI39" s="927" t="s">
        <v>3816</v>
      </c>
      <c r="NRJ39" s="927" t="s">
        <v>3816</v>
      </c>
      <c r="NRK39" s="927" t="s">
        <v>3816</v>
      </c>
      <c r="NRL39" s="927" t="s">
        <v>3816</v>
      </c>
      <c r="NRM39" s="927" t="s">
        <v>3816</v>
      </c>
      <c r="NRN39" s="927" t="s">
        <v>3816</v>
      </c>
      <c r="NRO39" s="927" t="s">
        <v>3816</v>
      </c>
      <c r="NRP39" s="927" t="s">
        <v>3816</v>
      </c>
      <c r="NRQ39" s="927" t="s">
        <v>3816</v>
      </c>
      <c r="NRR39" s="927" t="s">
        <v>3816</v>
      </c>
      <c r="NRS39" s="927" t="s">
        <v>3816</v>
      </c>
      <c r="NRT39" s="927" t="s">
        <v>3816</v>
      </c>
      <c r="NRU39" s="927" t="s">
        <v>3816</v>
      </c>
      <c r="NRV39" s="927" t="s">
        <v>3816</v>
      </c>
      <c r="NRW39" s="927" t="s">
        <v>3816</v>
      </c>
      <c r="NRX39" s="927" t="s">
        <v>3816</v>
      </c>
      <c r="NRY39" s="927" t="s">
        <v>3816</v>
      </c>
      <c r="NRZ39" s="927" t="s">
        <v>3816</v>
      </c>
      <c r="NSA39" s="927" t="s">
        <v>3816</v>
      </c>
      <c r="NSB39" s="927" t="s">
        <v>3816</v>
      </c>
      <c r="NSC39" s="927" t="s">
        <v>3816</v>
      </c>
      <c r="NSD39" s="927" t="s">
        <v>3816</v>
      </c>
      <c r="NSE39" s="927" t="s">
        <v>3816</v>
      </c>
      <c r="NSF39" s="927" t="s">
        <v>3816</v>
      </c>
      <c r="NSG39" s="927" t="s">
        <v>3816</v>
      </c>
      <c r="NSH39" s="927" t="s">
        <v>3816</v>
      </c>
      <c r="NSI39" s="927" t="s">
        <v>3816</v>
      </c>
      <c r="NSJ39" s="927" t="s">
        <v>3816</v>
      </c>
      <c r="NSK39" s="927" t="s">
        <v>3816</v>
      </c>
      <c r="NSL39" s="927" t="s">
        <v>3816</v>
      </c>
      <c r="NSM39" s="927" t="s">
        <v>3816</v>
      </c>
      <c r="NSN39" s="927" t="s">
        <v>3816</v>
      </c>
      <c r="NSO39" s="927" t="s">
        <v>3816</v>
      </c>
      <c r="NSP39" s="927" t="s">
        <v>3816</v>
      </c>
      <c r="NSQ39" s="927" t="s">
        <v>3816</v>
      </c>
      <c r="NSR39" s="927" t="s">
        <v>3816</v>
      </c>
      <c r="NSS39" s="927" t="s">
        <v>3816</v>
      </c>
      <c r="NST39" s="927" t="s">
        <v>3816</v>
      </c>
      <c r="NSU39" s="927" t="s">
        <v>3816</v>
      </c>
      <c r="NSV39" s="927" t="s">
        <v>3816</v>
      </c>
      <c r="NSW39" s="927" t="s">
        <v>3816</v>
      </c>
      <c r="NSX39" s="927" t="s">
        <v>3816</v>
      </c>
      <c r="NSY39" s="927" t="s">
        <v>3816</v>
      </c>
      <c r="NSZ39" s="927" t="s">
        <v>3816</v>
      </c>
      <c r="NTA39" s="927" t="s">
        <v>3816</v>
      </c>
      <c r="NTB39" s="927" t="s">
        <v>3816</v>
      </c>
      <c r="NTC39" s="927" t="s">
        <v>3816</v>
      </c>
      <c r="NTD39" s="927" t="s">
        <v>3816</v>
      </c>
      <c r="NTE39" s="927" t="s">
        <v>3816</v>
      </c>
      <c r="NTF39" s="927" t="s">
        <v>3816</v>
      </c>
      <c r="NTG39" s="927" t="s">
        <v>3816</v>
      </c>
      <c r="NTH39" s="927" t="s">
        <v>3816</v>
      </c>
      <c r="NTI39" s="927" t="s">
        <v>3816</v>
      </c>
      <c r="NTJ39" s="927" t="s">
        <v>3816</v>
      </c>
      <c r="NTK39" s="927" t="s">
        <v>3816</v>
      </c>
      <c r="NTL39" s="927" t="s">
        <v>3816</v>
      </c>
      <c r="NTM39" s="927" t="s">
        <v>3816</v>
      </c>
      <c r="NTN39" s="927" t="s">
        <v>3816</v>
      </c>
      <c r="NTO39" s="927" t="s">
        <v>3816</v>
      </c>
      <c r="NTP39" s="927" t="s">
        <v>3816</v>
      </c>
      <c r="NTQ39" s="927" t="s">
        <v>3816</v>
      </c>
      <c r="NTR39" s="927" t="s">
        <v>3816</v>
      </c>
      <c r="NTS39" s="927" t="s">
        <v>3816</v>
      </c>
      <c r="NTT39" s="927" t="s">
        <v>3816</v>
      </c>
      <c r="NTU39" s="927" t="s">
        <v>3816</v>
      </c>
      <c r="NTV39" s="927" t="s">
        <v>3816</v>
      </c>
      <c r="NTW39" s="927" t="s">
        <v>3816</v>
      </c>
      <c r="NTX39" s="927" t="s">
        <v>3816</v>
      </c>
      <c r="NTY39" s="927" t="s">
        <v>3816</v>
      </c>
      <c r="NTZ39" s="927" t="s">
        <v>3816</v>
      </c>
      <c r="NUA39" s="927" t="s">
        <v>3816</v>
      </c>
      <c r="NUB39" s="927" t="s">
        <v>3816</v>
      </c>
      <c r="NUC39" s="927" t="s">
        <v>3816</v>
      </c>
      <c r="NUD39" s="927" t="s">
        <v>3816</v>
      </c>
      <c r="NUE39" s="927" t="s">
        <v>3816</v>
      </c>
      <c r="NUF39" s="927" t="s">
        <v>3816</v>
      </c>
      <c r="NUG39" s="927" t="s">
        <v>3816</v>
      </c>
      <c r="NUH39" s="927" t="s">
        <v>3816</v>
      </c>
      <c r="NUI39" s="927" t="s">
        <v>3816</v>
      </c>
      <c r="NUJ39" s="927" t="s">
        <v>3816</v>
      </c>
      <c r="NUK39" s="927" t="s">
        <v>3816</v>
      </c>
      <c r="NUL39" s="927" t="s">
        <v>3816</v>
      </c>
      <c r="NUM39" s="927" t="s">
        <v>3816</v>
      </c>
      <c r="NUN39" s="927" t="s">
        <v>3816</v>
      </c>
      <c r="NUO39" s="927" t="s">
        <v>3816</v>
      </c>
      <c r="NUP39" s="927" t="s">
        <v>3816</v>
      </c>
      <c r="NUQ39" s="927" t="s">
        <v>3816</v>
      </c>
      <c r="NUR39" s="927" t="s">
        <v>3816</v>
      </c>
      <c r="NUS39" s="927" t="s">
        <v>3816</v>
      </c>
      <c r="NUT39" s="927" t="s">
        <v>3816</v>
      </c>
      <c r="NUU39" s="927" t="s">
        <v>3816</v>
      </c>
      <c r="NUV39" s="927" t="s">
        <v>3816</v>
      </c>
      <c r="NUW39" s="927" t="s">
        <v>3816</v>
      </c>
      <c r="NUX39" s="927" t="s">
        <v>3816</v>
      </c>
      <c r="NUY39" s="927" t="s">
        <v>3816</v>
      </c>
      <c r="NUZ39" s="927" t="s">
        <v>3816</v>
      </c>
      <c r="NVA39" s="927" t="s">
        <v>3816</v>
      </c>
      <c r="NVB39" s="927" t="s">
        <v>3816</v>
      </c>
      <c r="NVC39" s="927" t="s">
        <v>3816</v>
      </c>
      <c r="NVD39" s="927" t="s">
        <v>3816</v>
      </c>
      <c r="NVE39" s="927" t="s">
        <v>3816</v>
      </c>
      <c r="NVF39" s="927" t="s">
        <v>3816</v>
      </c>
      <c r="NVG39" s="927" t="s">
        <v>3816</v>
      </c>
      <c r="NVH39" s="927" t="s">
        <v>3816</v>
      </c>
      <c r="NVI39" s="927" t="s">
        <v>3816</v>
      </c>
      <c r="NVJ39" s="927" t="s">
        <v>3816</v>
      </c>
      <c r="NVK39" s="927" t="s">
        <v>3816</v>
      </c>
      <c r="NVL39" s="927" t="s">
        <v>3816</v>
      </c>
      <c r="NVM39" s="927" t="s">
        <v>3816</v>
      </c>
      <c r="NVN39" s="927" t="s">
        <v>3816</v>
      </c>
      <c r="NVO39" s="927" t="s">
        <v>3816</v>
      </c>
      <c r="NVP39" s="927" t="s">
        <v>3816</v>
      </c>
      <c r="NVQ39" s="927" t="s">
        <v>3816</v>
      </c>
      <c r="NVR39" s="927" t="s">
        <v>3816</v>
      </c>
      <c r="NVS39" s="927" t="s">
        <v>3816</v>
      </c>
      <c r="NVT39" s="927" t="s">
        <v>3816</v>
      </c>
      <c r="NVU39" s="927" t="s">
        <v>3816</v>
      </c>
      <c r="NVV39" s="927" t="s">
        <v>3816</v>
      </c>
      <c r="NVW39" s="927" t="s">
        <v>3816</v>
      </c>
      <c r="NVX39" s="927" t="s">
        <v>3816</v>
      </c>
      <c r="NVY39" s="927" t="s">
        <v>3816</v>
      </c>
      <c r="NVZ39" s="927" t="s">
        <v>3816</v>
      </c>
      <c r="NWA39" s="927" t="s">
        <v>3816</v>
      </c>
      <c r="NWB39" s="927" t="s">
        <v>3816</v>
      </c>
      <c r="NWC39" s="927" t="s">
        <v>3816</v>
      </c>
      <c r="NWD39" s="927" t="s">
        <v>3816</v>
      </c>
      <c r="NWE39" s="927" t="s">
        <v>3816</v>
      </c>
      <c r="NWF39" s="927" t="s">
        <v>3816</v>
      </c>
      <c r="NWG39" s="927" t="s">
        <v>3816</v>
      </c>
      <c r="NWH39" s="927" t="s">
        <v>3816</v>
      </c>
      <c r="NWI39" s="927" t="s">
        <v>3816</v>
      </c>
      <c r="NWJ39" s="927" t="s">
        <v>3816</v>
      </c>
      <c r="NWK39" s="927" t="s">
        <v>3816</v>
      </c>
      <c r="NWL39" s="927" t="s">
        <v>3816</v>
      </c>
      <c r="NWM39" s="927" t="s">
        <v>3816</v>
      </c>
      <c r="NWN39" s="927" t="s">
        <v>3816</v>
      </c>
      <c r="NWO39" s="927" t="s">
        <v>3816</v>
      </c>
      <c r="NWP39" s="927" t="s">
        <v>3816</v>
      </c>
      <c r="NWQ39" s="927" t="s">
        <v>3816</v>
      </c>
      <c r="NWR39" s="927" t="s">
        <v>3816</v>
      </c>
      <c r="NWS39" s="927" t="s">
        <v>3816</v>
      </c>
      <c r="NWT39" s="927" t="s">
        <v>3816</v>
      </c>
      <c r="NWU39" s="927" t="s">
        <v>3816</v>
      </c>
      <c r="NWV39" s="927" t="s">
        <v>3816</v>
      </c>
      <c r="NWW39" s="927" t="s">
        <v>3816</v>
      </c>
      <c r="NWX39" s="927" t="s">
        <v>3816</v>
      </c>
      <c r="NWY39" s="927" t="s">
        <v>3816</v>
      </c>
      <c r="NWZ39" s="927" t="s">
        <v>3816</v>
      </c>
      <c r="NXA39" s="927" t="s">
        <v>3816</v>
      </c>
      <c r="NXB39" s="927" t="s">
        <v>3816</v>
      </c>
      <c r="NXC39" s="927" t="s">
        <v>3816</v>
      </c>
      <c r="NXD39" s="927" t="s">
        <v>3816</v>
      </c>
      <c r="NXE39" s="927" t="s">
        <v>3816</v>
      </c>
      <c r="NXF39" s="927" t="s">
        <v>3816</v>
      </c>
      <c r="NXG39" s="927" t="s">
        <v>3816</v>
      </c>
      <c r="NXH39" s="927" t="s">
        <v>3816</v>
      </c>
      <c r="NXI39" s="927" t="s">
        <v>3816</v>
      </c>
      <c r="NXJ39" s="927" t="s">
        <v>3816</v>
      </c>
      <c r="NXK39" s="927" t="s">
        <v>3816</v>
      </c>
      <c r="NXL39" s="927" t="s">
        <v>3816</v>
      </c>
      <c r="NXM39" s="927" t="s">
        <v>3816</v>
      </c>
      <c r="NXN39" s="927" t="s">
        <v>3816</v>
      </c>
      <c r="NXO39" s="927" t="s">
        <v>3816</v>
      </c>
      <c r="NXP39" s="927" t="s">
        <v>3816</v>
      </c>
      <c r="NXQ39" s="927" t="s">
        <v>3816</v>
      </c>
      <c r="NXR39" s="927" t="s">
        <v>3816</v>
      </c>
      <c r="NXS39" s="927" t="s">
        <v>3816</v>
      </c>
      <c r="NXT39" s="927" t="s">
        <v>3816</v>
      </c>
      <c r="NXU39" s="927" t="s">
        <v>3816</v>
      </c>
      <c r="NXV39" s="927" t="s">
        <v>3816</v>
      </c>
      <c r="NXW39" s="927" t="s">
        <v>3816</v>
      </c>
      <c r="NXX39" s="927" t="s">
        <v>3816</v>
      </c>
      <c r="NXY39" s="927" t="s">
        <v>3816</v>
      </c>
      <c r="NXZ39" s="927" t="s">
        <v>3816</v>
      </c>
      <c r="NYA39" s="927" t="s">
        <v>3816</v>
      </c>
      <c r="NYB39" s="927" t="s">
        <v>3816</v>
      </c>
      <c r="NYC39" s="927" t="s">
        <v>3816</v>
      </c>
      <c r="NYD39" s="927" t="s">
        <v>3816</v>
      </c>
      <c r="NYE39" s="927" t="s">
        <v>3816</v>
      </c>
      <c r="NYF39" s="927" t="s">
        <v>3816</v>
      </c>
      <c r="NYG39" s="927" t="s">
        <v>3816</v>
      </c>
      <c r="NYH39" s="927" t="s">
        <v>3816</v>
      </c>
      <c r="NYI39" s="927" t="s">
        <v>3816</v>
      </c>
      <c r="NYJ39" s="927" t="s">
        <v>3816</v>
      </c>
      <c r="NYK39" s="927" t="s">
        <v>3816</v>
      </c>
      <c r="NYL39" s="927" t="s">
        <v>3816</v>
      </c>
      <c r="NYM39" s="927" t="s">
        <v>3816</v>
      </c>
      <c r="NYN39" s="927" t="s">
        <v>3816</v>
      </c>
      <c r="NYO39" s="927" t="s">
        <v>3816</v>
      </c>
      <c r="NYP39" s="927" t="s">
        <v>3816</v>
      </c>
      <c r="NYQ39" s="927" t="s">
        <v>3816</v>
      </c>
      <c r="NYR39" s="927" t="s">
        <v>3816</v>
      </c>
      <c r="NYS39" s="927" t="s">
        <v>3816</v>
      </c>
      <c r="NYT39" s="927" t="s">
        <v>3816</v>
      </c>
      <c r="NYU39" s="927" t="s">
        <v>3816</v>
      </c>
      <c r="NYV39" s="927" t="s">
        <v>3816</v>
      </c>
      <c r="NYW39" s="927" t="s">
        <v>3816</v>
      </c>
      <c r="NYX39" s="927" t="s">
        <v>3816</v>
      </c>
      <c r="NYY39" s="927" t="s">
        <v>3816</v>
      </c>
      <c r="NYZ39" s="927" t="s">
        <v>3816</v>
      </c>
      <c r="NZA39" s="927" t="s">
        <v>3816</v>
      </c>
      <c r="NZB39" s="927" t="s">
        <v>3816</v>
      </c>
      <c r="NZC39" s="927" t="s">
        <v>3816</v>
      </c>
      <c r="NZD39" s="927" t="s">
        <v>3816</v>
      </c>
      <c r="NZE39" s="927" t="s">
        <v>3816</v>
      </c>
      <c r="NZF39" s="927" t="s">
        <v>3816</v>
      </c>
      <c r="NZG39" s="927" t="s">
        <v>3816</v>
      </c>
      <c r="NZH39" s="927" t="s">
        <v>3816</v>
      </c>
      <c r="NZI39" s="927" t="s">
        <v>3816</v>
      </c>
      <c r="NZJ39" s="927" t="s">
        <v>3816</v>
      </c>
      <c r="NZK39" s="927" t="s">
        <v>3816</v>
      </c>
      <c r="NZL39" s="927" t="s">
        <v>3816</v>
      </c>
      <c r="NZM39" s="927" t="s">
        <v>3816</v>
      </c>
      <c r="NZN39" s="927" t="s">
        <v>3816</v>
      </c>
      <c r="NZO39" s="927" t="s">
        <v>3816</v>
      </c>
      <c r="NZP39" s="927" t="s">
        <v>3816</v>
      </c>
      <c r="NZQ39" s="927" t="s">
        <v>3816</v>
      </c>
      <c r="NZR39" s="927" t="s">
        <v>3816</v>
      </c>
      <c r="NZS39" s="927" t="s">
        <v>3816</v>
      </c>
      <c r="NZT39" s="927" t="s">
        <v>3816</v>
      </c>
      <c r="NZU39" s="927" t="s">
        <v>3816</v>
      </c>
      <c r="NZV39" s="927" t="s">
        <v>3816</v>
      </c>
      <c r="NZW39" s="927" t="s">
        <v>3816</v>
      </c>
      <c r="NZX39" s="927" t="s">
        <v>3816</v>
      </c>
      <c r="NZY39" s="927" t="s">
        <v>3816</v>
      </c>
      <c r="NZZ39" s="927" t="s">
        <v>3816</v>
      </c>
      <c r="OAA39" s="927" t="s">
        <v>3816</v>
      </c>
      <c r="OAB39" s="927" t="s">
        <v>3816</v>
      </c>
      <c r="OAC39" s="927" t="s">
        <v>3816</v>
      </c>
      <c r="OAD39" s="927" t="s">
        <v>3816</v>
      </c>
      <c r="OAE39" s="927" t="s">
        <v>3816</v>
      </c>
      <c r="OAF39" s="927" t="s">
        <v>3816</v>
      </c>
      <c r="OAG39" s="927" t="s">
        <v>3816</v>
      </c>
      <c r="OAH39" s="927" t="s">
        <v>3816</v>
      </c>
      <c r="OAI39" s="927" t="s">
        <v>3816</v>
      </c>
      <c r="OAJ39" s="927" t="s">
        <v>3816</v>
      </c>
      <c r="OAK39" s="927" t="s">
        <v>3816</v>
      </c>
      <c r="OAL39" s="927" t="s">
        <v>3816</v>
      </c>
      <c r="OAM39" s="927" t="s">
        <v>3816</v>
      </c>
      <c r="OAN39" s="927" t="s">
        <v>3816</v>
      </c>
      <c r="OAO39" s="927" t="s">
        <v>3816</v>
      </c>
      <c r="OAP39" s="927" t="s">
        <v>3816</v>
      </c>
      <c r="OAQ39" s="927" t="s">
        <v>3816</v>
      </c>
      <c r="OAR39" s="927" t="s">
        <v>3816</v>
      </c>
      <c r="OAS39" s="927" t="s">
        <v>3816</v>
      </c>
      <c r="OAT39" s="927" t="s">
        <v>3816</v>
      </c>
      <c r="OAU39" s="927" t="s">
        <v>3816</v>
      </c>
      <c r="OAV39" s="927" t="s">
        <v>3816</v>
      </c>
      <c r="OAW39" s="927" t="s">
        <v>3816</v>
      </c>
      <c r="OAX39" s="927" t="s">
        <v>3816</v>
      </c>
      <c r="OAY39" s="927" t="s">
        <v>3816</v>
      </c>
      <c r="OAZ39" s="927" t="s">
        <v>3816</v>
      </c>
      <c r="OBA39" s="927" t="s">
        <v>3816</v>
      </c>
      <c r="OBB39" s="927" t="s">
        <v>3816</v>
      </c>
      <c r="OBC39" s="927" t="s">
        <v>3816</v>
      </c>
      <c r="OBD39" s="927" t="s">
        <v>3816</v>
      </c>
      <c r="OBE39" s="927" t="s">
        <v>3816</v>
      </c>
      <c r="OBF39" s="927" t="s">
        <v>3816</v>
      </c>
      <c r="OBG39" s="927" t="s">
        <v>3816</v>
      </c>
      <c r="OBH39" s="927" t="s">
        <v>3816</v>
      </c>
      <c r="OBI39" s="927" t="s">
        <v>3816</v>
      </c>
      <c r="OBJ39" s="927" t="s">
        <v>3816</v>
      </c>
      <c r="OBK39" s="927" t="s">
        <v>3816</v>
      </c>
      <c r="OBL39" s="927" t="s">
        <v>3816</v>
      </c>
      <c r="OBM39" s="927" t="s">
        <v>3816</v>
      </c>
      <c r="OBN39" s="927" t="s">
        <v>3816</v>
      </c>
      <c r="OBO39" s="927" t="s">
        <v>3816</v>
      </c>
      <c r="OBP39" s="927" t="s">
        <v>3816</v>
      </c>
      <c r="OBQ39" s="927" t="s">
        <v>3816</v>
      </c>
      <c r="OBR39" s="927" t="s">
        <v>3816</v>
      </c>
      <c r="OBS39" s="927" t="s">
        <v>3816</v>
      </c>
      <c r="OBT39" s="927" t="s">
        <v>3816</v>
      </c>
      <c r="OBU39" s="927" t="s">
        <v>3816</v>
      </c>
      <c r="OBV39" s="927" t="s">
        <v>3816</v>
      </c>
      <c r="OBW39" s="927" t="s">
        <v>3816</v>
      </c>
      <c r="OBX39" s="927" t="s">
        <v>3816</v>
      </c>
      <c r="OBY39" s="927" t="s">
        <v>3816</v>
      </c>
      <c r="OBZ39" s="927" t="s">
        <v>3816</v>
      </c>
      <c r="OCA39" s="927" t="s">
        <v>3816</v>
      </c>
      <c r="OCB39" s="927" t="s">
        <v>3816</v>
      </c>
      <c r="OCC39" s="927" t="s">
        <v>3816</v>
      </c>
      <c r="OCD39" s="927" t="s">
        <v>3816</v>
      </c>
      <c r="OCE39" s="927" t="s">
        <v>3816</v>
      </c>
      <c r="OCF39" s="927" t="s">
        <v>3816</v>
      </c>
      <c r="OCG39" s="927" t="s">
        <v>3816</v>
      </c>
      <c r="OCH39" s="927" t="s">
        <v>3816</v>
      </c>
      <c r="OCI39" s="927" t="s">
        <v>3816</v>
      </c>
      <c r="OCJ39" s="927" t="s">
        <v>3816</v>
      </c>
      <c r="OCK39" s="927" t="s">
        <v>3816</v>
      </c>
      <c r="OCL39" s="927" t="s">
        <v>3816</v>
      </c>
      <c r="OCM39" s="927" t="s">
        <v>3816</v>
      </c>
      <c r="OCN39" s="927" t="s">
        <v>3816</v>
      </c>
      <c r="OCO39" s="927" t="s">
        <v>3816</v>
      </c>
      <c r="OCP39" s="927" t="s">
        <v>3816</v>
      </c>
      <c r="OCQ39" s="927" t="s">
        <v>3816</v>
      </c>
      <c r="OCR39" s="927" t="s">
        <v>3816</v>
      </c>
      <c r="OCS39" s="927" t="s">
        <v>3816</v>
      </c>
      <c r="OCT39" s="927" t="s">
        <v>3816</v>
      </c>
      <c r="OCU39" s="927" t="s">
        <v>3816</v>
      </c>
      <c r="OCV39" s="927" t="s">
        <v>3816</v>
      </c>
      <c r="OCW39" s="927" t="s">
        <v>3816</v>
      </c>
      <c r="OCX39" s="927" t="s">
        <v>3816</v>
      </c>
      <c r="OCY39" s="927" t="s">
        <v>3816</v>
      </c>
      <c r="OCZ39" s="927" t="s">
        <v>3816</v>
      </c>
      <c r="ODA39" s="927" t="s">
        <v>3816</v>
      </c>
      <c r="ODB39" s="927" t="s">
        <v>3816</v>
      </c>
      <c r="ODC39" s="927" t="s">
        <v>3816</v>
      </c>
      <c r="ODD39" s="927" t="s">
        <v>3816</v>
      </c>
      <c r="ODE39" s="927" t="s">
        <v>3816</v>
      </c>
      <c r="ODF39" s="927" t="s">
        <v>3816</v>
      </c>
      <c r="ODG39" s="927" t="s">
        <v>3816</v>
      </c>
      <c r="ODH39" s="927" t="s">
        <v>3816</v>
      </c>
      <c r="ODI39" s="927" t="s">
        <v>3816</v>
      </c>
      <c r="ODJ39" s="927" t="s">
        <v>3816</v>
      </c>
      <c r="ODK39" s="927" t="s">
        <v>3816</v>
      </c>
      <c r="ODL39" s="927" t="s">
        <v>3816</v>
      </c>
      <c r="ODM39" s="927" t="s">
        <v>3816</v>
      </c>
      <c r="ODN39" s="927" t="s">
        <v>3816</v>
      </c>
      <c r="ODO39" s="927" t="s">
        <v>3816</v>
      </c>
      <c r="ODP39" s="927" t="s">
        <v>3816</v>
      </c>
      <c r="ODQ39" s="927" t="s">
        <v>3816</v>
      </c>
      <c r="ODR39" s="927" t="s">
        <v>3816</v>
      </c>
      <c r="ODS39" s="927" t="s">
        <v>3816</v>
      </c>
      <c r="ODT39" s="927" t="s">
        <v>3816</v>
      </c>
      <c r="ODU39" s="927" t="s">
        <v>3816</v>
      </c>
      <c r="ODV39" s="927" t="s">
        <v>3816</v>
      </c>
      <c r="ODW39" s="927" t="s">
        <v>3816</v>
      </c>
      <c r="ODX39" s="927" t="s">
        <v>3816</v>
      </c>
      <c r="ODY39" s="927" t="s">
        <v>3816</v>
      </c>
      <c r="ODZ39" s="927" t="s">
        <v>3816</v>
      </c>
      <c r="OEA39" s="927" t="s">
        <v>3816</v>
      </c>
      <c r="OEB39" s="927" t="s">
        <v>3816</v>
      </c>
      <c r="OEC39" s="927" t="s">
        <v>3816</v>
      </c>
      <c r="OED39" s="927" t="s">
        <v>3816</v>
      </c>
      <c r="OEE39" s="927" t="s">
        <v>3816</v>
      </c>
      <c r="OEF39" s="927" t="s">
        <v>3816</v>
      </c>
      <c r="OEG39" s="927" t="s">
        <v>3816</v>
      </c>
      <c r="OEH39" s="927" t="s">
        <v>3816</v>
      </c>
      <c r="OEI39" s="927" t="s">
        <v>3816</v>
      </c>
      <c r="OEJ39" s="927" t="s">
        <v>3816</v>
      </c>
      <c r="OEK39" s="927" t="s">
        <v>3816</v>
      </c>
      <c r="OEL39" s="927" t="s">
        <v>3816</v>
      </c>
      <c r="OEM39" s="927" t="s">
        <v>3816</v>
      </c>
      <c r="OEN39" s="927" t="s">
        <v>3816</v>
      </c>
      <c r="OEO39" s="927" t="s">
        <v>3816</v>
      </c>
      <c r="OEP39" s="927" t="s">
        <v>3816</v>
      </c>
      <c r="OEQ39" s="927" t="s">
        <v>3816</v>
      </c>
      <c r="OER39" s="927" t="s">
        <v>3816</v>
      </c>
      <c r="OES39" s="927" t="s">
        <v>3816</v>
      </c>
      <c r="OET39" s="927" t="s">
        <v>3816</v>
      </c>
      <c r="OEU39" s="927" t="s">
        <v>3816</v>
      </c>
      <c r="OEV39" s="927" t="s">
        <v>3816</v>
      </c>
      <c r="OEW39" s="927" t="s">
        <v>3816</v>
      </c>
      <c r="OEX39" s="927" t="s">
        <v>3816</v>
      </c>
      <c r="OEY39" s="927" t="s">
        <v>3816</v>
      </c>
      <c r="OEZ39" s="927" t="s">
        <v>3816</v>
      </c>
      <c r="OFA39" s="927" t="s">
        <v>3816</v>
      </c>
      <c r="OFB39" s="927" t="s">
        <v>3816</v>
      </c>
      <c r="OFC39" s="927" t="s">
        <v>3816</v>
      </c>
      <c r="OFD39" s="927" t="s">
        <v>3816</v>
      </c>
      <c r="OFE39" s="927" t="s">
        <v>3816</v>
      </c>
      <c r="OFF39" s="927" t="s">
        <v>3816</v>
      </c>
      <c r="OFG39" s="927" t="s">
        <v>3816</v>
      </c>
      <c r="OFH39" s="927" t="s">
        <v>3816</v>
      </c>
      <c r="OFI39" s="927" t="s">
        <v>3816</v>
      </c>
      <c r="OFJ39" s="927" t="s">
        <v>3816</v>
      </c>
      <c r="OFK39" s="927" t="s">
        <v>3816</v>
      </c>
      <c r="OFL39" s="927" t="s">
        <v>3816</v>
      </c>
      <c r="OFM39" s="927" t="s">
        <v>3816</v>
      </c>
      <c r="OFN39" s="927" t="s">
        <v>3816</v>
      </c>
      <c r="OFO39" s="927" t="s">
        <v>3816</v>
      </c>
      <c r="OFP39" s="927" t="s">
        <v>3816</v>
      </c>
      <c r="OFQ39" s="927" t="s">
        <v>3816</v>
      </c>
      <c r="OFR39" s="927" t="s">
        <v>3816</v>
      </c>
      <c r="OFS39" s="927" t="s">
        <v>3816</v>
      </c>
      <c r="OFT39" s="927" t="s">
        <v>3816</v>
      </c>
      <c r="OFU39" s="927" t="s">
        <v>3816</v>
      </c>
      <c r="OFV39" s="927" t="s">
        <v>3816</v>
      </c>
      <c r="OFW39" s="927" t="s">
        <v>3816</v>
      </c>
      <c r="OFX39" s="927" t="s">
        <v>3816</v>
      </c>
      <c r="OFY39" s="927" t="s">
        <v>3816</v>
      </c>
      <c r="OFZ39" s="927" t="s">
        <v>3816</v>
      </c>
      <c r="OGA39" s="927" t="s">
        <v>3816</v>
      </c>
      <c r="OGB39" s="927" t="s">
        <v>3816</v>
      </c>
      <c r="OGC39" s="927" t="s">
        <v>3816</v>
      </c>
      <c r="OGD39" s="927" t="s">
        <v>3816</v>
      </c>
      <c r="OGE39" s="927" t="s">
        <v>3816</v>
      </c>
      <c r="OGF39" s="927" t="s">
        <v>3816</v>
      </c>
      <c r="OGG39" s="927" t="s">
        <v>3816</v>
      </c>
      <c r="OGH39" s="927" t="s">
        <v>3816</v>
      </c>
      <c r="OGI39" s="927" t="s">
        <v>3816</v>
      </c>
      <c r="OGJ39" s="927" t="s">
        <v>3816</v>
      </c>
      <c r="OGK39" s="927" t="s">
        <v>3816</v>
      </c>
      <c r="OGL39" s="927" t="s">
        <v>3816</v>
      </c>
      <c r="OGM39" s="927" t="s">
        <v>3816</v>
      </c>
      <c r="OGN39" s="927" t="s">
        <v>3816</v>
      </c>
      <c r="OGO39" s="927" t="s">
        <v>3816</v>
      </c>
      <c r="OGP39" s="927" t="s">
        <v>3816</v>
      </c>
      <c r="OGQ39" s="927" t="s">
        <v>3816</v>
      </c>
      <c r="OGR39" s="927" t="s">
        <v>3816</v>
      </c>
      <c r="OGS39" s="927" t="s">
        <v>3816</v>
      </c>
      <c r="OGT39" s="927" t="s">
        <v>3816</v>
      </c>
      <c r="OGU39" s="927" t="s">
        <v>3816</v>
      </c>
      <c r="OGV39" s="927" t="s">
        <v>3816</v>
      </c>
      <c r="OGW39" s="927" t="s">
        <v>3816</v>
      </c>
      <c r="OGX39" s="927" t="s">
        <v>3816</v>
      </c>
      <c r="OGY39" s="927" t="s">
        <v>3816</v>
      </c>
      <c r="OGZ39" s="927" t="s">
        <v>3816</v>
      </c>
      <c r="OHA39" s="927" t="s">
        <v>3816</v>
      </c>
      <c r="OHB39" s="927" t="s">
        <v>3816</v>
      </c>
      <c r="OHC39" s="927" t="s">
        <v>3816</v>
      </c>
      <c r="OHD39" s="927" t="s">
        <v>3816</v>
      </c>
      <c r="OHE39" s="927" t="s">
        <v>3816</v>
      </c>
      <c r="OHF39" s="927" t="s">
        <v>3816</v>
      </c>
      <c r="OHG39" s="927" t="s">
        <v>3816</v>
      </c>
      <c r="OHH39" s="927" t="s">
        <v>3816</v>
      </c>
      <c r="OHI39" s="927" t="s">
        <v>3816</v>
      </c>
      <c r="OHJ39" s="927" t="s">
        <v>3816</v>
      </c>
      <c r="OHK39" s="927" t="s">
        <v>3816</v>
      </c>
      <c r="OHL39" s="927" t="s">
        <v>3816</v>
      </c>
      <c r="OHM39" s="927" t="s">
        <v>3816</v>
      </c>
      <c r="OHN39" s="927" t="s">
        <v>3816</v>
      </c>
      <c r="OHO39" s="927" t="s">
        <v>3816</v>
      </c>
      <c r="OHP39" s="927" t="s">
        <v>3816</v>
      </c>
      <c r="OHQ39" s="927" t="s">
        <v>3816</v>
      </c>
      <c r="OHR39" s="927" t="s">
        <v>3816</v>
      </c>
      <c r="OHS39" s="927" t="s">
        <v>3816</v>
      </c>
      <c r="OHT39" s="927" t="s">
        <v>3816</v>
      </c>
      <c r="OHU39" s="927" t="s">
        <v>3816</v>
      </c>
      <c r="OHV39" s="927" t="s">
        <v>3816</v>
      </c>
      <c r="OHW39" s="927" t="s">
        <v>3816</v>
      </c>
      <c r="OHX39" s="927" t="s">
        <v>3816</v>
      </c>
      <c r="OHY39" s="927" t="s">
        <v>3816</v>
      </c>
      <c r="OHZ39" s="927" t="s">
        <v>3816</v>
      </c>
      <c r="OIA39" s="927" t="s">
        <v>3816</v>
      </c>
      <c r="OIB39" s="927" t="s">
        <v>3816</v>
      </c>
      <c r="OIC39" s="927" t="s">
        <v>3816</v>
      </c>
      <c r="OID39" s="927" t="s">
        <v>3816</v>
      </c>
      <c r="OIE39" s="927" t="s">
        <v>3816</v>
      </c>
      <c r="OIF39" s="927" t="s">
        <v>3816</v>
      </c>
      <c r="OIG39" s="927" t="s">
        <v>3816</v>
      </c>
      <c r="OIH39" s="927" t="s">
        <v>3816</v>
      </c>
      <c r="OII39" s="927" t="s">
        <v>3816</v>
      </c>
      <c r="OIJ39" s="927" t="s">
        <v>3816</v>
      </c>
      <c r="OIK39" s="927" t="s">
        <v>3816</v>
      </c>
      <c r="OIL39" s="927" t="s">
        <v>3816</v>
      </c>
      <c r="OIM39" s="927" t="s">
        <v>3816</v>
      </c>
      <c r="OIN39" s="927" t="s">
        <v>3816</v>
      </c>
      <c r="OIO39" s="927" t="s">
        <v>3816</v>
      </c>
      <c r="OIP39" s="927" t="s">
        <v>3816</v>
      </c>
      <c r="OIQ39" s="927" t="s">
        <v>3816</v>
      </c>
      <c r="OIR39" s="927" t="s">
        <v>3816</v>
      </c>
      <c r="OIS39" s="927" t="s">
        <v>3816</v>
      </c>
      <c r="OIT39" s="927" t="s">
        <v>3816</v>
      </c>
      <c r="OIU39" s="927" t="s">
        <v>3816</v>
      </c>
      <c r="OIV39" s="927" t="s">
        <v>3816</v>
      </c>
      <c r="OIW39" s="927" t="s">
        <v>3816</v>
      </c>
      <c r="OIX39" s="927" t="s">
        <v>3816</v>
      </c>
      <c r="OIY39" s="927" t="s">
        <v>3816</v>
      </c>
      <c r="OIZ39" s="927" t="s">
        <v>3816</v>
      </c>
      <c r="OJA39" s="927" t="s">
        <v>3816</v>
      </c>
      <c r="OJB39" s="927" t="s">
        <v>3816</v>
      </c>
      <c r="OJC39" s="927" t="s">
        <v>3816</v>
      </c>
      <c r="OJD39" s="927" t="s">
        <v>3816</v>
      </c>
      <c r="OJE39" s="927" t="s">
        <v>3816</v>
      </c>
      <c r="OJF39" s="927" t="s">
        <v>3816</v>
      </c>
      <c r="OJG39" s="927" t="s">
        <v>3816</v>
      </c>
      <c r="OJH39" s="927" t="s">
        <v>3816</v>
      </c>
      <c r="OJI39" s="927" t="s">
        <v>3816</v>
      </c>
      <c r="OJJ39" s="927" t="s">
        <v>3816</v>
      </c>
      <c r="OJK39" s="927" t="s">
        <v>3816</v>
      </c>
      <c r="OJL39" s="927" t="s">
        <v>3816</v>
      </c>
      <c r="OJM39" s="927" t="s">
        <v>3816</v>
      </c>
      <c r="OJN39" s="927" t="s">
        <v>3816</v>
      </c>
      <c r="OJO39" s="927" t="s">
        <v>3816</v>
      </c>
      <c r="OJP39" s="927" t="s">
        <v>3816</v>
      </c>
      <c r="OJQ39" s="927" t="s">
        <v>3816</v>
      </c>
      <c r="OJR39" s="927" t="s">
        <v>3816</v>
      </c>
      <c r="OJS39" s="927" t="s">
        <v>3816</v>
      </c>
      <c r="OJT39" s="927" t="s">
        <v>3816</v>
      </c>
      <c r="OJU39" s="927" t="s">
        <v>3816</v>
      </c>
      <c r="OJV39" s="927" t="s">
        <v>3816</v>
      </c>
      <c r="OJW39" s="927" t="s">
        <v>3816</v>
      </c>
      <c r="OJX39" s="927" t="s">
        <v>3816</v>
      </c>
      <c r="OJY39" s="927" t="s">
        <v>3816</v>
      </c>
      <c r="OJZ39" s="927" t="s">
        <v>3816</v>
      </c>
      <c r="OKA39" s="927" t="s">
        <v>3816</v>
      </c>
      <c r="OKB39" s="927" t="s">
        <v>3816</v>
      </c>
      <c r="OKC39" s="927" t="s">
        <v>3816</v>
      </c>
      <c r="OKD39" s="927" t="s">
        <v>3816</v>
      </c>
      <c r="OKE39" s="927" t="s">
        <v>3816</v>
      </c>
      <c r="OKF39" s="927" t="s">
        <v>3816</v>
      </c>
      <c r="OKG39" s="927" t="s">
        <v>3816</v>
      </c>
      <c r="OKH39" s="927" t="s">
        <v>3816</v>
      </c>
      <c r="OKI39" s="927" t="s">
        <v>3816</v>
      </c>
      <c r="OKJ39" s="927" t="s">
        <v>3816</v>
      </c>
      <c r="OKK39" s="927" t="s">
        <v>3816</v>
      </c>
      <c r="OKL39" s="927" t="s">
        <v>3816</v>
      </c>
      <c r="OKM39" s="927" t="s">
        <v>3816</v>
      </c>
      <c r="OKN39" s="927" t="s">
        <v>3816</v>
      </c>
      <c r="OKO39" s="927" t="s">
        <v>3816</v>
      </c>
      <c r="OKP39" s="927" t="s">
        <v>3816</v>
      </c>
      <c r="OKQ39" s="927" t="s">
        <v>3816</v>
      </c>
      <c r="OKR39" s="927" t="s">
        <v>3816</v>
      </c>
      <c r="OKS39" s="927" t="s">
        <v>3816</v>
      </c>
      <c r="OKT39" s="927" t="s">
        <v>3816</v>
      </c>
      <c r="OKU39" s="927" t="s">
        <v>3816</v>
      </c>
      <c r="OKV39" s="927" t="s">
        <v>3816</v>
      </c>
      <c r="OKW39" s="927" t="s">
        <v>3816</v>
      </c>
      <c r="OKX39" s="927" t="s">
        <v>3816</v>
      </c>
      <c r="OKY39" s="927" t="s">
        <v>3816</v>
      </c>
      <c r="OKZ39" s="927" t="s">
        <v>3816</v>
      </c>
      <c r="OLA39" s="927" t="s">
        <v>3816</v>
      </c>
      <c r="OLB39" s="927" t="s">
        <v>3816</v>
      </c>
      <c r="OLC39" s="927" t="s">
        <v>3816</v>
      </c>
      <c r="OLD39" s="927" t="s">
        <v>3816</v>
      </c>
      <c r="OLE39" s="927" t="s">
        <v>3816</v>
      </c>
      <c r="OLF39" s="927" t="s">
        <v>3816</v>
      </c>
      <c r="OLG39" s="927" t="s">
        <v>3816</v>
      </c>
      <c r="OLH39" s="927" t="s">
        <v>3816</v>
      </c>
      <c r="OLI39" s="927" t="s">
        <v>3816</v>
      </c>
      <c r="OLJ39" s="927" t="s">
        <v>3816</v>
      </c>
      <c r="OLK39" s="927" t="s">
        <v>3816</v>
      </c>
      <c r="OLL39" s="927" t="s">
        <v>3816</v>
      </c>
      <c r="OLM39" s="927" t="s">
        <v>3816</v>
      </c>
      <c r="OLN39" s="927" t="s">
        <v>3816</v>
      </c>
      <c r="OLO39" s="927" t="s">
        <v>3816</v>
      </c>
      <c r="OLP39" s="927" t="s">
        <v>3816</v>
      </c>
      <c r="OLQ39" s="927" t="s">
        <v>3816</v>
      </c>
      <c r="OLR39" s="927" t="s">
        <v>3816</v>
      </c>
      <c r="OLS39" s="927" t="s">
        <v>3816</v>
      </c>
      <c r="OLT39" s="927" t="s">
        <v>3816</v>
      </c>
      <c r="OLU39" s="927" t="s">
        <v>3816</v>
      </c>
      <c r="OLV39" s="927" t="s">
        <v>3816</v>
      </c>
      <c r="OLW39" s="927" t="s">
        <v>3816</v>
      </c>
      <c r="OLX39" s="927" t="s">
        <v>3816</v>
      </c>
      <c r="OLY39" s="927" t="s">
        <v>3816</v>
      </c>
      <c r="OLZ39" s="927" t="s">
        <v>3816</v>
      </c>
      <c r="OMA39" s="927" t="s">
        <v>3816</v>
      </c>
      <c r="OMB39" s="927" t="s">
        <v>3816</v>
      </c>
      <c r="OMC39" s="927" t="s">
        <v>3816</v>
      </c>
      <c r="OMD39" s="927" t="s">
        <v>3816</v>
      </c>
      <c r="OME39" s="927" t="s">
        <v>3816</v>
      </c>
      <c r="OMF39" s="927" t="s">
        <v>3816</v>
      </c>
      <c r="OMG39" s="927" t="s">
        <v>3816</v>
      </c>
      <c r="OMH39" s="927" t="s">
        <v>3816</v>
      </c>
      <c r="OMI39" s="927" t="s">
        <v>3816</v>
      </c>
      <c r="OMJ39" s="927" t="s">
        <v>3816</v>
      </c>
      <c r="OMK39" s="927" t="s">
        <v>3816</v>
      </c>
      <c r="OML39" s="927" t="s">
        <v>3816</v>
      </c>
      <c r="OMM39" s="927" t="s">
        <v>3816</v>
      </c>
      <c r="OMN39" s="927" t="s">
        <v>3816</v>
      </c>
      <c r="OMO39" s="927" t="s">
        <v>3816</v>
      </c>
      <c r="OMP39" s="927" t="s">
        <v>3816</v>
      </c>
      <c r="OMQ39" s="927" t="s">
        <v>3816</v>
      </c>
      <c r="OMR39" s="927" t="s">
        <v>3816</v>
      </c>
      <c r="OMS39" s="927" t="s">
        <v>3816</v>
      </c>
      <c r="OMT39" s="927" t="s">
        <v>3816</v>
      </c>
      <c r="OMU39" s="927" t="s">
        <v>3816</v>
      </c>
      <c r="OMV39" s="927" t="s">
        <v>3816</v>
      </c>
      <c r="OMW39" s="927" t="s">
        <v>3816</v>
      </c>
      <c r="OMX39" s="927" t="s">
        <v>3816</v>
      </c>
      <c r="OMY39" s="927" t="s">
        <v>3816</v>
      </c>
      <c r="OMZ39" s="927" t="s">
        <v>3816</v>
      </c>
      <c r="ONA39" s="927" t="s">
        <v>3816</v>
      </c>
      <c r="ONB39" s="927" t="s">
        <v>3816</v>
      </c>
      <c r="ONC39" s="927" t="s">
        <v>3816</v>
      </c>
      <c r="OND39" s="927" t="s">
        <v>3816</v>
      </c>
      <c r="ONE39" s="927" t="s">
        <v>3816</v>
      </c>
      <c r="ONF39" s="927" t="s">
        <v>3816</v>
      </c>
      <c r="ONG39" s="927" t="s">
        <v>3816</v>
      </c>
      <c r="ONH39" s="927" t="s">
        <v>3816</v>
      </c>
      <c r="ONI39" s="927" t="s">
        <v>3816</v>
      </c>
      <c r="ONJ39" s="927" t="s">
        <v>3816</v>
      </c>
      <c r="ONK39" s="927" t="s">
        <v>3816</v>
      </c>
      <c r="ONL39" s="927" t="s">
        <v>3816</v>
      </c>
      <c r="ONM39" s="927" t="s">
        <v>3816</v>
      </c>
      <c r="ONN39" s="927" t="s">
        <v>3816</v>
      </c>
      <c r="ONO39" s="927" t="s">
        <v>3816</v>
      </c>
      <c r="ONP39" s="927" t="s">
        <v>3816</v>
      </c>
      <c r="ONQ39" s="927" t="s">
        <v>3816</v>
      </c>
      <c r="ONR39" s="927" t="s">
        <v>3816</v>
      </c>
      <c r="ONS39" s="927" t="s">
        <v>3816</v>
      </c>
      <c r="ONT39" s="927" t="s">
        <v>3816</v>
      </c>
      <c r="ONU39" s="927" t="s">
        <v>3816</v>
      </c>
      <c r="ONV39" s="927" t="s">
        <v>3816</v>
      </c>
      <c r="ONW39" s="927" t="s">
        <v>3816</v>
      </c>
      <c r="ONX39" s="927" t="s">
        <v>3816</v>
      </c>
      <c r="ONY39" s="927" t="s">
        <v>3816</v>
      </c>
      <c r="ONZ39" s="927" t="s">
        <v>3816</v>
      </c>
      <c r="OOA39" s="927" t="s">
        <v>3816</v>
      </c>
      <c r="OOB39" s="927" t="s">
        <v>3816</v>
      </c>
      <c r="OOC39" s="927" t="s">
        <v>3816</v>
      </c>
      <c r="OOD39" s="927" t="s">
        <v>3816</v>
      </c>
      <c r="OOE39" s="927" t="s">
        <v>3816</v>
      </c>
      <c r="OOF39" s="927" t="s">
        <v>3816</v>
      </c>
      <c r="OOG39" s="927" t="s">
        <v>3816</v>
      </c>
      <c r="OOH39" s="927" t="s">
        <v>3816</v>
      </c>
      <c r="OOI39" s="927" t="s">
        <v>3816</v>
      </c>
      <c r="OOJ39" s="927" t="s">
        <v>3816</v>
      </c>
      <c r="OOK39" s="927" t="s">
        <v>3816</v>
      </c>
      <c r="OOL39" s="927" t="s">
        <v>3816</v>
      </c>
      <c r="OOM39" s="927" t="s">
        <v>3816</v>
      </c>
      <c r="OON39" s="927" t="s">
        <v>3816</v>
      </c>
      <c r="OOO39" s="927" t="s">
        <v>3816</v>
      </c>
      <c r="OOP39" s="927" t="s">
        <v>3816</v>
      </c>
      <c r="OOQ39" s="927" t="s">
        <v>3816</v>
      </c>
      <c r="OOR39" s="927" t="s">
        <v>3816</v>
      </c>
      <c r="OOS39" s="927" t="s">
        <v>3816</v>
      </c>
      <c r="OOT39" s="927" t="s">
        <v>3816</v>
      </c>
      <c r="OOU39" s="927" t="s">
        <v>3816</v>
      </c>
      <c r="OOV39" s="927" t="s">
        <v>3816</v>
      </c>
      <c r="OOW39" s="927" t="s">
        <v>3816</v>
      </c>
      <c r="OOX39" s="927" t="s">
        <v>3816</v>
      </c>
      <c r="OOY39" s="927" t="s">
        <v>3816</v>
      </c>
      <c r="OOZ39" s="927" t="s">
        <v>3816</v>
      </c>
      <c r="OPA39" s="927" t="s">
        <v>3816</v>
      </c>
      <c r="OPB39" s="927" t="s">
        <v>3816</v>
      </c>
      <c r="OPC39" s="927" t="s">
        <v>3816</v>
      </c>
      <c r="OPD39" s="927" t="s">
        <v>3816</v>
      </c>
      <c r="OPE39" s="927" t="s">
        <v>3816</v>
      </c>
      <c r="OPF39" s="927" t="s">
        <v>3816</v>
      </c>
      <c r="OPG39" s="927" t="s">
        <v>3816</v>
      </c>
      <c r="OPH39" s="927" t="s">
        <v>3816</v>
      </c>
      <c r="OPI39" s="927" t="s">
        <v>3816</v>
      </c>
      <c r="OPJ39" s="927" t="s">
        <v>3816</v>
      </c>
      <c r="OPK39" s="927" t="s">
        <v>3816</v>
      </c>
      <c r="OPL39" s="927" t="s">
        <v>3816</v>
      </c>
      <c r="OPM39" s="927" t="s">
        <v>3816</v>
      </c>
      <c r="OPN39" s="927" t="s">
        <v>3816</v>
      </c>
      <c r="OPO39" s="927" t="s">
        <v>3816</v>
      </c>
      <c r="OPP39" s="927" t="s">
        <v>3816</v>
      </c>
      <c r="OPQ39" s="927" t="s">
        <v>3816</v>
      </c>
      <c r="OPR39" s="927" t="s">
        <v>3816</v>
      </c>
      <c r="OPS39" s="927" t="s">
        <v>3816</v>
      </c>
      <c r="OPT39" s="927" t="s">
        <v>3816</v>
      </c>
      <c r="OPU39" s="927" t="s">
        <v>3816</v>
      </c>
      <c r="OPV39" s="927" t="s">
        <v>3816</v>
      </c>
      <c r="OPW39" s="927" t="s">
        <v>3816</v>
      </c>
      <c r="OPX39" s="927" t="s">
        <v>3816</v>
      </c>
      <c r="OPY39" s="927" t="s">
        <v>3816</v>
      </c>
      <c r="OPZ39" s="927" t="s">
        <v>3816</v>
      </c>
      <c r="OQA39" s="927" t="s">
        <v>3816</v>
      </c>
      <c r="OQB39" s="927" t="s">
        <v>3816</v>
      </c>
      <c r="OQC39" s="927" t="s">
        <v>3816</v>
      </c>
      <c r="OQD39" s="927" t="s">
        <v>3816</v>
      </c>
      <c r="OQE39" s="927" t="s">
        <v>3816</v>
      </c>
      <c r="OQF39" s="927" t="s">
        <v>3816</v>
      </c>
      <c r="OQG39" s="927" t="s">
        <v>3816</v>
      </c>
      <c r="OQH39" s="927" t="s">
        <v>3816</v>
      </c>
      <c r="OQI39" s="927" t="s">
        <v>3816</v>
      </c>
      <c r="OQJ39" s="927" t="s">
        <v>3816</v>
      </c>
      <c r="OQK39" s="927" t="s">
        <v>3816</v>
      </c>
      <c r="OQL39" s="927" t="s">
        <v>3816</v>
      </c>
      <c r="OQM39" s="927" t="s">
        <v>3816</v>
      </c>
      <c r="OQN39" s="927" t="s">
        <v>3816</v>
      </c>
      <c r="OQO39" s="927" t="s">
        <v>3816</v>
      </c>
      <c r="OQP39" s="927" t="s">
        <v>3816</v>
      </c>
      <c r="OQQ39" s="927" t="s">
        <v>3816</v>
      </c>
      <c r="OQR39" s="927" t="s">
        <v>3816</v>
      </c>
      <c r="OQS39" s="927" t="s">
        <v>3816</v>
      </c>
      <c r="OQT39" s="927" t="s">
        <v>3816</v>
      </c>
      <c r="OQU39" s="927" t="s">
        <v>3816</v>
      </c>
      <c r="OQV39" s="927" t="s">
        <v>3816</v>
      </c>
      <c r="OQW39" s="927" t="s">
        <v>3816</v>
      </c>
      <c r="OQX39" s="927" t="s">
        <v>3816</v>
      </c>
      <c r="OQY39" s="927" t="s">
        <v>3816</v>
      </c>
      <c r="OQZ39" s="927" t="s">
        <v>3816</v>
      </c>
      <c r="ORA39" s="927" t="s">
        <v>3816</v>
      </c>
      <c r="ORB39" s="927" t="s">
        <v>3816</v>
      </c>
      <c r="ORC39" s="927" t="s">
        <v>3816</v>
      </c>
      <c r="ORD39" s="927" t="s">
        <v>3816</v>
      </c>
      <c r="ORE39" s="927" t="s">
        <v>3816</v>
      </c>
      <c r="ORF39" s="927" t="s">
        <v>3816</v>
      </c>
      <c r="ORG39" s="927" t="s">
        <v>3816</v>
      </c>
      <c r="ORH39" s="927" t="s">
        <v>3816</v>
      </c>
      <c r="ORI39" s="927" t="s">
        <v>3816</v>
      </c>
      <c r="ORJ39" s="927" t="s">
        <v>3816</v>
      </c>
      <c r="ORK39" s="927" t="s">
        <v>3816</v>
      </c>
      <c r="ORL39" s="927" t="s">
        <v>3816</v>
      </c>
      <c r="ORM39" s="927" t="s">
        <v>3816</v>
      </c>
      <c r="ORN39" s="927" t="s">
        <v>3816</v>
      </c>
      <c r="ORO39" s="927" t="s">
        <v>3816</v>
      </c>
      <c r="ORP39" s="927" t="s">
        <v>3816</v>
      </c>
      <c r="ORQ39" s="927" t="s">
        <v>3816</v>
      </c>
      <c r="ORR39" s="927" t="s">
        <v>3816</v>
      </c>
      <c r="ORS39" s="927" t="s">
        <v>3816</v>
      </c>
      <c r="ORT39" s="927" t="s">
        <v>3816</v>
      </c>
      <c r="ORU39" s="927" t="s">
        <v>3816</v>
      </c>
      <c r="ORV39" s="927" t="s">
        <v>3816</v>
      </c>
      <c r="ORW39" s="927" t="s">
        <v>3816</v>
      </c>
      <c r="ORX39" s="927" t="s">
        <v>3816</v>
      </c>
      <c r="ORY39" s="927" t="s">
        <v>3816</v>
      </c>
      <c r="ORZ39" s="927" t="s">
        <v>3816</v>
      </c>
      <c r="OSA39" s="927" t="s">
        <v>3816</v>
      </c>
      <c r="OSB39" s="927" t="s">
        <v>3816</v>
      </c>
      <c r="OSC39" s="927" t="s">
        <v>3816</v>
      </c>
      <c r="OSD39" s="927" t="s">
        <v>3816</v>
      </c>
      <c r="OSE39" s="927" t="s">
        <v>3816</v>
      </c>
      <c r="OSF39" s="927" t="s">
        <v>3816</v>
      </c>
      <c r="OSG39" s="927" t="s">
        <v>3816</v>
      </c>
      <c r="OSH39" s="927" t="s">
        <v>3816</v>
      </c>
      <c r="OSI39" s="927" t="s">
        <v>3816</v>
      </c>
      <c r="OSJ39" s="927" t="s">
        <v>3816</v>
      </c>
      <c r="OSK39" s="927" t="s">
        <v>3816</v>
      </c>
      <c r="OSL39" s="927" t="s">
        <v>3816</v>
      </c>
      <c r="OSM39" s="927" t="s">
        <v>3816</v>
      </c>
      <c r="OSN39" s="927" t="s">
        <v>3816</v>
      </c>
      <c r="OSO39" s="927" t="s">
        <v>3816</v>
      </c>
      <c r="OSP39" s="927" t="s">
        <v>3816</v>
      </c>
      <c r="OSQ39" s="927" t="s">
        <v>3816</v>
      </c>
      <c r="OSR39" s="927" t="s">
        <v>3816</v>
      </c>
      <c r="OSS39" s="927" t="s">
        <v>3816</v>
      </c>
      <c r="OST39" s="927" t="s">
        <v>3816</v>
      </c>
      <c r="OSU39" s="927" t="s">
        <v>3816</v>
      </c>
      <c r="OSV39" s="927" t="s">
        <v>3816</v>
      </c>
      <c r="OSW39" s="927" t="s">
        <v>3816</v>
      </c>
      <c r="OSX39" s="927" t="s">
        <v>3816</v>
      </c>
      <c r="OSY39" s="927" t="s">
        <v>3816</v>
      </c>
      <c r="OSZ39" s="927" t="s">
        <v>3816</v>
      </c>
      <c r="OTA39" s="927" t="s">
        <v>3816</v>
      </c>
      <c r="OTB39" s="927" t="s">
        <v>3816</v>
      </c>
      <c r="OTC39" s="927" t="s">
        <v>3816</v>
      </c>
      <c r="OTD39" s="927" t="s">
        <v>3816</v>
      </c>
      <c r="OTE39" s="927" t="s">
        <v>3816</v>
      </c>
      <c r="OTF39" s="927" t="s">
        <v>3816</v>
      </c>
      <c r="OTG39" s="927" t="s">
        <v>3816</v>
      </c>
      <c r="OTH39" s="927" t="s">
        <v>3816</v>
      </c>
      <c r="OTI39" s="927" t="s">
        <v>3816</v>
      </c>
      <c r="OTJ39" s="927" t="s">
        <v>3816</v>
      </c>
      <c r="OTK39" s="927" t="s">
        <v>3816</v>
      </c>
      <c r="OTL39" s="927" t="s">
        <v>3816</v>
      </c>
      <c r="OTM39" s="927" t="s">
        <v>3816</v>
      </c>
      <c r="OTN39" s="927" t="s">
        <v>3816</v>
      </c>
      <c r="OTO39" s="927" t="s">
        <v>3816</v>
      </c>
      <c r="OTP39" s="927" t="s">
        <v>3816</v>
      </c>
      <c r="OTQ39" s="927" t="s">
        <v>3816</v>
      </c>
      <c r="OTR39" s="927" t="s">
        <v>3816</v>
      </c>
      <c r="OTS39" s="927" t="s">
        <v>3816</v>
      </c>
      <c r="OTT39" s="927" t="s">
        <v>3816</v>
      </c>
      <c r="OTU39" s="927" t="s">
        <v>3816</v>
      </c>
      <c r="OTV39" s="927" t="s">
        <v>3816</v>
      </c>
      <c r="OTW39" s="927" t="s">
        <v>3816</v>
      </c>
      <c r="OTX39" s="927" t="s">
        <v>3816</v>
      </c>
      <c r="OTY39" s="927" t="s">
        <v>3816</v>
      </c>
      <c r="OTZ39" s="927" t="s">
        <v>3816</v>
      </c>
      <c r="OUA39" s="927" t="s">
        <v>3816</v>
      </c>
      <c r="OUB39" s="927" t="s">
        <v>3816</v>
      </c>
      <c r="OUC39" s="927" t="s">
        <v>3816</v>
      </c>
      <c r="OUD39" s="927" t="s">
        <v>3816</v>
      </c>
      <c r="OUE39" s="927" t="s">
        <v>3816</v>
      </c>
      <c r="OUF39" s="927" t="s">
        <v>3816</v>
      </c>
      <c r="OUG39" s="927" t="s">
        <v>3816</v>
      </c>
      <c r="OUH39" s="927" t="s">
        <v>3816</v>
      </c>
      <c r="OUI39" s="927" t="s">
        <v>3816</v>
      </c>
      <c r="OUJ39" s="927" t="s">
        <v>3816</v>
      </c>
      <c r="OUK39" s="927" t="s">
        <v>3816</v>
      </c>
      <c r="OUL39" s="927" t="s">
        <v>3816</v>
      </c>
      <c r="OUM39" s="927" t="s">
        <v>3816</v>
      </c>
      <c r="OUN39" s="927" t="s">
        <v>3816</v>
      </c>
      <c r="OUO39" s="927" t="s">
        <v>3816</v>
      </c>
      <c r="OUP39" s="927" t="s">
        <v>3816</v>
      </c>
      <c r="OUQ39" s="927" t="s">
        <v>3816</v>
      </c>
      <c r="OUR39" s="927" t="s">
        <v>3816</v>
      </c>
      <c r="OUS39" s="927" t="s">
        <v>3816</v>
      </c>
      <c r="OUT39" s="927" t="s">
        <v>3816</v>
      </c>
      <c r="OUU39" s="927" t="s">
        <v>3816</v>
      </c>
      <c r="OUV39" s="927" t="s">
        <v>3816</v>
      </c>
      <c r="OUW39" s="927" t="s">
        <v>3816</v>
      </c>
      <c r="OUX39" s="927" t="s">
        <v>3816</v>
      </c>
      <c r="OUY39" s="927" t="s">
        <v>3816</v>
      </c>
      <c r="OUZ39" s="927" t="s">
        <v>3816</v>
      </c>
      <c r="OVA39" s="927" t="s">
        <v>3816</v>
      </c>
      <c r="OVB39" s="927" t="s">
        <v>3816</v>
      </c>
      <c r="OVC39" s="927" t="s">
        <v>3816</v>
      </c>
      <c r="OVD39" s="927" t="s">
        <v>3816</v>
      </c>
      <c r="OVE39" s="927" t="s">
        <v>3816</v>
      </c>
      <c r="OVF39" s="927" t="s">
        <v>3816</v>
      </c>
      <c r="OVG39" s="927" t="s">
        <v>3816</v>
      </c>
      <c r="OVH39" s="927" t="s">
        <v>3816</v>
      </c>
      <c r="OVI39" s="927" t="s">
        <v>3816</v>
      </c>
      <c r="OVJ39" s="927" t="s">
        <v>3816</v>
      </c>
      <c r="OVK39" s="927" t="s">
        <v>3816</v>
      </c>
      <c r="OVL39" s="927" t="s">
        <v>3816</v>
      </c>
      <c r="OVM39" s="927" t="s">
        <v>3816</v>
      </c>
      <c r="OVN39" s="927" t="s">
        <v>3816</v>
      </c>
      <c r="OVO39" s="927" t="s">
        <v>3816</v>
      </c>
      <c r="OVP39" s="927" t="s">
        <v>3816</v>
      </c>
      <c r="OVQ39" s="927" t="s">
        <v>3816</v>
      </c>
      <c r="OVR39" s="927" t="s">
        <v>3816</v>
      </c>
      <c r="OVS39" s="927" t="s">
        <v>3816</v>
      </c>
      <c r="OVT39" s="927" t="s">
        <v>3816</v>
      </c>
      <c r="OVU39" s="927" t="s">
        <v>3816</v>
      </c>
      <c r="OVV39" s="927" t="s">
        <v>3816</v>
      </c>
      <c r="OVW39" s="927" t="s">
        <v>3816</v>
      </c>
      <c r="OVX39" s="927" t="s">
        <v>3816</v>
      </c>
      <c r="OVY39" s="927" t="s">
        <v>3816</v>
      </c>
      <c r="OVZ39" s="927" t="s">
        <v>3816</v>
      </c>
      <c r="OWA39" s="927" t="s">
        <v>3816</v>
      </c>
      <c r="OWB39" s="927" t="s">
        <v>3816</v>
      </c>
      <c r="OWC39" s="927" t="s">
        <v>3816</v>
      </c>
      <c r="OWD39" s="927" t="s">
        <v>3816</v>
      </c>
      <c r="OWE39" s="927" t="s">
        <v>3816</v>
      </c>
      <c r="OWF39" s="927" t="s">
        <v>3816</v>
      </c>
      <c r="OWG39" s="927" t="s">
        <v>3816</v>
      </c>
      <c r="OWH39" s="927" t="s">
        <v>3816</v>
      </c>
      <c r="OWI39" s="927" t="s">
        <v>3816</v>
      </c>
      <c r="OWJ39" s="927" t="s">
        <v>3816</v>
      </c>
      <c r="OWK39" s="927" t="s">
        <v>3816</v>
      </c>
      <c r="OWL39" s="927" t="s">
        <v>3816</v>
      </c>
      <c r="OWM39" s="927" t="s">
        <v>3816</v>
      </c>
      <c r="OWN39" s="927" t="s">
        <v>3816</v>
      </c>
      <c r="OWO39" s="927" t="s">
        <v>3816</v>
      </c>
      <c r="OWP39" s="927" t="s">
        <v>3816</v>
      </c>
      <c r="OWQ39" s="927" t="s">
        <v>3816</v>
      </c>
      <c r="OWR39" s="927" t="s">
        <v>3816</v>
      </c>
      <c r="OWS39" s="927" t="s">
        <v>3816</v>
      </c>
      <c r="OWT39" s="927" t="s">
        <v>3816</v>
      </c>
      <c r="OWU39" s="927" t="s">
        <v>3816</v>
      </c>
      <c r="OWV39" s="927" t="s">
        <v>3816</v>
      </c>
      <c r="OWW39" s="927" t="s">
        <v>3816</v>
      </c>
      <c r="OWX39" s="927" t="s">
        <v>3816</v>
      </c>
      <c r="OWY39" s="927" t="s">
        <v>3816</v>
      </c>
      <c r="OWZ39" s="927" t="s">
        <v>3816</v>
      </c>
      <c r="OXA39" s="927" t="s">
        <v>3816</v>
      </c>
      <c r="OXB39" s="927" t="s">
        <v>3816</v>
      </c>
      <c r="OXC39" s="927" t="s">
        <v>3816</v>
      </c>
      <c r="OXD39" s="927" t="s">
        <v>3816</v>
      </c>
      <c r="OXE39" s="927" t="s">
        <v>3816</v>
      </c>
      <c r="OXF39" s="927" t="s">
        <v>3816</v>
      </c>
      <c r="OXG39" s="927" t="s">
        <v>3816</v>
      </c>
      <c r="OXH39" s="927" t="s">
        <v>3816</v>
      </c>
      <c r="OXI39" s="927" t="s">
        <v>3816</v>
      </c>
      <c r="OXJ39" s="927" t="s">
        <v>3816</v>
      </c>
      <c r="OXK39" s="927" t="s">
        <v>3816</v>
      </c>
      <c r="OXL39" s="927" t="s">
        <v>3816</v>
      </c>
      <c r="OXM39" s="927" t="s">
        <v>3816</v>
      </c>
      <c r="OXN39" s="927" t="s">
        <v>3816</v>
      </c>
      <c r="OXO39" s="927" t="s">
        <v>3816</v>
      </c>
      <c r="OXP39" s="927" t="s">
        <v>3816</v>
      </c>
      <c r="OXQ39" s="927" t="s">
        <v>3816</v>
      </c>
      <c r="OXR39" s="927" t="s">
        <v>3816</v>
      </c>
      <c r="OXS39" s="927" t="s">
        <v>3816</v>
      </c>
      <c r="OXT39" s="927" t="s">
        <v>3816</v>
      </c>
      <c r="OXU39" s="927" t="s">
        <v>3816</v>
      </c>
      <c r="OXV39" s="927" t="s">
        <v>3816</v>
      </c>
      <c r="OXW39" s="927" t="s">
        <v>3816</v>
      </c>
      <c r="OXX39" s="927" t="s">
        <v>3816</v>
      </c>
      <c r="OXY39" s="927" t="s">
        <v>3816</v>
      </c>
      <c r="OXZ39" s="927" t="s">
        <v>3816</v>
      </c>
      <c r="OYA39" s="927" t="s">
        <v>3816</v>
      </c>
      <c r="OYB39" s="927" t="s">
        <v>3816</v>
      </c>
      <c r="OYC39" s="927" t="s">
        <v>3816</v>
      </c>
      <c r="OYD39" s="927" t="s">
        <v>3816</v>
      </c>
      <c r="OYE39" s="927" t="s">
        <v>3816</v>
      </c>
      <c r="OYF39" s="927" t="s">
        <v>3816</v>
      </c>
      <c r="OYG39" s="927" t="s">
        <v>3816</v>
      </c>
      <c r="OYH39" s="927" t="s">
        <v>3816</v>
      </c>
      <c r="OYI39" s="927" t="s">
        <v>3816</v>
      </c>
      <c r="OYJ39" s="927" t="s">
        <v>3816</v>
      </c>
      <c r="OYK39" s="927" t="s">
        <v>3816</v>
      </c>
      <c r="OYL39" s="927" t="s">
        <v>3816</v>
      </c>
      <c r="OYM39" s="927" t="s">
        <v>3816</v>
      </c>
      <c r="OYN39" s="927" t="s">
        <v>3816</v>
      </c>
      <c r="OYO39" s="927" t="s">
        <v>3816</v>
      </c>
      <c r="OYP39" s="927" t="s">
        <v>3816</v>
      </c>
      <c r="OYQ39" s="927" t="s">
        <v>3816</v>
      </c>
      <c r="OYR39" s="927" t="s">
        <v>3816</v>
      </c>
      <c r="OYS39" s="927" t="s">
        <v>3816</v>
      </c>
      <c r="OYT39" s="927" t="s">
        <v>3816</v>
      </c>
      <c r="OYU39" s="927" t="s">
        <v>3816</v>
      </c>
      <c r="OYV39" s="927" t="s">
        <v>3816</v>
      </c>
      <c r="OYW39" s="927" t="s">
        <v>3816</v>
      </c>
      <c r="OYX39" s="927" t="s">
        <v>3816</v>
      </c>
      <c r="OYY39" s="927" t="s">
        <v>3816</v>
      </c>
      <c r="OYZ39" s="927" t="s">
        <v>3816</v>
      </c>
      <c r="OZA39" s="927" t="s">
        <v>3816</v>
      </c>
      <c r="OZB39" s="927" t="s">
        <v>3816</v>
      </c>
      <c r="OZC39" s="927" t="s">
        <v>3816</v>
      </c>
      <c r="OZD39" s="927" t="s">
        <v>3816</v>
      </c>
      <c r="OZE39" s="927" t="s">
        <v>3816</v>
      </c>
      <c r="OZF39" s="927" t="s">
        <v>3816</v>
      </c>
      <c r="OZG39" s="927" t="s">
        <v>3816</v>
      </c>
      <c r="OZH39" s="927" t="s">
        <v>3816</v>
      </c>
      <c r="OZI39" s="927" t="s">
        <v>3816</v>
      </c>
      <c r="OZJ39" s="927" t="s">
        <v>3816</v>
      </c>
      <c r="OZK39" s="927" t="s">
        <v>3816</v>
      </c>
      <c r="OZL39" s="927" t="s">
        <v>3816</v>
      </c>
      <c r="OZM39" s="927" t="s">
        <v>3816</v>
      </c>
      <c r="OZN39" s="927" t="s">
        <v>3816</v>
      </c>
      <c r="OZO39" s="927" t="s">
        <v>3816</v>
      </c>
      <c r="OZP39" s="927" t="s">
        <v>3816</v>
      </c>
      <c r="OZQ39" s="927" t="s">
        <v>3816</v>
      </c>
      <c r="OZR39" s="927" t="s">
        <v>3816</v>
      </c>
      <c r="OZS39" s="927" t="s">
        <v>3816</v>
      </c>
      <c r="OZT39" s="927" t="s">
        <v>3816</v>
      </c>
      <c r="OZU39" s="927" t="s">
        <v>3816</v>
      </c>
      <c r="OZV39" s="927" t="s">
        <v>3816</v>
      </c>
      <c r="OZW39" s="927" t="s">
        <v>3816</v>
      </c>
      <c r="OZX39" s="927" t="s">
        <v>3816</v>
      </c>
      <c r="OZY39" s="927" t="s">
        <v>3816</v>
      </c>
      <c r="OZZ39" s="927" t="s">
        <v>3816</v>
      </c>
      <c r="PAA39" s="927" t="s">
        <v>3816</v>
      </c>
      <c r="PAB39" s="927" t="s">
        <v>3816</v>
      </c>
      <c r="PAC39" s="927" t="s">
        <v>3816</v>
      </c>
      <c r="PAD39" s="927" t="s">
        <v>3816</v>
      </c>
      <c r="PAE39" s="927" t="s">
        <v>3816</v>
      </c>
      <c r="PAF39" s="927" t="s">
        <v>3816</v>
      </c>
      <c r="PAG39" s="927" t="s">
        <v>3816</v>
      </c>
      <c r="PAH39" s="927" t="s">
        <v>3816</v>
      </c>
      <c r="PAI39" s="927" t="s">
        <v>3816</v>
      </c>
      <c r="PAJ39" s="927" t="s">
        <v>3816</v>
      </c>
      <c r="PAK39" s="927" t="s">
        <v>3816</v>
      </c>
      <c r="PAL39" s="927" t="s">
        <v>3816</v>
      </c>
      <c r="PAM39" s="927" t="s">
        <v>3816</v>
      </c>
      <c r="PAN39" s="927" t="s">
        <v>3816</v>
      </c>
      <c r="PAO39" s="927" t="s">
        <v>3816</v>
      </c>
      <c r="PAP39" s="927" t="s">
        <v>3816</v>
      </c>
      <c r="PAQ39" s="927" t="s">
        <v>3816</v>
      </c>
      <c r="PAR39" s="927" t="s">
        <v>3816</v>
      </c>
      <c r="PAS39" s="927" t="s">
        <v>3816</v>
      </c>
      <c r="PAT39" s="927" t="s">
        <v>3816</v>
      </c>
      <c r="PAU39" s="927" t="s">
        <v>3816</v>
      </c>
      <c r="PAV39" s="927" t="s">
        <v>3816</v>
      </c>
      <c r="PAW39" s="927" t="s">
        <v>3816</v>
      </c>
      <c r="PAX39" s="927" t="s">
        <v>3816</v>
      </c>
      <c r="PAY39" s="927" t="s">
        <v>3816</v>
      </c>
      <c r="PAZ39" s="927" t="s">
        <v>3816</v>
      </c>
      <c r="PBA39" s="927" t="s">
        <v>3816</v>
      </c>
      <c r="PBB39" s="927" t="s">
        <v>3816</v>
      </c>
      <c r="PBC39" s="927" t="s">
        <v>3816</v>
      </c>
      <c r="PBD39" s="927" t="s">
        <v>3816</v>
      </c>
      <c r="PBE39" s="927" t="s">
        <v>3816</v>
      </c>
      <c r="PBF39" s="927" t="s">
        <v>3816</v>
      </c>
      <c r="PBG39" s="927" t="s">
        <v>3816</v>
      </c>
      <c r="PBH39" s="927" t="s">
        <v>3816</v>
      </c>
      <c r="PBI39" s="927" t="s">
        <v>3816</v>
      </c>
      <c r="PBJ39" s="927" t="s">
        <v>3816</v>
      </c>
      <c r="PBK39" s="927" t="s">
        <v>3816</v>
      </c>
      <c r="PBL39" s="927" t="s">
        <v>3816</v>
      </c>
      <c r="PBM39" s="927" t="s">
        <v>3816</v>
      </c>
      <c r="PBN39" s="927" t="s">
        <v>3816</v>
      </c>
      <c r="PBO39" s="927" t="s">
        <v>3816</v>
      </c>
      <c r="PBP39" s="927" t="s">
        <v>3816</v>
      </c>
      <c r="PBQ39" s="927" t="s">
        <v>3816</v>
      </c>
      <c r="PBR39" s="927" t="s">
        <v>3816</v>
      </c>
      <c r="PBS39" s="927" t="s">
        <v>3816</v>
      </c>
      <c r="PBT39" s="927" t="s">
        <v>3816</v>
      </c>
      <c r="PBU39" s="927" t="s">
        <v>3816</v>
      </c>
      <c r="PBV39" s="927" t="s">
        <v>3816</v>
      </c>
      <c r="PBW39" s="927" t="s">
        <v>3816</v>
      </c>
      <c r="PBX39" s="927" t="s">
        <v>3816</v>
      </c>
      <c r="PBY39" s="927" t="s">
        <v>3816</v>
      </c>
      <c r="PBZ39" s="927" t="s">
        <v>3816</v>
      </c>
      <c r="PCA39" s="927" t="s">
        <v>3816</v>
      </c>
      <c r="PCB39" s="927" t="s">
        <v>3816</v>
      </c>
      <c r="PCC39" s="927" t="s">
        <v>3816</v>
      </c>
      <c r="PCD39" s="927" t="s">
        <v>3816</v>
      </c>
      <c r="PCE39" s="927" t="s">
        <v>3816</v>
      </c>
      <c r="PCF39" s="927" t="s">
        <v>3816</v>
      </c>
      <c r="PCG39" s="927" t="s">
        <v>3816</v>
      </c>
      <c r="PCH39" s="927" t="s">
        <v>3816</v>
      </c>
      <c r="PCI39" s="927" t="s">
        <v>3816</v>
      </c>
      <c r="PCJ39" s="927" t="s">
        <v>3816</v>
      </c>
      <c r="PCK39" s="927" t="s">
        <v>3816</v>
      </c>
      <c r="PCL39" s="927" t="s">
        <v>3816</v>
      </c>
      <c r="PCM39" s="927" t="s">
        <v>3816</v>
      </c>
      <c r="PCN39" s="927" t="s">
        <v>3816</v>
      </c>
      <c r="PCO39" s="927" t="s">
        <v>3816</v>
      </c>
      <c r="PCP39" s="927" t="s">
        <v>3816</v>
      </c>
      <c r="PCQ39" s="927" t="s">
        <v>3816</v>
      </c>
      <c r="PCR39" s="927" t="s">
        <v>3816</v>
      </c>
      <c r="PCS39" s="927" t="s">
        <v>3816</v>
      </c>
      <c r="PCT39" s="927" t="s">
        <v>3816</v>
      </c>
      <c r="PCU39" s="927" t="s">
        <v>3816</v>
      </c>
      <c r="PCV39" s="927" t="s">
        <v>3816</v>
      </c>
      <c r="PCW39" s="927" t="s">
        <v>3816</v>
      </c>
      <c r="PCX39" s="927" t="s">
        <v>3816</v>
      </c>
      <c r="PCY39" s="927" t="s">
        <v>3816</v>
      </c>
      <c r="PCZ39" s="927" t="s">
        <v>3816</v>
      </c>
      <c r="PDA39" s="927" t="s">
        <v>3816</v>
      </c>
      <c r="PDB39" s="927" t="s">
        <v>3816</v>
      </c>
      <c r="PDC39" s="927" t="s">
        <v>3816</v>
      </c>
      <c r="PDD39" s="927" t="s">
        <v>3816</v>
      </c>
      <c r="PDE39" s="927" t="s">
        <v>3816</v>
      </c>
      <c r="PDF39" s="927" t="s">
        <v>3816</v>
      </c>
      <c r="PDG39" s="927" t="s">
        <v>3816</v>
      </c>
      <c r="PDH39" s="927" t="s">
        <v>3816</v>
      </c>
      <c r="PDI39" s="927" t="s">
        <v>3816</v>
      </c>
      <c r="PDJ39" s="927" t="s">
        <v>3816</v>
      </c>
      <c r="PDK39" s="927" t="s">
        <v>3816</v>
      </c>
      <c r="PDL39" s="927" t="s">
        <v>3816</v>
      </c>
      <c r="PDM39" s="927" t="s">
        <v>3816</v>
      </c>
      <c r="PDN39" s="927" t="s">
        <v>3816</v>
      </c>
      <c r="PDO39" s="927" t="s">
        <v>3816</v>
      </c>
      <c r="PDP39" s="927" t="s">
        <v>3816</v>
      </c>
      <c r="PDQ39" s="927" t="s">
        <v>3816</v>
      </c>
      <c r="PDR39" s="927" t="s">
        <v>3816</v>
      </c>
      <c r="PDS39" s="927" t="s">
        <v>3816</v>
      </c>
      <c r="PDT39" s="927" t="s">
        <v>3816</v>
      </c>
      <c r="PDU39" s="927" t="s">
        <v>3816</v>
      </c>
      <c r="PDV39" s="927" t="s">
        <v>3816</v>
      </c>
      <c r="PDW39" s="927" t="s">
        <v>3816</v>
      </c>
      <c r="PDX39" s="927" t="s">
        <v>3816</v>
      </c>
      <c r="PDY39" s="927" t="s">
        <v>3816</v>
      </c>
      <c r="PDZ39" s="927" t="s">
        <v>3816</v>
      </c>
      <c r="PEA39" s="927" t="s">
        <v>3816</v>
      </c>
      <c r="PEB39" s="927" t="s">
        <v>3816</v>
      </c>
      <c r="PEC39" s="927" t="s">
        <v>3816</v>
      </c>
      <c r="PED39" s="927" t="s">
        <v>3816</v>
      </c>
      <c r="PEE39" s="927" t="s">
        <v>3816</v>
      </c>
      <c r="PEF39" s="927" t="s">
        <v>3816</v>
      </c>
      <c r="PEG39" s="927" t="s">
        <v>3816</v>
      </c>
      <c r="PEH39" s="927" t="s">
        <v>3816</v>
      </c>
      <c r="PEI39" s="927" t="s">
        <v>3816</v>
      </c>
      <c r="PEJ39" s="927" t="s">
        <v>3816</v>
      </c>
      <c r="PEK39" s="927" t="s">
        <v>3816</v>
      </c>
      <c r="PEL39" s="927" t="s">
        <v>3816</v>
      </c>
      <c r="PEM39" s="927" t="s">
        <v>3816</v>
      </c>
      <c r="PEN39" s="927" t="s">
        <v>3816</v>
      </c>
      <c r="PEO39" s="927" t="s">
        <v>3816</v>
      </c>
      <c r="PEP39" s="927" t="s">
        <v>3816</v>
      </c>
      <c r="PEQ39" s="927" t="s">
        <v>3816</v>
      </c>
      <c r="PER39" s="927" t="s">
        <v>3816</v>
      </c>
      <c r="PES39" s="927" t="s">
        <v>3816</v>
      </c>
      <c r="PET39" s="927" t="s">
        <v>3816</v>
      </c>
      <c r="PEU39" s="927" t="s">
        <v>3816</v>
      </c>
      <c r="PEV39" s="927" t="s">
        <v>3816</v>
      </c>
      <c r="PEW39" s="927" t="s">
        <v>3816</v>
      </c>
      <c r="PEX39" s="927" t="s">
        <v>3816</v>
      </c>
      <c r="PEY39" s="927" t="s">
        <v>3816</v>
      </c>
      <c r="PEZ39" s="927" t="s">
        <v>3816</v>
      </c>
      <c r="PFA39" s="927" t="s">
        <v>3816</v>
      </c>
      <c r="PFB39" s="927" t="s">
        <v>3816</v>
      </c>
      <c r="PFC39" s="927" t="s">
        <v>3816</v>
      </c>
      <c r="PFD39" s="927" t="s">
        <v>3816</v>
      </c>
      <c r="PFE39" s="927" t="s">
        <v>3816</v>
      </c>
      <c r="PFF39" s="927" t="s">
        <v>3816</v>
      </c>
      <c r="PFG39" s="927" t="s">
        <v>3816</v>
      </c>
      <c r="PFH39" s="927" t="s">
        <v>3816</v>
      </c>
      <c r="PFI39" s="927" t="s">
        <v>3816</v>
      </c>
      <c r="PFJ39" s="927" t="s">
        <v>3816</v>
      </c>
      <c r="PFK39" s="927" t="s">
        <v>3816</v>
      </c>
      <c r="PFL39" s="927" t="s">
        <v>3816</v>
      </c>
      <c r="PFM39" s="927" t="s">
        <v>3816</v>
      </c>
      <c r="PFN39" s="927" t="s">
        <v>3816</v>
      </c>
      <c r="PFO39" s="927" t="s">
        <v>3816</v>
      </c>
      <c r="PFP39" s="927" t="s">
        <v>3816</v>
      </c>
      <c r="PFQ39" s="927" t="s">
        <v>3816</v>
      </c>
      <c r="PFR39" s="927" t="s">
        <v>3816</v>
      </c>
      <c r="PFS39" s="927" t="s">
        <v>3816</v>
      </c>
      <c r="PFT39" s="927" t="s">
        <v>3816</v>
      </c>
      <c r="PFU39" s="927" t="s">
        <v>3816</v>
      </c>
      <c r="PFV39" s="927" t="s">
        <v>3816</v>
      </c>
      <c r="PFW39" s="927" t="s">
        <v>3816</v>
      </c>
      <c r="PFX39" s="927" t="s">
        <v>3816</v>
      </c>
      <c r="PFY39" s="927" t="s">
        <v>3816</v>
      </c>
      <c r="PFZ39" s="927" t="s">
        <v>3816</v>
      </c>
      <c r="PGA39" s="927" t="s">
        <v>3816</v>
      </c>
      <c r="PGB39" s="927" t="s">
        <v>3816</v>
      </c>
      <c r="PGC39" s="927" t="s">
        <v>3816</v>
      </c>
      <c r="PGD39" s="927" t="s">
        <v>3816</v>
      </c>
      <c r="PGE39" s="927" t="s">
        <v>3816</v>
      </c>
      <c r="PGF39" s="927" t="s">
        <v>3816</v>
      </c>
      <c r="PGG39" s="927" t="s">
        <v>3816</v>
      </c>
      <c r="PGH39" s="927" t="s">
        <v>3816</v>
      </c>
      <c r="PGI39" s="927" t="s">
        <v>3816</v>
      </c>
      <c r="PGJ39" s="927" t="s">
        <v>3816</v>
      </c>
      <c r="PGK39" s="927" t="s">
        <v>3816</v>
      </c>
      <c r="PGL39" s="927" t="s">
        <v>3816</v>
      </c>
      <c r="PGM39" s="927" t="s">
        <v>3816</v>
      </c>
      <c r="PGN39" s="927" t="s">
        <v>3816</v>
      </c>
      <c r="PGO39" s="927" t="s">
        <v>3816</v>
      </c>
      <c r="PGP39" s="927" t="s">
        <v>3816</v>
      </c>
      <c r="PGQ39" s="927" t="s">
        <v>3816</v>
      </c>
      <c r="PGR39" s="927" t="s">
        <v>3816</v>
      </c>
      <c r="PGS39" s="927" t="s">
        <v>3816</v>
      </c>
      <c r="PGT39" s="927" t="s">
        <v>3816</v>
      </c>
      <c r="PGU39" s="927" t="s">
        <v>3816</v>
      </c>
      <c r="PGV39" s="927" t="s">
        <v>3816</v>
      </c>
      <c r="PGW39" s="927" t="s">
        <v>3816</v>
      </c>
      <c r="PGX39" s="927" t="s">
        <v>3816</v>
      </c>
      <c r="PGY39" s="927" t="s">
        <v>3816</v>
      </c>
      <c r="PGZ39" s="927" t="s">
        <v>3816</v>
      </c>
      <c r="PHA39" s="927" t="s">
        <v>3816</v>
      </c>
      <c r="PHB39" s="927" t="s">
        <v>3816</v>
      </c>
      <c r="PHC39" s="927" t="s">
        <v>3816</v>
      </c>
      <c r="PHD39" s="927" t="s">
        <v>3816</v>
      </c>
      <c r="PHE39" s="927" t="s">
        <v>3816</v>
      </c>
      <c r="PHF39" s="927" t="s">
        <v>3816</v>
      </c>
      <c r="PHG39" s="927" t="s">
        <v>3816</v>
      </c>
      <c r="PHH39" s="927" t="s">
        <v>3816</v>
      </c>
      <c r="PHI39" s="927" t="s">
        <v>3816</v>
      </c>
      <c r="PHJ39" s="927" t="s">
        <v>3816</v>
      </c>
      <c r="PHK39" s="927" t="s">
        <v>3816</v>
      </c>
      <c r="PHL39" s="927" t="s">
        <v>3816</v>
      </c>
      <c r="PHM39" s="927" t="s">
        <v>3816</v>
      </c>
      <c r="PHN39" s="927" t="s">
        <v>3816</v>
      </c>
      <c r="PHO39" s="927" t="s">
        <v>3816</v>
      </c>
      <c r="PHP39" s="927" t="s">
        <v>3816</v>
      </c>
      <c r="PHQ39" s="927" t="s">
        <v>3816</v>
      </c>
      <c r="PHR39" s="927" t="s">
        <v>3816</v>
      </c>
      <c r="PHS39" s="927" t="s">
        <v>3816</v>
      </c>
      <c r="PHT39" s="927" t="s">
        <v>3816</v>
      </c>
      <c r="PHU39" s="927" t="s">
        <v>3816</v>
      </c>
      <c r="PHV39" s="927" t="s">
        <v>3816</v>
      </c>
      <c r="PHW39" s="927" t="s">
        <v>3816</v>
      </c>
      <c r="PHX39" s="927" t="s">
        <v>3816</v>
      </c>
      <c r="PHY39" s="927" t="s">
        <v>3816</v>
      </c>
      <c r="PHZ39" s="927" t="s">
        <v>3816</v>
      </c>
      <c r="PIA39" s="927" t="s">
        <v>3816</v>
      </c>
      <c r="PIB39" s="927" t="s">
        <v>3816</v>
      </c>
      <c r="PIC39" s="927" t="s">
        <v>3816</v>
      </c>
      <c r="PID39" s="927" t="s">
        <v>3816</v>
      </c>
      <c r="PIE39" s="927" t="s">
        <v>3816</v>
      </c>
      <c r="PIF39" s="927" t="s">
        <v>3816</v>
      </c>
      <c r="PIG39" s="927" t="s">
        <v>3816</v>
      </c>
      <c r="PIH39" s="927" t="s">
        <v>3816</v>
      </c>
      <c r="PII39" s="927" t="s">
        <v>3816</v>
      </c>
      <c r="PIJ39" s="927" t="s">
        <v>3816</v>
      </c>
      <c r="PIK39" s="927" t="s">
        <v>3816</v>
      </c>
      <c r="PIL39" s="927" t="s">
        <v>3816</v>
      </c>
      <c r="PIM39" s="927" t="s">
        <v>3816</v>
      </c>
      <c r="PIN39" s="927" t="s">
        <v>3816</v>
      </c>
      <c r="PIO39" s="927" t="s">
        <v>3816</v>
      </c>
      <c r="PIP39" s="927" t="s">
        <v>3816</v>
      </c>
      <c r="PIQ39" s="927" t="s">
        <v>3816</v>
      </c>
      <c r="PIR39" s="927" t="s">
        <v>3816</v>
      </c>
      <c r="PIS39" s="927" t="s">
        <v>3816</v>
      </c>
      <c r="PIT39" s="927" t="s">
        <v>3816</v>
      </c>
      <c r="PIU39" s="927" t="s">
        <v>3816</v>
      </c>
      <c r="PIV39" s="927" t="s">
        <v>3816</v>
      </c>
      <c r="PIW39" s="927" t="s">
        <v>3816</v>
      </c>
      <c r="PIX39" s="927" t="s">
        <v>3816</v>
      </c>
      <c r="PIY39" s="927" t="s">
        <v>3816</v>
      </c>
      <c r="PIZ39" s="927" t="s">
        <v>3816</v>
      </c>
      <c r="PJA39" s="927" t="s">
        <v>3816</v>
      </c>
      <c r="PJB39" s="927" t="s">
        <v>3816</v>
      </c>
      <c r="PJC39" s="927" t="s">
        <v>3816</v>
      </c>
      <c r="PJD39" s="927" t="s">
        <v>3816</v>
      </c>
      <c r="PJE39" s="927" t="s">
        <v>3816</v>
      </c>
      <c r="PJF39" s="927" t="s">
        <v>3816</v>
      </c>
      <c r="PJG39" s="927" t="s">
        <v>3816</v>
      </c>
      <c r="PJH39" s="927" t="s">
        <v>3816</v>
      </c>
      <c r="PJI39" s="927" t="s">
        <v>3816</v>
      </c>
      <c r="PJJ39" s="927" t="s">
        <v>3816</v>
      </c>
      <c r="PJK39" s="927" t="s">
        <v>3816</v>
      </c>
      <c r="PJL39" s="927" t="s">
        <v>3816</v>
      </c>
      <c r="PJM39" s="927" t="s">
        <v>3816</v>
      </c>
      <c r="PJN39" s="927" t="s">
        <v>3816</v>
      </c>
      <c r="PJO39" s="927" t="s">
        <v>3816</v>
      </c>
      <c r="PJP39" s="927" t="s">
        <v>3816</v>
      </c>
      <c r="PJQ39" s="927" t="s">
        <v>3816</v>
      </c>
      <c r="PJR39" s="927" t="s">
        <v>3816</v>
      </c>
      <c r="PJS39" s="927" t="s">
        <v>3816</v>
      </c>
      <c r="PJT39" s="927" t="s">
        <v>3816</v>
      </c>
      <c r="PJU39" s="927" t="s">
        <v>3816</v>
      </c>
      <c r="PJV39" s="927" t="s">
        <v>3816</v>
      </c>
      <c r="PJW39" s="927" t="s">
        <v>3816</v>
      </c>
      <c r="PJX39" s="927" t="s">
        <v>3816</v>
      </c>
      <c r="PJY39" s="927" t="s">
        <v>3816</v>
      </c>
      <c r="PJZ39" s="927" t="s">
        <v>3816</v>
      </c>
      <c r="PKA39" s="927" t="s">
        <v>3816</v>
      </c>
      <c r="PKB39" s="927" t="s">
        <v>3816</v>
      </c>
      <c r="PKC39" s="927" t="s">
        <v>3816</v>
      </c>
      <c r="PKD39" s="927" t="s">
        <v>3816</v>
      </c>
      <c r="PKE39" s="927" t="s">
        <v>3816</v>
      </c>
      <c r="PKF39" s="927" t="s">
        <v>3816</v>
      </c>
      <c r="PKG39" s="927" t="s">
        <v>3816</v>
      </c>
      <c r="PKH39" s="927" t="s">
        <v>3816</v>
      </c>
      <c r="PKI39" s="927" t="s">
        <v>3816</v>
      </c>
      <c r="PKJ39" s="927" t="s">
        <v>3816</v>
      </c>
      <c r="PKK39" s="927" t="s">
        <v>3816</v>
      </c>
      <c r="PKL39" s="927" t="s">
        <v>3816</v>
      </c>
      <c r="PKM39" s="927" t="s">
        <v>3816</v>
      </c>
      <c r="PKN39" s="927" t="s">
        <v>3816</v>
      </c>
      <c r="PKO39" s="927" t="s">
        <v>3816</v>
      </c>
      <c r="PKP39" s="927" t="s">
        <v>3816</v>
      </c>
      <c r="PKQ39" s="927" t="s">
        <v>3816</v>
      </c>
      <c r="PKR39" s="927" t="s">
        <v>3816</v>
      </c>
      <c r="PKS39" s="927" t="s">
        <v>3816</v>
      </c>
      <c r="PKT39" s="927" t="s">
        <v>3816</v>
      </c>
      <c r="PKU39" s="927" t="s">
        <v>3816</v>
      </c>
      <c r="PKV39" s="927" t="s">
        <v>3816</v>
      </c>
      <c r="PKW39" s="927" t="s">
        <v>3816</v>
      </c>
      <c r="PKX39" s="927" t="s">
        <v>3816</v>
      </c>
      <c r="PKY39" s="927" t="s">
        <v>3816</v>
      </c>
      <c r="PKZ39" s="927" t="s">
        <v>3816</v>
      </c>
      <c r="PLA39" s="927" t="s">
        <v>3816</v>
      </c>
      <c r="PLB39" s="927" t="s">
        <v>3816</v>
      </c>
      <c r="PLC39" s="927" t="s">
        <v>3816</v>
      </c>
      <c r="PLD39" s="927" t="s">
        <v>3816</v>
      </c>
      <c r="PLE39" s="927" t="s">
        <v>3816</v>
      </c>
      <c r="PLF39" s="927" t="s">
        <v>3816</v>
      </c>
      <c r="PLG39" s="927" t="s">
        <v>3816</v>
      </c>
      <c r="PLH39" s="927" t="s">
        <v>3816</v>
      </c>
      <c r="PLI39" s="927" t="s">
        <v>3816</v>
      </c>
      <c r="PLJ39" s="927" t="s">
        <v>3816</v>
      </c>
      <c r="PLK39" s="927" t="s">
        <v>3816</v>
      </c>
      <c r="PLL39" s="927" t="s">
        <v>3816</v>
      </c>
      <c r="PLM39" s="927" t="s">
        <v>3816</v>
      </c>
      <c r="PLN39" s="927" t="s">
        <v>3816</v>
      </c>
      <c r="PLO39" s="927" t="s">
        <v>3816</v>
      </c>
      <c r="PLP39" s="927" t="s">
        <v>3816</v>
      </c>
      <c r="PLQ39" s="927" t="s">
        <v>3816</v>
      </c>
      <c r="PLR39" s="927" t="s">
        <v>3816</v>
      </c>
      <c r="PLS39" s="927" t="s">
        <v>3816</v>
      </c>
      <c r="PLT39" s="927" t="s">
        <v>3816</v>
      </c>
      <c r="PLU39" s="927" t="s">
        <v>3816</v>
      </c>
      <c r="PLV39" s="927" t="s">
        <v>3816</v>
      </c>
      <c r="PLW39" s="927" t="s">
        <v>3816</v>
      </c>
      <c r="PLX39" s="927" t="s">
        <v>3816</v>
      </c>
      <c r="PLY39" s="927" t="s">
        <v>3816</v>
      </c>
      <c r="PLZ39" s="927" t="s">
        <v>3816</v>
      </c>
      <c r="PMA39" s="927" t="s">
        <v>3816</v>
      </c>
      <c r="PMB39" s="927" t="s">
        <v>3816</v>
      </c>
      <c r="PMC39" s="927" t="s">
        <v>3816</v>
      </c>
      <c r="PMD39" s="927" t="s">
        <v>3816</v>
      </c>
      <c r="PME39" s="927" t="s">
        <v>3816</v>
      </c>
      <c r="PMF39" s="927" t="s">
        <v>3816</v>
      </c>
      <c r="PMG39" s="927" t="s">
        <v>3816</v>
      </c>
      <c r="PMH39" s="927" t="s">
        <v>3816</v>
      </c>
      <c r="PMI39" s="927" t="s">
        <v>3816</v>
      </c>
      <c r="PMJ39" s="927" t="s">
        <v>3816</v>
      </c>
      <c r="PMK39" s="927" t="s">
        <v>3816</v>
      </c>
      <c r="PML39" s="927" t="s">
        <v>3816</v>
      </c>
      <c r="PMM39" s="927" t="s">
        <v>3816</v>
      </c>
      <c r="PMN39" s="927" t="s">
        <v>3816</v>
      </c>
      <c r="PMO39" s="927" t="s">
        <v>3816</v>
      </c>
      <c r="PMP39" s="927" t="s">
        <v>3816</v>
      </c>
      <c r="PMQ39" s="927" t="s">
        <v>3816</v>
      </c>
      <c r="PMR39" s="927" t="s">
        <v>3816</v>
      </c>
      <c r="PMS39" s="927" t="s">
        <v>3816</v>
      </c>
      <c r="PMT39" s="927" t="s">
        <v>3816</v>
      </c>
      <c r="PMU39" s="927" t="s">
        <v>3816</v>
      </c>
      <c r="PMV39" s="927" t="s">
        <v>3816</v>
      </c>
      <c r="PMW39" s="927" t="s">
        <v>3816</v>
      </c>
      <c r="PMX39" s="927" t="s">
        <v>3816</v>
      </c>
      <c r="PMY39" s="927" t="s">
        <v>3816</v>
      </c>
      <c r="PMZ39" s="927" t="s">
        <v>3816</v>
      </c>
      <c r="PNA39" s="927" t="s">
        <v>3816</v>
      </c>
      <c r="PNB39" s="927" t="s">
        <v>3816</v>
      </c>
      <c r="PNC39" s="927" t="s">
        <v>3816</v>
      </c>
      <c r="PND39" s="927" t="s">
        <v>3816</v>
      </c>
      <c r="PNE39" s="927" t="s">
        <v>3816</v>
      </c>
      <c r="PNF39" s="927" t="s">
        <v>3816</v>
      </c>
      <c r="PNG39" s="927" t="s">
        <v>3816</v>
      </c>
      <c r="PNH39" s="927" t="s">
        <v>3816</v>
      </c>
      <c r="PNI39" s="927" t="s">
        <v>3816</v>
      </c>
      <c r="PNJ39" s="927" t="s">
        <v>3816</v>
      </c>
      <c r="PNK39" s="927" t="s">
        <v>3816</v>
      </c>
      <c r="PNL39" s="927" t="s">
        <v>3816</v>
      </c>
      <c r="PNM39" s="927" t="s">
        <v>3816</v>
      </c>
      <c r="PNN39" s="927" t="s">
        <v>3816</v>
      </c>
      <c r="PNO39" s="927" t="s">
        <v>3816</v>
      </c>
      <c r="PNP39" s="927" t="s">
        <v>3816</v>
      </c>
      <c r="PNQ39" s="927" t="s">
        <v>3816</v>
      </c>
      <c r="PNR39" s="927" t="s">
        <v>3816</v>
      </c>
      <c r="PNS39" s="927" t="s">
        <v>3816</v>
      </c>
      <c r="PNT39" s="927" t="s">
        <v>3816</v>
      </c>
      <c r="PNU39" s="927" t="s">
        <v>3816</v>
      </c>
      <c r="PNV39" s="927" t="s">
        <v>3816</v>
      </c>
      <c r="PNW39" s="927" t="s">
        <v>3816</v>
      </c>
      <c r="PNX39" s="927" t="s">
        <v>3816</v>
      </c>
      <c r="PNY39" s="927" t="s">
        <v>3816</v>
      </c>
      <c r="PNZ39" s="927" t="s">
        <v>3816</v>
      </c>
      <c r="POA39" s="927" t="s">
        <v>3816</v>
      </c>
      <c r="POB39" s="927" t="s">
        <v>3816</v>
      </c>
      <c r="POC39" s="927" t="s">
        <v>3816</v>
      </c>
      <c r="POD39" s="927" t="s">
        <v>3816</v>
      </c>
      <c r="POE39" s="927" t="s">
        <v>3816</v>
      </c>
      <c r="POF39" s="927" t="s">
        <v>3816</v>
      </c>
      <c r="POG39" s="927" t="s">
        <v>3816</v>
      </c>
      <c r="POH39" s="927" t="s">
        <v>3816</v>
      </c>
      <c r="POI39" s="927" t="s">
        <v>3816</v>
      </c>
      <c r="POJ39" s="927" t="s">
        <v>3816</v>
      </c>
      <c r="POK39" s="927" t="s">
        <v>3816</v>
      </c>
      <c r="POL39" s="927" t="s">
        <v>3816</v>
      </c>
      <c r="POM39" s="927" t="s">
        <v>3816</v>
      </c>
      <c r="PON39" s="927" t="s">
        <v>3816</v>
      </c>
      <c r="POO39" s="927" t="s">
        <v>3816</v>
      </c>
      <c r="POP39" s="927" t="s">
        <v>3816</v>
      </c>
      <c r="POQ39" s="927" t="s">
        <v>3816</v>
      </c>
      <c r="POR39" s="927" t="s">
        <v>3816</v>
      </c>
      <c r="POS39" s="927" t="s">
        <v>3816</v>
      </c>
      <c r="POT39" s="927" t="s">
        <v>3816</v>
      </c>
      <c r="POU39" s="927" t="s">
        <v>3816</v>
      </c>
      <c r="POV39" s="927" t="s">
        <v>3816</v>
      </c>
      <c r="POW39" s="927" t="s">
        <v>3816</v>
      </c>
      <c r="POX39" s="927" t="s">
        <v>3816</v>
      </c>
      <c r="POY39" s="927" t="s">
        <v>3816</v>
      </c>
      <c r="POZ39" s="927" t="s">
        <v>3816</v>
      </c>
      <c r="PPA39" s="927" t="s">
        <v>3816</v>
      </c>
      <c r="PPB39" s="927" t="s">
        <v>3816</v>
      </c>
      <c r="PPC39" s="927" t="s">
        <v>3816</v>
      </c>
      <c r="PPD39" s="927" t="s">
        <v>3816</v>
      </c>
      <c r="PPE39" s="927" t="s">
        <v>3816</v>
      </c>
      <c r="PPF39" s="927" t="s">
        <v>3816</v>
      </c>
      <c r="PPG39" s="927" t="s">
        <v>3816</v>
      </c>
      <c r="PPH39" s="927" t="s">
        <v>3816</v>
      </c>
      <c r="PPI39" s="927" t="s">
        <v>3816</v>
      </c>
      <c r="PPJ39" s="927" t="s">
        <v>3816</v>
      </c>
      <c r="PPK39" s="927" t="s">
        <v>3816</v>
      </c>
      <c r="PPL39" s="927" t="s">
        <v>3816</v>
      </c>
      <c r="PPM39" s="927" t="s">
        <v>3816</v>
      </c>
      <c r="PPN39" s="927" t="s">
        <v>3816</v>
      </c>
      <c r="PPO39" s="927" t="s">
        <v>3816</v>
      </c>
      <c r="PPP39" s="927" t="s">
        <v>3816</v>
      </c>
      <c r="PPQ39" s="927" t="s">
        <v>3816</v>
      </c>
      <c r="PPR39" s="927" t="s">
        <v>3816</v>
      </c>
      <c r="PPS39" s="927" t="s">
        <v>3816</v>
      </c>
      <c r="PPT39" s="927" t="s">
        <v>3816</v>
      </c>
      <c r="PPU39" s="927" t="s">
        <v>3816</v>
      </c>
      <c r="PPV39" s="927" t="s">
        <v>3816</v>
      </c>
      <c r="PPW39" s="927" t="s">
        <v>3816</v>
      </c>
      <c r="PPX39" s="927" t="s">
        <v>3816</v>
      </c>
      <c r="PPY39" s="927" t="s">
        <v>3816</v>
      </c>
      <c r="PPZ39" s="927" t="s">
        <v>3816</v>
      </c>
      <c r="PQA39" s="927" t="s">
        <v>3816</v>
      </c>
      <c r="PQB39" s="927" t="s">
        <v>3816</v>
      </c>
      <c r="PQC39" s="927" t="s">
        <v>3816</v>
      </c>
      <c r="PQD39" s="927" t="s">
        <v>3816</v>
      </c>
      <c r="PQE39" s="927" t="s">
        <v>3816</v>
      </c>
      <c r="PQF39" s="927" t="s">
        <v>3816</v>
      </c>
      <c r="PQG39" s="927" t="s">
        <v>3816</v>
      </c>
      <c r="PQH39" s="927" t="s">
        <v>3816</v>
      </c>
      <c r="PQI39" s="927" t="s">
        <v>3816</v>
      </c>
      <c r="PQJ39" s="927" t="s">
        <v>3816</v>
      </c>
      <c r="PQK39" s="927" t="s">
        <v>3816</v>
      </c>
      <c r="PQL39" s="927" t="s">
        <v>3816</v>
      </c>
      <c r="PQM39" s="927" t="s">
        <v>3816</v>
      </c>
      <c r="PQN39" s="927" t="s">
        <v>3816</v>
      </c>
      <c r="PQO39" s="927" t="s">
        <v>3816</v>
      </c>
      <c r="PQP39" s="927" t="s">
        <v>3816</v>
      </c>
      <c r="PQQ39" s="927" t="s">
        <v>3816</v>
      </c>
      <c r="PQR39" s="927" t="s">
        <v>3816</v>
      </c>
      <c r="PQS39" s="927" t="s">
        <v>3816</v>
      </c>
      <c r="PQT39" s="927" t="s">
        <v>3816</v>
      </c>
      <c r="PQU39" s="927" t="s">
        <v>3816</v>
      </c>
      <c r="PQV39" s="927" t="s">
        <v>3816</v>
      </c>
      <c r="PQW39" s="927" t="s">
        <v>3816</v>
      </c>
      <c r="PQX39" s="927" t="s">
        <v>3816</v>
      </c>
      <c r="PQY39" s="927" t="s">
        <v>3816</v>
      </c>
      <c r="PQZ39" s="927" t="s">
        <v>3816</v>
      </c>
      <c r="PRA39" s="927" t="s">
        <v>3816</v>
      </c>
      <c r="PRB39" s="927" t="s">
        <v>3816</v>
      </c>
      <c r="PRC39" s="927" t="s">
        <v>3816</v>
      </c>
      <c r="PRD39" s="927" t="s">
        <v>3816</v>
      </c>
      <c r="PRE39" s="927" t="s">
        <v>3816</v>
      </c>
      <c r="PRF39" s="927" t="s">
        <v>3816</v>
      </c>
      <c r="PRG39" s="927" t="s">
        <v>3816</v>
      </c>
      <c r="PRH39" s="927" t="s">
        <v>3816</v>
      </c>
      <c r="PRI39" s="927" t="s">
        <v>3816</v>
      </c>
      <c r="PRJ39" s="927" t="s">
        <v>3816</v>
      </c>
      <c r="PRK39" s="927" t="s">
        <v>3816</v>
      </c>
      <c r="PRL39" s="927" t="s">
        <v>3816</v>
      </c>
      <c r="PRM39" s="927" t="s">
        <v>3816</v>
      </c>
      <c r="PRN39" s="927" t="s">
        <v>3816</v>
      </c>
      <c r="PRO39" s="927" t="s">
        <v>3816</v>
      </c>
      <c r="PRP39" s="927" t="s">
        <v>3816</v>
      </c>
      <c r="PRQ39" s="927" t="s">
        <v>3816</v>
      </c>
      <c r="PRR39" s="927" t="s">
        <v>3816</v>
      </c>
      <c r="PRS39" s="927" t="s">
        <v>3816</v>
      </c>
      <c r="PRT39" s="927" t="s">
        <v>3816</v>
      </c>
      <c r="PRU39" s="927" t="s">
        <v>3816</v>
      </c>
      <c r="PRV39" s="927" t="s">
        <v>3816</v>
      </c>
      <c r="PRW39" s="927" t="s">
        <v>3816</v>
      </c>
      <c r="PRX39" s="927" t="s">
        <v>3816</v>
      </c>
      <c r="PRY39" s="927" t="s">
        <v>3816</v>
      </c>
      <c r="PRZ39" s="927" t="s">
        <v>3816</v>
      </c>
      <c r="PSA39" s="927" t="s">
        <v>3816</v>
      </c>
      <c r="PSB39" s="927" t="s">
        <v>3816</v>
      </c>
      <c r="PSC39" s="927" t="s">
        <v>3816</v>
      </c>
      <c r="PSD39" s="927" t="s">
        <v>3816</v>
      </c>
      <c r="PSE39" s="927" t="s">
        <v>3816</v>
      </c>
      <c r="PSF39" s="927" t="s">
        <v>3816</v>
      </c>
      <c r="PSG39" s="927" t="s">
        <v>3816</v>
      </c>
      <c r="PSH39" s="927" t="s">
        <v>3816</v>
      </c>
      <c r="PSI39" s="927" t="s">
        <v>3816</v>
      </c>
      <c r="PSJ39" s="927" t="s">
        <v>3816</v>
      </c>
      <c r="PSK39" s="927" t="s">
        <v>3816</v>
      </c>
      <c r="PSL39" s="927" t="s">
        <v>3816</v>
      </c>
      <c r="PSM39" s="927" t="s">
        <v>3816</v>
      </c>
      <c r="PSN39" s="927" t="s">
        <v>3816</v>
      </c>
      <c r="PSO39" s="927" t="s">
        <v>3816</v>
      </c>
      <c r="PSP39" s="927" t="s">
        <v>3816</v>
      </c>
      <c r="PSQ39" s="927" t="s">
        <v>3816</v>
      </c>
      <c r="PSR39" s="927" t="s">
        <v>3816</v>
      </c>
      <c r="PSS39" s="927" t="s">
        <v>3816</v>
      </c>
      <c r="PST39" s="927" t="s">
        <v>3816</v>
      </c>
      <c r="PSU39" s="927" t="s">
        <v>3816</v>
      </c>
      <c r="PSV39" s="927" t="s">
        <v>3816</v>
      </c>
      <c r="PSW39" s="927" t="s">
        <v>3816</v>
      </c>
      <c r="PSX39" s="927" t="s">
        <v>3816</v>
      </c>
      <c r="PSY39" s="927" t="s">
        <v>3816</v>
      </c>
      <c r="PSZ39" s="927" t="s">
        <v>3816</v>
      </c>
      <c r="PTA39" s="927" t="s">
        <v>3816</v>
      </c>
      <c r="PTB39" s="927" t="s">
        <v>3816</v>
      </c>
      <c r="PTC39" s="927" t="s">
        <v>3816</v>
      </c>
      <c r="PTD39" s="927" t="s">
        <v>3816</v>
      </c>
      <c r="PTE39" s="927" t="s">
        <v>3816</v>
      </c>
      <c r="PTF39" s="927" t="s">
        <v>3816</v>
      </c>
      <c r="PTG39" s="927" t="s">
        <v>3816</v>
      </c>
      <c r="PTH39" s="927" t="s">
        <v>3816</v>
      </c>
      <c r="PTI39" s="927" t="s">
        <v>3816</v>
      </c>
      <c r="PTJ39" s="927" t="s">
        <v>3816</v>
      </c>
      <c r="PTK39" s="927" t="s">
        <v>3816</v>
      </c>
      <c r="PTL39" s="927" t="s">
        <v>3816</v>
      </c>
      <c r="PTM39" s="927" t="s">
        <v>3816</v>
      </c>
      <c r="PTN39" s="927" t="s">
        <v>3816</v>
      </c>
      <c r="PTO39" s="927" t="s">
        <v>3816</v>
      </c>
      <c r="PTP39" s="927" t="s">
        <v>3816</v>
      </c>
      <c r="PTQ39" s="927" t="s">
        <v>3816</v>
      </c>
      <c r="PTR39" s="927" t="s">
        <v>3816</v>
      </c>
      <c r="PTS39" s="927" t="s">
        <v>3816</v>
      </c>
      <c r="PTT39" s="927" t="s">
        <v>3816</v>
      </c>
      <c r="PTU39" s="927" t="s">
        <v>3816</v>
      </c>
      <c r="PTV39" s="927" t="s">
        <v>3816</v>
      </c>
      <c r="PTW39" s="927" t="s">
        <v>3816</v>
      </c>
      <c r="PTX39" s="927" t="s">
        <v>3816</v>
      </c>
      <c r="PTY39" s="927" t="s">
        <v>3816</v>
      </c>
      <c r="PTZ39" s="927" t="s">
        <v>3816</v>
      </c>
      <c r="PUA39" s="927" t="s">
        <v>3816</v>
      </c>
      <c r="PUB39" s="927" t="s">
        <v>3816</v>
      </c>
      <c r="PUC39" s="927" t="s">
        <v>3816</v>
      </c>
      <c r="PUD39" s="927" t="s">
        <v>3816</v>
      </c>
      <c r="PUE39" s="927" t="s">
        <v>3816</v>
      </c>
      <c r="PUF39" s="927" t="s">
        <v>3816</v>
      </c>
      <c r="PUG39" s="927" t="s">
        <v>3816</v>
      </c>
      <c r="PUH39" s="927" t="s">
        <v>3816</v>
      </c>
      <c r="PUI39" s="927" t="s">
        <v>3816</v>
      </c>
      <c r="PUJ39" s="927" t="s">
        <v>3816</v>
      </c>
      <c r="PUK39" s="927" t="s">
        <v>3816</v>
      </c>
      <c r="PUL39" s="927" t="s">
        <v>3816</v>
      </c>
      <c r="PUM39" s="927" t="s">
        <v>3816</v>
      </c>
      <c r="PUN39" s="927" t="s">
        <v>3816</v>
      </c>
      <c r="PUO39" s="927" t="s">
        <v>3816</v>
      </c>
      <c r="PUP39" s="927" t="s">
        <v>3816</v>
      </c>
      <c r="PUQ39" s="927" t="s">
        <v>3816</v>
      </c>
      <c r="PUR39" s="927" t="s">
        <v>3816</v>
      </c>
      <c r="PUS39" s="927" t="s">
        <v>3816</v>
      </c>
      <c r="PUT39" s="927" t="s">
        <v>3816</v>
      </c>
      <c r="PUU39" s="927" t="s">
        <v>3816</v>
      </c>
      <c r="PUV39" s="927" t="s">
        <v>3816</v>
      </c>
      <c r="PUW39" s="927" t="s">
        <v>3816</v>
      </c>
      <c r="PUX39" s="927" t="s">
        <v>3816</v>
      </c>
      <c r="PUY39" s="927" t="s">
        <v>3816</v>
      </c>
      <c r="PUZ39" s="927" t="s">
        <v>3816</v>
      </c>
      <c r="PVA39" s="927" t="s">
        <v>3816</v>
      </c>
      <c r="PVB39" s="927" t="s">
        <v>3816</v>
      </c>
      <c r="PVC39" s="927" t="s">
        <v>3816</v>
      </c>
      <c r="PVD39" s="927" t="s">
        <v>3816</v>
      </c>
      <c r="PVE39" s="927" t="s">
        <v>3816</v>
      </c>
      <c r="PVF39" s="927" t="s">
        <v>3816</v>
      </c>
      <c r="PVG39" s="927" t="s">
        <v>3816</v>
      </c>
      <c r="PVH39" s="927" t="s">
        <v>3816</v>
      </c>
      <c r="PVI39" s="927" t="s">
        <v>3816</v>
      </c>
      <c r="PVJ39" s="927" t="s">
        <v>3816</v>
      </c>
      <c r="PVK39" s="927" t="s">
        <v>3816</v>
      </c>
      <c r="PVL39" s="927" t="s">
        <v>3816</v>
      </c>
      <c r="PVM39" s="927" t="s">
        <v>3816</v>
      </c>
      <c r="PVN39" s="927" t="s">
        <v>3816</v>
      </c>
      <c r="PVO39" s="927" t="s">
        <v>3816</v>
      </c>
      <c r="PVP39" s="927" t="s">
        <v>3816</v>
      </c>
      <c r="PVQ39" s="927" t="s">
        <v>3816</v>
      </c>
      <c r="PVR39" s="927" t="s">
        <v>3816</v>
      </c>
      <c r="PVS39" s="927" t="s">
        <v>3816</v>
      </c>
      <c r="PVT39" s="927" t="s">
        <v>3816</v>
      </c>
      <c r="PVU39" s="927" t="s">
        <v>3816</v>
      </c>
      <c r="PVV39" s="927" t="s">
        <v>3816</v>
      </c>
      <c r="PVW39" s="927" t="s">
        <v>3816</v>
      </c>
      <c r="PVX39" s="927" t="s">
        <v>3816</v>
      </c>
      <c r="PVY39" s="927" t="s">
        <v>3816</v>
      </c>
      <c r="PVZ39" s="927" t="s">
        <v>3816</v>
      </c>
      <c r="PWA39" s="927" t="s">
        <v>3816</v>
      </c>
      <c r="PWB39" s="927" t="s">
        <v>3816</v>
      </c>
      <c r="PWC39" s="927" t="s">
        <v>3816</v>
      </c>
      <c r="PWD39" s="927" t="s">
        <v>3816</v>
      </c>
      <c r="PWE39" s="927" t="s">
        <v>3816</v>
      </c>
      <c r="PWF39" s="927" t="s">
        <v>3816</v>
      </c>
      <c r="PWG39" s="927" t="s">
        <v>3816</v>
      </c>
      <c r="PWH39" s="927" t="s">
        <v>3816</v>
      </c>
      <c r="PWI39" s="927" t="s">
        <v>3816</v>
      </c>
      <c r="PWJ39" s="927" t="s">
        <v>3816</v>
      </c>
      <c r="PWK39" s="927" t="s">
        <v>3816</v>
      </c>
      <c r="PWL39" s="927" t="s">
        <v>3816</v>
      </c>
      <c r="PWM39" s="927" t="s">
        <v>3816</v>
      </c>
      <c r="PWN39" s="927" t="s">
        <v>3816</v>
      </c>
      <c r="PWO39" s="927" t="s">
        <v>3816</v>
      </c>
      <c r="PWP39" s="927" t="s">
        <v>3816</v>
      </c>
      <c r="PWQ39" s="927" t="s">
        <v>3816</v>
      </c>
      <c r="PWR39" s="927" t="s">
        <v>3816</v>
      </c>
      <c r="PWS39" s="927" t="s">
        <v>3816</v>
      </c>
      <c r="PWT39" s="927" t="s">
        <v>3816</v>
      </c>
      <c r="PWU39" s="927" t="s">
        <v>3816</v>
      </c>
      <c r="PWV39" s="927" t="s">
        <v>3816</v>
      </c>
      <c r="PWW39" s="927" t="s">
        <v>3816</v>
      </c>
      <c r="PWX39" s="927" t="s">
        <v>3816</v>
      </c>
      <c r="PWY39" s="927" t="s">
        <v>3816</v>
      </c>
      <c r="PWZ39" s="927" t="s">
        <v>3816</v>
      </c>
      <c r="PXA39" s="927" t="s">
        <v>3816</v>
      </c>
      <c r="PXB39" s="927" t="s">
        <v>3816</v>
      </c>
      <c r="PXC39" s="927" t="s">
        <v>3816</v>
      </c>
      <c r="PXD39" s="927" t="s">
        <v>3816</v>
      </c>
      <c r="PXE39" s="927" t="s">
        <v>3816</v>
      </c>
      <c r="PXF39" s="927" t="s">
        <v>3816</v>
      </c>
      <c r="PXG39" s="927" t="s">
        <v>3816</v>
      </c>
      <c r="PXH39" s="927" t="s">
        <v>3816</v>
      </c>
      <c r="PXI39" s="927" t="s">
        <v>3816</v>
      </c>
      <c r="PXJ39" s="927" t="s">
        <v>3816</v>
      </c>
      <c r="PXK39" s="927" t="s">
        <v>3816</v>
      </c>
      <c r="PXL39" s="927" t="s">
        <v>3816</v>
      </c>
      <c r="PXM39" s="927" t="s">
        <v>3816</v>
      </c>
      <c r="PXN39" s="927" t="s">
        <v>3816</v>
      </c>
      <c r="PXO39" s="927" t="s">
        <v>3816</v>
      </c>
      <c r="PXP39" s="927" t="s">
        <v>3816</v>
      </c>
      <c r="PXQ39" s="927" t="s">
        <v>3816</v>
      </c>
      <c r="PXR39" s="927" t="s">
        <v>3816</v>
      </c>
      <c r="PXS39" s="927" t="s">
        <v>3816</v>
      </c>
      <c r="PXT39" s="927" t="s">
        <v>3816</v>
      </c>
      <c r="PXU39" s="927" t="s">
        <v>3816</v>
      </c>
      <c r="PXV39" s="927" t="s">
        <v>3816</v>
      </c>
      <c r="PXW39" s="927" t="s">
        <v>3816</v>
      </c>
      <c r="PXX39" s="927" t="s">
        <v>3816</v>
      </c>
      <c r="PXY39" s="927" t="s">
        <v>3816</v>
      </c>
      <c r="PXZ39" s="927" t="s">
        <v>3816</v>
      </c>
      <c r="PYA39" s="927" t="s">
        <v>3816</v>
      </c>
      <c r="PYB39" s="927" t="s">
        <v>3816</v>
      </c>
      <c r="PYC39" s="927" t="s">
        <v>3816</v>
      </c>
      <c r="PYD39" s="927" t="s">
        <v>3816</v>
      </c>
      <c r="PYE39" s="927" t="s">
        <v>3816</v>
      </c>
      <c r="PYF39" s="927" t="s">
        <v>3816</v>
      </c>
      <c r="PYG39" s="927" t="s">
        <v>3816</v>
      </c>
      <c r="PYH39" s="927" t="s">
        <v>3816</v>
      </c>
      <c r="PYI39" s="927" t="s">
        <v>3816</v>
      </c>
      <c r="PYJ39" s="927" t="s">
        <v>3816</v>
      </c>
      <c r="PYK39" s="927" t="s">
        <v>3816</v>
      </c>
      <c r="PYL39" s="927" t="s">
        <v>3816</v>
      </c>
      <c r="PYM39" s="927" t="s">
        <v>3816</v>
      </c>
      <c r="PYN39" s="927" t="s">
        <v>3816</v>
      </c>
      <c r="PYO39" s="927" t="s">
        <v>3816</v>
      </c>
      <c r="PYP39" s="927" t="s">
        <v>3816</v>
      </c>
      <c r="PYQ39" s="927" t="s">
        <v>3816</v>
      </c>
      <c r="PYR39" s="927" t="s">
        <v>3816</v>
      </c>
      <c r="PYS39" s="927" t="s">
        <v>3816</v>
      </c>
      <c r="PYT39" s="927" t="s">
        <v>3816</v>
      </c>
      <c r="PYU39" s="927" t="s">
        <v>3816</v>
      </c>
      <c r="PYV39" s="927" t="s">
        <v>3816</v>
      </c>
      <c r="PYW39" s="927" t="s">
        <v>3816</v>
      </c>
      <c r="PYX39" s="927" t="s">
        <v>3816</v>
      </c>
      <c r="PYY39" s="927" t="s">
        <v>3816</v>
      </c>
      <c r="PYZ39" s="927" t="s">
        <v>3816</v>
      </c>
      <c r="PZA39" s="927" t="s">
        <v>3816</v>
      </c>
      <c r="PZB39" s="927" t="s">
        <v>3816</v>
      </c>
      <c r="PZC39" s="927" t="s">
        <v>3816</v>
      </c>
      <c r="PZD39" s="927" t="s">
        <v>3816</v>
      </c>
      <c r="PZE39" s="927" t="s">
        <v>3816</v>
      </c>
      <c r="PZF39" s="927" t="s">
        <v>3816</v>
      </c>
      <c r="PZG39" s="927" t="s">
        <v>3816</v>
      </c>
      <c r="PZH39" s="927" t="s">
        <v>3816</v>
      </c>
      <c r="PZI39" s="927" t="s">
        <v>3816</v>
      </c>
      <c r="PZJ39" s="927" t="s">
        <v>3816</v>
      </c>
      <c r="PZK39" s="927" t="s">
        <v>3816</v>
      </c>
      <c r="PZL39" s="927" t="s">
        <v>3816</v>
      </c>
      <c r="PZM39" s="927" t="s">
        <v>3816</v>
      </c>
      <c r="PZN39" s="927" t="s">
        <v>3816</v>
      </c>
      <c r="PZO39" s="927" t="s">
        <v>3816</v>
      </c>
      <c r="PZP39" s="927" t="s">
        <v>3816</v>
      </c>
      <c r="PZQ39" s="927" t="s">
        <v>3816</v>
      </c>
      <c r="PZR39" s="927" t="s">
        <v>3816</v>
      </c>
      <c r="PZS39" s="927" t="s">
        <v>3816</v>
      </c>
      <c r="PZT39" s="927" t="s">
        <v>3816</v>
      </c>
      <c r="PZU39" s="927" t="s">
        <v>3816</v>
      </c>
      <c r="PZV39" s="927" t="s">
        <v>3816</v>
      </c>
      <c r="PZW39" s="927" t="s">
        <v>3816</v>
      </c>
      <c r="PZX39" s="927" t="s">
        <v>3816</v>
      </c>
      <c r="PZY39" s="927" t="s">
        <v>3816</v>
      </c>
      <c r="PZZ39" s="927" t="s">
        <v>3816</v>
      </c>
      <c r="QAA39" s="927" t="s">
        <v>3816</v>
      </c>
      <c r="QAB39" s="927" t="s">
        <v>3816</v>
      </c>
      <c r="QAC39" s="927" t="s">
        <v>3816</v>
      </c>
      <c r="QAD39" s="927" t="s">
        <v>3816</v>
      </c>
      <c r="QAE39" s="927" t="s">
        <v>3816</v>
      </c>
      <c r="QAF39" s="927" t="s">
        <v>3816</v>
      </c>
      <c r="QAG39" s="927" t="s">
        <v>3816</v>
      </c>
      <c r="QAH39" s="927" t="s">
        <v>3816</v>
      </c>
      <c r="QAI39" s="927" t="s">
        <v>3816</v>
      </c>
      <c r="QAJ39" s="927" t="s">
        <v>3816</v>
      </c>
      <c r="QAK39" s="927" t="s">
        <v>3816</v>
      </c>
      <c r="QAL39" s="927" t="s">
        <v>3816</v>
      </c>
      <c r="QAM39" s="927" t="s">
        <v>3816</v>
      </c>
      <c r="QAN39" s="927" t="s">
        <v>3816</v>
      </c>
      <c r="QAO39" s="927" t="s">
        <v>3816</v>
      </c>
      <c r="QAP39" s="927" t="s">
        <v>3816</v>
      </c>
      <c r="QAQ39" s="927" t="s">
        <v>3816</v>
      </c>
      <c r="QAR39" s="927" t="s">
        <v>3816</v>
      </c>
      <c r="QAS39" s="927" t="s">
        <v>3816</v>
      </c>
      <c r="QAT39" s="927" t="s">
        <v>3816</v>
      </c>
      <c r="QAU39" s="927" t="s">
        <v>3816</v>
      </c>
      <c r="QAV39" s="927" t="s">
        <v>3816</v>
      </c>
      <c r="QAW39" s="927" t="s">
        <v>3816</v>
      </c>
      <c r="QAX39" s="927" t="s">
        <v>3816</v>
      </c>
      <c r="QAY39" s="927" t="s">
        <v>3816</v>
      </c>
      <c r="QAZ39" s="927" t="s">
        <v>3816</v>
      </c>
      <c r="QBA39" s="927" t="s">
        <v>3816</v>
      </c>
      <c r="QBB39" s="927" t="s">
        <v>3816</v>
      </c>
      <c r="QBC39" s="927" t="s">
        <v>3816</v>
      </c>
      <c r="QBD39" s="927" t="s">
        <v>3816</v>
      </c>
      <c r="QBE39" s="927" t="s">
        <v>3816</v>
      </c>
      <c r="QBF39" s="927" t="s">
        <v>3816</v>
      </c>
      <c r="QBG39" s="927" t="s">
        <v>3816</v>
      </c>
      <c r="QBH39" s="927" t="s">
        <v>3816</v>
      </c>
      <c r="QBI39" s="927" t="s">
        <v>3816</v>
      </c>
      <c r="QBJ39" s="927" t="s">
        <v>3816</v>
      </c>
      <c r="QBK39" s="927" t="s">
        <v>3816</v>
      </c>
      <c r="QBL39" s="927" t="s">
        <v>3816</v>
      </c>
      <c r="QBM39" s="927" t="s">
        <v>3816</v>
      </c>
      <c r="QBN39" s="927" t="s">
        <v>3816</v>
      </c>
      <c r="QBO39" s="927" t="s">
        <v>3816</v>
      </c>
      <c r="QBP39" s="927" t="s">
        <v>3816</v>
      </c>
      <c r="QBQ39" s="927" t="s">
        <v>3816</v>
      </c>
      <c r="QBR39" s="927" t="s">
        <v>3816</v>
      </c>
      <c r="QBS39" s="927" t="s">
        <v>3816</v>
      </c>
      <c r="QBT39" s="927" t="s">
        <v>3816</v>
      </c>
      <c r="QBU39" s="927" t="s">
        <v>3816</v>
      </c>
      <c r="QBV39" s="927" t="s">
        <v>3816</v>
      </c>
      <c r="QBW39" s="927" t="s">
        <v>3816</v>
      </c>
      <c r="QBX39" s="927" t="s">
        <v>3816</v>
      </c>
      <c r="QBY39" s="927" t="s">
        <v>3816</v>
      </c>
      <c r="QBZ39" s="927" t="s">
        <v>3816</v>
      </c>
      <c r="QCA39" s="927" t="s">
        <v>3816</v>
      </c>
      <c r="QCB39" s="927" t="s">
        <v>3816</v>
      </c>
      <c r="QCC39" s="927" t="s">
        <v>3816</v>
      </c>
      <c r="QCD39" s="927" t="s">
        <v>3816</v>
      </c>
      <c r="QCE39" s="927" t="s">
        <v>3816</v>
      </c>
      <c r="QCF39" s="927" t="s">
        <v>3816</v>
      </c>
      <c r="QCG39" s="927" t="s">
        <v>3816</v>
      </c>
      <c r="QCH39" s="927" t="s">
        <v>3816</v>
      </c>
      <c r="QCI39" s="927" t="s">
        <v>3816</v>
      </c>
      <c r="QCJ39" s="927" t="s">
        <v>3816</v>
      </c>
      <c r="QCK39" s="927" t="s">
        <v>3816</v>
      </c>
      <c r="QCL39" s="927" t="s">
        <v>3816</v>
      </c>
      <c r="QCM39" s="927" t="s">
        <v>3816</v>
      </c>
      <c r="QCN39" s="927" t="s">
        <v>3816</v>
      </c>
      <c r="QCO39" s="927" t="s">
        <v>3816</v>
      </c>
      <c r="QCP39" s="927" t="s">
        <v>3816</v>
      </c>
      <c r="QCQ39" s="927" t="s">
        <v>3816</v>
      </c>
      <c r="QCR39" s="927" t="s">
        <v>3816</v>
      </c>
      <c r="QCS39" s="927" t="s">
        <v>3816</v>
      </c>
      <c r="QCT39" s="927" t="s">
        <v>3816</v>
      </c>
      <c r="QCU39" s="927" t="s">
        <v>3816</v>
      </c>
      <c r="QCV39" s="927" t="s">
        <v>3816</v>
      </c>
      <c r="QCW39" s="927" t="s">
        <v>3816</v>
      </c>
      <c r="QCX39" s="927" t="s">
        <v>3816</v>
      </c>
      <c r="QCY39" s="927" t="s">
        <v>3816</v>
      </c>
      <c r="QCZ39" s="927" t="s">
        <v>3816</v>
      </c>
      <c r="QDA39" s="927" t="s">
        <v>3816</v>
      </c>
      <c r="QDB39" s="927" t="s">
        <v>3816</v>
      </c>
      <c r="QDC39" s="927" t="s">
        <v>3816</v>
      </c>
      <c r="QDD39" s="927" t="s">
        <v>3816</v>
      </c>
      <c r="QDE39" s="927" t="s">
        <v>3816</v>
      </c>
      <c r="QDF39" s="927" t="s">
        <v>3816</v>
      </c>
      <c r="QDG39" s="927" t="s">
        <v>3816</v>
      </c>
      <c r="QDH39" s="927" t="s">
        <v>3816</v>
      </c>
      <c r="QDI39" s="927" t="s">
        <v>3816</v>
      </c>
      <c r="QDJ39" s="927" t="s">
        <v>3816</v>
      </c>
      <c r="QDK39" s="927" t="s">
        <v>3816</v>
      </c>
      <c r="QDL39" s="927" t="s">
        <v>3816</v>
      </c>
      <c r="QDM39" s="927" t="s">
        <v>3816</v>
      </c>
      <c r="QDN39" s="927" t="s">
        <v>3816</v>
      </c>
      <c r="QDO39" s="927" t="s">
        <v>3816</v>
      </c>
      <c r="QDP39" s="927" t="s">
        <v>3816</v>
      </c>
      <c r="QDQ39" s="927" t="s">
        <v>3816</v>
      </c>
      <c r="QDR39" s="927" t="s">
        <v>3816</v>
      </c>
      <c r="QDS39" s="927" t="s">
        <v>3816</v>
      </c>
      <c r="QDT39" s="927" t="s">
        <v>3816</v>
      </c>
      <c r="QDU39" s="927" t="s">
        <v>3816</v>
      </c>
      <c r="QDV39" s="927" t="s">
        <v>3816</v>
      </c>
      <c r="QDW39" s="927" t="s">
        <v>3816</v>
      </c>
      <c r="QDX39" s="927" t="s">
        <v>3816</v>
      </c>
      <c r="QDY39" s="927" t="s">
        <v>3816</v>
      </c>
      <c r="QDZ39" s="927" t="s">
        <v>3816</v>
      </c>
      <c r="QEA39" s="927" t="s">
        <v>3816</v>
      </c>
      <c r="QEB39" s="927" t="s">
        <v>3816</v>
      </c>
      <c r="QEC39" s="927" t="s">
        <v>3816</v>
      </c>
      <c r="QED39" s="927" t="s">
        <v>3816</v>
      </c>
      <c r="QEE39" s="927" t="s">
        <v>3816</v>
      </c>
      <c r="QEF39" s="927" t="s">
        <v>3816</v>
      </c>
      <c r="QEG39" s="927" t="s">
        <v>3816</v>
      </c>
      <c r="QEH39" s="927" t="s">
        <v>3816</v>
      </c>
      <c r="QEI39" s="927" t="s">
        <v>3816</v>
      </c>
      <c r="QEJ39" s="927" t="s">
        <v>3816</v>
      </c>
      <c r="QEK39" s="927" t="s">
        <v>3816</v>
      </c>
      <c r="QEL39" s="927" t="s">
        <v>3816</v>
      </c>
      <c r="QEM39" s="927" t="s">
        <v>3816</v>
      </c>
      <c r="QEN39" s="927" t="s">
        <v>3816</v>
      </c>
      <c r="QEO39" s="927" t="s">
        <v>3816</v>
      </c>
      <c r="QEP39" s="927" t="s">
        <v>3816</v>
      </c>
      <c r="QEQ39" s="927" t="s">
        <v>3816</v>
      </c>
      <c r="QER39" s="927" t="s">
        <v>3816</v>
      </c>
      <c r="QES39" s="927" t="s">
        <v>3816</v>
      </c>
      <c r="QET39" s="927" t="s">
        <v>3816</v>
      </c>
      <c r="QEU39" s="927" t="s">
        <v>3816</v>
      </c>
      <c r="QEV39" s="927" t="s">
        <v>3816</v>
      </c>
      <c r="QEW39" s="927" t="s">
        <v>3816</v>
      </c>
      <c r="QEX39" s="927" t="s">
        <v>3816</v>
      </c>
      <c r="QEY39" s="927" t="s">
        <v>3816</v>
      </c>
      <c r="QEZ39" s="927" t="s">
        <v>3816</v>
      </c>
      <c r="QFA39" s="927" t="s">
        <v>3816</v>
      </c>
      <c r="QFB39" s="927" t="s">
        <v>3816</v>
      </c>
      <c r="QFC39" s="927" t="s">
        <v>3816</v>
      </c>
      <c r="QFD39" s="927" t="s">
        <v>3816</v>
      </c>
      <c r="QFE39" s="927" t="s">
        <v>3816</v>
      </c>
      <c r="QFF39" s="927" t="s">
        <v>3816</v>
      </c>
      <c r="QFG39" s="927" t="s">
        <v>3816</v>
      </c>
      <c r="QFH39" s="927" t="s">
        <v>3816</v>
      </c>
      <c r="QFI39" s="927" t="s">
        <v>3816</v>
      </c>
      <c r="QFJ39" s="927" t="s">
        <v>3816</v>
      </c>
      <c r="QFK39" s="927" t="s">
        <v>3816</v>
      </c>
      <c r="QFL39" s="927" t="s">
        <v>3816</v>
      </c>
      <c r="QFM39" s="927" t="s">
        <v>3816</v>
      </c>
      <c r="QFN39" s="927" t="s">
        <v>3816</v>
      </c>
      <c r="QFO39" s="927" t="s">
        <v>3816</v>
      </c>
      <c r="QFP39" s="927" t="s">
        <v>3816</v>
      </c>
      <c r="QFQ39" s="927" t="s">
        <v>3816</v>
      </c>
      <c r="QFR39" s="927" t="s">
        <v>3816</v>
      </c>
      <c r="QFS39" s="927" t="s">
        <v>3816</v>
      </c>
      <c r="QFT39" s="927" t="s">
        <v>3816</v>
      </c>
      <c r="QFU39" s="927" t="s">
        <v>3816</v>
      </c>
      <c r="QFV39" s="927" t="s">
        <v>3816</v>
      </c>
      <c r="QFW39" s="927" t="s">
        <v>3816</v>
      </c>
      <c r="QFX39" s="927" t="s">
        <v>3816</v>
      </c>
      <c r="QFY39" s="927" t="s">
        <v>3816</v>
      </c>
      <c r="QFZ39" s="927" t="s">
        <v>3816</v>
      </c>
      <c r="QGA39" s="927" t="s">
        <v>3816</v>
      </c>
      <c r="QGB39" s="927" t="s">
        <v>3816</v>
      </c>
      <c r="QGC39" s="927" t="s">
        <v>3816</v>
      </c>
      <c r="QGD39" s="927" t="s">
        <v>3816</v>
      </c>
      <c r="QGE39" s="927" t="s">
        <v>3816</v>
      </c>
      <c r="QGF39" s="927" t="s">
        <v>3816</v>
      </c>
      <c r="QGG39" s="927" t="s">
        <v>3816</v>
      </c>
      <c r="QGH39" s="927" t="s">
        <v>3816</v>
      </c>
      <c r="QGI39" s="927" t="s">
        <v>3816</v>
      </c>
      <c r="QGJ39" s="927" t="s">
        <v>3816</v>
      </c>
      <c r="QGK39" s="927" t="s">
        <v>3816</v>
      </c>
      <c r="QGL39" s="927" t="s">
        <v>3816</v>
      </c>
      <c r="QGM39" s="927" t="s">
        <v>3816</v>
      </c>
      <c r="QGN39" s="927" t="s">
        <v>3816</v>
      </c>
      <c r="QGO39" s="927" t="s">
        <v>3816</v>
      </c>
      <c r="QGP39" s="927" t="s">
        <v>3816</v>
      </c>
      <c r="QGQ39" s="927" t="s">
        <v>3816</v>
      </c>
      <c r="QGR39" s="927" t="s">
        <v>3816</v>
      </c>
      <c r="QGS39" s="927" t="s">
        <v>3816</v>
      </c>
      <c r="QGT39" s="927" t="s">
        <v>3816</v>
      </c>
      <c r="QGU39" s="927" t="s">
        <v>3816</v>
      </c>
      <c r="QGV39" s="927" t="s">
        <v>3816</v>
      </c>
      <c r="QGW39" s="927" t="s">
        <v>3816</v>
      </c>
      <c r="QGX39" s="927" t="s">
        <v>3816</v>
      </c>
      <c r="QGY39" s="927" t="s">
        <v>3816</v>
      </c>
      <c r="QGZ39" s="927" t="s">
        <v>3816</v>
      </c>
      <c r="QHA39" s="927" t="s">
        <v>3816</v>
      </c>
      <c r="QHB39" s="927" t="s">
        <v>3816</v>
      </c>
      <c r="QHC39" s="927" t="s">
        <v>3816</v>
      </c>
      <c r="QHD39" s="927" t="s">
        <v>3816</v>
      </c>
      <c r="QHE39" s="927" t="s">
        <v>3816</v>
      </c>
      <c r="QHF39" s="927" t="s">
        <v>3816</v>
      </c>
      <c r="QHG39" s="927" t="s">
        <v>3816</v>
      </c>
      <c r="QHH39" s="927" t="s">
        <v>3816</v>
      </c>
      <c r="QHI39" s="927" t="s">
        <v>3816</v>
      </c>
      <c r="QHJ39" s="927" t="s">
        <v>3816</v>
      </c>
      <c r="QHK39" s="927" t="s">
        <v>3816</v>
      </c>
      <c r="QHL39" s="927" t="s">
        <v>3816</v>
      </c>
      <c r="QHM39" s="927" t="s">
        <v>3816</v>
      </c>
      <c r="QHN39" s="927" t="s">
        <v>3816</v>
      </c>
      <c r="QHO39" s="927" t="s">
        <v>3816</v>
      </c>
      <c r="QHP39" s="927" t="s">
        <v>3816</v>
      </c>
      <c r="QHQ39" s="927" t="s">
        <v>3816</v>
      </c>
      <c r="QHR39" s="927" t="s">
        <v>3816</v>
      </c>
      <c r="QHS39" s="927" t="s">
        <v>3816</v>
      </c>
      <c r="QHT39" s="927" t="s">
        <v>3816</v>
      </c>
      <c r="QHU39" s="927" t="s">
        <v>3816</v>
      </c>
      <c r="QHV39" s="927" t="s">
        <v>3816</v>
      </c>
      <c r="QHW39" s="927" t="s">
        <v>3816</v>
      </c>
      <c r="QHX39" s="927" t="s">
        <v>3816</v>
      </c>
      <c r="QHY39" s="927" t="s">
        <v>3816</v>
      </c>
      <c r="QHZ39" s="927" t="s">
        <v>3816</v>
      </c>
      <c r="QIA39" s="927" t="s">
        <v>3816</v>
      </c>
      <c r="QIB39" s="927" t="s">
        <v>3816</v>
      </c>
      <c r="QIC39" s="927" t="s">
        <v>3816</v>
      </c>
      <c r="QID39" s="927" t="s">
        <v>3816</v>
      </c>
      <c r="QIE39" s="927" t="s">
        <v>3816</v>
      </c>
      <c r="QIF39" s="927" t="s">
        <v>3816</v>
      </c>
      <c r="QIG39" s="927" t="s">
        <v>3816</v>
      </c>
      <c r="QIH39" s="927" t="s">
        <v>3816</v>
      </c>
      <c r="QII39" s="927" t="s">
        <v>3816</v>
      </c>
      <c r="QIJ39" s="927" t="s">
        <v>3816</v>
      </c>
      <c r="QIK39" s="927" t="s">
        <v>3816</v>
      </c>
      <c r="QIL39" s="927" t="s">
        <v>3816</v>
      </c>
      <c r="QIM39" s="927" t="s">
        <v>3816</v>
      </c>
      <c r="QIN39" s="927" t="s">
        <v>3816</v>
      </c>
      <c r="QIO39" s="927" t="s">
        <v>3816</v>
      </c>
      <c r="QIP39" s="927" t="s">
        <v>3816</v>
      </c>
      <c r="QIQ39" s="927" t="s">
        <v>3816</v>
      </c>
      <c r="QIR39" s="927" t="s">
        <v>3816</v>
      </c>
      <c r="QIS39" s="927" t="s">
        <v>3816</v>
      </c>
      <c r="QIT39" s="927" t="s">
        <v>3816</v>
      </c>
      <c r="QIU39" s="927" t="s">
        <v>3816</v>
      </c>
      <c r="QIV39" s="927" t="s">
        <v>3816</v>
      </c>
      <c r="QIW39" s="927" t="s">
        <v>3816</v>
      </c>
      <c r="QIX39" s="927" t="s">
        <v>3816</v>
      </c>
      <c r="QIY39" s="927" t="s">
        <v>3816</v>
      </c>
      <c r="QIZ39" s="927" t="s">
        <v>3816</v>
      </c>
      <c r="QJA39" s="927" t="s">
        <v>3816</v>
      </c>
      <c r="QJB39" s="927" t="s">
        <v>3816</v>
      </c>
      <c r="QJC39" s="927" t="s">
        <v>3816</v>
      </c>
      <c r="QJD39" s="927" t="s">
        <v>3816</v>
      </c>
      <c r="QJE39" s="927" t="s">
        <v>3816</v>
      </c>
      <c r="QJF39" s="927" t="s">
        <v>3816</v>
      </c>
      <c r="QJG39" s="927" t="s">
        <v>3816</v>
      </c>
      <c r="QJH39" s="927" t="s">
        <v>3816</v>
      </c>
      <c r="QJI39" s="927" t="s">
        <v>3816</v>
      </c>
      <c r="QJJ39" s="927" t="s">
        <v>3816</v>
      </c>
      <c r="QJK39" s="927" t="s">
        <v>3816</v>
      </c>
      <c r="QJL39" s="927" t="s">
        <v>3816</v>
      </c>
      <c r="QJM39" s="927" t="s">
        <v>3816</v>
      </c>
      <c r="QJN39" s="927" t="s">
        <v>3816</v>
      </c>
      <c r="QJO39" s="927" t="s">
        <v>3816</v>
      </c>
      <c r="QJP39" s="927" t="s">
        <v>3816</v>
      </c>
      <c r="QJQ39" s="927" t="s">
        <v>3816</v>
      </c>
      <c r="QJR39" s="927" t="s">
        <v>3816</v>
      </c>
      <c r="QJS39" s="927" t="s">
        <v>3816</v>
      </c>
      <c r="QJT39" s="927" t="s">
        <v>3816</v>
      </c>
      <c r="QJU39" s="927" t="s">
        <v>3816</v>
      </c>
      <c r="QJV39" s="927" t="s">
        <v>3816</v>
      </c>
      <c r="QJW39" s="927" t="s">
        <v>3816</v>
      </c>
      <c r="QJX39" s="927" t="s">
        <v>3816</v>
      </c>
      <c r="QJY39" s="927" t="s">
        <v>3816</v>
      </c>
      <c r="QJZ39" s="927" t="s">
        <v>3816</v>
      </c>
      <c r="QKA39" s="927" t="s">
        <v>3816</v>
      </c>
      <c r="QKB39" s="927" t="s">
        <v>3816</v>
      </c>
      <c r="QKC39" s="927" t="s">
        <v>3816</v>
      </c>
      <c r="QKD39" s="927" t="s">
        <v>3816</v>
      </c>
      <c r="QKE39" s="927" t="s">
        <v>3816</v>
      </c>
      <c r="QKF39" s="927" t="s">
        <v>3816</v>
      </c>
      <c r="QKG39" s="927" t="s">
        <v>3816</v>
      </c>
      <c r="QKH39" s="927" t="s">
        <v>3816</v>
      </c>
      <c r="QKI39" s="927" t="s">
        <v>3816</v>
      </c>
      <c r="QKJ39" s="927" t="s">
        <v>3816</v>
      </c>
      <c r="QKK39" s="927" t="s">
        <v>3816</v>
      </c>
      <c r="QKL39" s="927" t="s">
        <v>3816</v>
      </c>
      <c r="QKM39" s="927" t="s">
        <v>3816</v>
      </c>
      <c r="QKN39" s="927" t="s">
        <v>3816</v>
      </c>
      <c r="QKO39" s="927" t="s">
        <v>3816</v>
      </c>
      <c r="QKP39" s="927" t="s">
        <v>3816</v>
      </c>
      <c r="QKQ39" s="927" t="s">
        <v>3816</v>
      </c>
      <c r="QKR39" s="927" t="s">
        <v>3816</v>
      </c>
      <c r="QKS39" s="927" t="s">
        <v>3816</v>
      </c>
      <c r="QKT39" s="927" t="s">
        <v>3816</v>
      </c>
      <c r="QKU39" s="927" t="s">
        <v>3816</v>
      </c>
      <c r="QKV39" s="927" t="s">
        <v>3816</v>
      </c>
      <c r="QKW39" s="927" t="s">
        <v>3816</v>
      </c>
      <c r="QKX39" s="927" t="s">
        <v>3816</v>
      </c>
      <c r="QKY39" s="927" t="s">
        <v>3816</v>
      </c>
      <c r="QKZ39" s="927" t="s">
        <v>3816</v>
      </c>
      <c r="QLA39" s="927" t="s">
        <v>3816</v>
      </c>
      <c r="QLB39" s="927" t="s">
        <v>3816</v>
      </c>
      <c r="QLC39" s="927" t="s">
        <v>3816</v>
      </c>
      <c r="QLD39" s="927" t="s">
        <v>3816</v>
      </c>
      <c r="QLE39" s="927" t="s">
        <v>3816</v>
      </c>
      <c r="QLF39" s="927" t="s">
        <v>3816</v>
      </c>
      <c r="QLG39" s="927" t="s">
        <v>3816</v>
      </c>
      <c r="QLH39" s="927" t="s">
        <v>3816</v>
      </c>
      <c r="QLI39" s="927" t="s">
        <v>3816</v>
      </c>
      <c r="QLJ39" s="927" t="s">
        <v>3816</v>
      </c>
      <c r="QLK39" s="927" t="s">
        <v>3816</v>
      </c>
      <c r="QLL39" s="927" t="s">
        <v>3816</v>
      </c>
      <c r="QLM39" s="927" t="s">
        <v>3816</v>
      </c>
      <c r="QLN39" s="927" t="s">
        <v>3816</v>
      </c>
      <c r="QLO39" s="927" t="s">
        <v>3816</v>
      </c>
      <c r="QLP39" s="927" t="s">
        <v>3816</v>
      </c>
      <c r="QLQ39" s="927" t="s">
        <v>3816</v>
      </c>
      <c r="QLR39" s="927" t="s">
        <v>3816</v>
      </c>
      <c r="QLS39" s="927" t="s">
        <v>3816</v>
      </c>
      <c r="QLT39" s="927" t="s">
        <v>3816</v>
      </c>
      <c r="QLU39" s="927" t="s">
        <v>3816</v>
      </c>
      <c r="QLV39" s="927" t="s">
        <v>3816</v>
      </c>
      <c r="QLW39" s="927" t="s">
        <v>3816</v>
      </c>
      <c r="QLX39" s="927" t="s">
        <v>3816</v>
      </c>
      <c r="QLY39" s="927" t="s">
        <v>3816</v>
      </c>
      <c r="QLZ39" s="927" t="s">
        <v>3816</v>
      </c>
      <c r="QMA39" s="927" t="s">
        <v>3816</v>
      </c>
      <c r="QMB39" s="927" t="s">
        <v>3816</v>
      </c>
      <c r="QMC39" s="927" t="s">
        <v>3816</v>
      </c>
      <c r="QMD39" s="927" t="s">
        <v>3816</v>
      </c>
      <c r="QME39" s="927" t="s">
        <v>3816</v>
      </c>
      <c r="QMF39" s="927" t="s">
        <v>3816</v>
      </c>
      <c r="QMG39" s="927" t="s">
        <v>3816</v>
      </c>
      <c r="QMH39" s="927" t="s">
        <v>3816</v>
      </c>
      <c r="QMI39" s="927" t="s">
        <v>3816</v>
      </c>
      <c r="QMJ39" s="927" t="s">
        <v>3816</v>
      </c>
      <c r="QMK39" s="927" t="s">
        <v>3816</v>
      </c>
      <c r="QML39" s="927" t="s">
        <v>3816</v>
      </c>
      <c r="QMM39" s="927" t="s">
        <v>3816</v>
      </c>
      <c r="QMN39" s="927" t="s">
        <v>3816</v>
      </c>
      <c r="QMO39" s="927" t="s">
        <v>3816</v>
      </c>
      <c r="QMP39" s="927" t="s">
        <v>3816</v>
      </c>
      <c r="QMQ39" s="927" t="s">
        <v>3816</v>
      </c>
      <c r="QMR39" s="927" t="s">
        <v>3816</v>
      </c>
      <c r="QMS39" s="927" t="s">
        <v>3816</v>
      </c>
      <c r="QMT39" s="927" t="s">
        <v>3816</v>
      </c>
      <c r="QMU39" s="927" t="s">
        <v>3816</v>
      </c>
      <c r="QMV39" s="927" t="s">
        <v>3816</v>
      </c>
      <c r="QMW39" s="927" t="s">
        <v>3816</v>
      </c>
      <c r="QMX39" s="927" t="s">
        <v>3816</v>
      </c>
      <c r="QMY39" s="927" t="s">
        <v>3816</v>
      </c>
      <c r="QMZ39" s="927" t="s">
        <v>3816</v>
      </c>
      <c r="QNA39" s="927" t="s">
        <v>3816</v>
      </c>
      <c r="QNB39" s="927" t="s">
        <v>3816</v>
      </c>
      <c r="QNC39" s="927" t="s">
        <v>3816</v>
      </c>
      <c r="QND39" s="927" t="s">
        <v>3816</v>
      </c>
      <c r="QNE39" s="927" t="s">
        <v>3816</v>
      </c>
      <c r="QNF39" s="927" t="s">
        <v>3816</v>
      </c>
      <c r="QNG39" s="927" t="s">
        <v>3816</v>
      </c>
      <c r="QNH39" s="927" t="s">
        <v>3816</v>
      </c>
      <c r="QNI39" s="927" t="s">
        <v>3816</v>
      </c>
      <c r="QNJ39" s="927" t="s">
        <v>3816</v>
      </c>
      <c r="QNK39" s="927" t="s">
        <v>3816</v>
      </c>
      <c r="QNL39" s="927" t="s">
        <v>3816</v>
      </c>
      <c r="QNM39" s="927" t="s">
        <v>3816</v>
      </c>
      <c r="QNN39" s="927" t="s">
        <v>3816</v>
      </c>
      <c r="QNO39" s="927" t="s">
        <v>3816</v>
      </c>
      <c r="QNP39" s="927" t="s">
        <v>3816</v>
      </c>
      <c r="QNQ39" s="927" t="s">
        <v>3816</v>
      </c>
      <c r="QNR39" s="927" t="s">
        <v>3816</v>
      </c>
      <c r="QNS39" s="927" t="s">
        <v>3816</v>
      </c>
      <c r="QNT39" s="927" t="s">
        <v>3816</v>
      </c>
      <c r="QNU39" s="927" t="s">
        <v>3816</v>
      </c>
      <c r="QNV39" s="927" t="s">
        <v>3816</v>
      </c>
      <c r="QNW39" s="927" t="s">
        <v>3816</v>
      </c>
      <c r="QNX39" s="927" t="s">
        <v>3816</v>
      </c>
      <c r="QNY39" s="927" t="s">
        <v>3816</v>
      </c>
      <c r="QNZ39" s="927" t="s">
        <v>3816</v>
      </c>
      <c r="QOA39" s="927" t="s">
        <v>3816</v>
      </c>
      <c r="QOB39" s="927" t="s">
        <v>3816</v>
      </c>
      <c r="QOC39" s="927" t="s">
        <v>3816</v>
      </c>
      <c r="QOD39" s="927" t="s">
        <v>3816</v>
      </c>
      <c r="QOE39" s="927" t="s">
        <v>3816</v>
      </c>
      <c r="QOF39" s="927" t="s">
        <v>3816</v>
      </c>
      <c r="QOG39" s="927" t="s">
        <v>3816</v>
      </c>
      <c r="QOH39" s="927" t="s">
        <v>3816</v>
      </c>
      <c r="QOI39" s="927" t="s">
        <v>3816</v>
      </c>
      <c r="QOJ39" s="927" t="s">
        <v>3816</v>
      </c>
      <c r="QOK39" s="927" t="s">
        <v>3816</v>
      </c>
      <c r="QOL39" s="927" t="s">
        <v>3816</v>
      </c>
      <c r="QOM39" s="927" t="s">
        <v>3816</v>
      </c>
      <c r="QON39" s="927" t="s">
        <v>3816</v>
      </c>
      <c r="QOO39" s="927" t="s">
        <v>3816</v>
      </c>
      <c r="QOP39" s="927" t="s">
        <v>3816</v>
      </c>
      <c r="QOQ39" s="927" t="s">
        <v>3816</v>
      </c>
      <c r="QOR39" s="927" t="s">
        <v>3816</v>
      </c>
      <c r="QOS39" s="927" t="s">
        <v>3816</v>
      </c>
      <c r="QOT39" s="927" t="s">
        <v>3816</v>
      </c>
      <c r="QOU39" s="927" t="s">
        <v>3816</v>
      </c>
      <c r="QOV39" s="927" t="s">
        <v>3816</v>
      </c>
      <c r="QOW39" s="927" t="s">
        <v>3816</v>
      </c>
      <c r="QOX39" s="927" t="s">
        <v>3816</v>
      </c>
      <c r="QOY39" s="927" t="s">
        <v>3816</v>
      </c>
      <c r="QOZ39" s="927" t="s">
        <v>3816</v>
      </c>
      <c r="QPA39" s="927" t="s">
        <v>3816</v>
      </c>
      <c r="QPB39" s="927" t="s">
        <v>3816</v>
      </c>
      <c r="QPC39" s="927" t="s">
        <v>3816</v>
      </c>
      <c r="QPD39" s="927" t="s">
        <v>3816</v>
      </c>
      <c r="QPE39" s="927" t="s">
        <v>3816</v>
      </c>
      <c r="QPF39" s="927" t="s">
        <v>3816</v>
      </c>
      <c r="QPG39" s="927" t="s">
        <v>3816</v>
      </c>
      <c r="QPH39" s="927" t="s">
        <v>3816</v>
      </c>
      <c r="QPI39" s="927" t="s">
        <v>3816</v>
      </c>
      <c r="QPJ39" s="927" t="s">
        <v>3816</v>
      </c>
      <c r="QPK39" s="927" t="s">
        <v>3816</v>
      </c>
      <c r="QPL39" s="927" t="s">
        <v>3816</v>
      </c>
      <c r="QPM39" s="927" t="s">
        <v>3816</v>
      </c>
      <c r="QPN39" s="927" t="s">
        <v>3816</v>
      </c>
      <c r="QPO39" s="927" t="s">
        <v>3816</v>
      </c>
      <c r="QPP39" s="927" t="s">
        <v>3816</v>
      </c>
      <c r="QPQ39" s="927" t="s">
        <v>3816</v>
      </c>
      <c r="QPR39" s="927" t="s">
        <v>3816</v>
      </c>
      <c r="QPS39" s="927" t="s">
        <v>3816</v>
      </c>
      <c r="QPT39" s="927" t="s">
        <v>3816</v>
      </c>
      <c r="QPU39" s="927" t="s">
        <v>3816</v>
      </c>
      <c r="QPV39" s="927" t="s">
        <v>3816</v>
      </c>
      <c r="QPW39" s="927" t="s">
        <v>3816</v>
      </c>
      <c r="QPX39" s="927" t="s">
        <v>3816</v>
      </c>
      <c r="QPY39" s="927" t="s">
        <v>3816</v>
      </c>
      <c r="QPZ39" s="927" t="s">
        <v>3816</v>
      </c>
      <c r="QQA39" s="927" t="s">
        <v>3816</v>
      </c>
      <c r="QQB39" s="927" t="s">
        <v>3816</v>
      </c>
      <c r="QQC39" s="927" t="s">
        <v>3816</v>
      </c>
      <c r="QQD39" s="927" t="s">
        <v>3816</v>
      </c>
      <c r="QQE39" s="927" t="s">
        <v>3816</v>
      </c>
      <c r="QQF39" s="927" t="s">
        <v>3816</v>
      </c>
      <c r="QQG39" s="927" t="s">
        <v>3816</v>
      </c>
      <c r="QQH39" s="927" t="s">
        <v>3816</v>
      </c>
      <c r="QQI39" s="927" t="s">
        <v>3816</v>
      </c>
      <c r="QQJ39" s="927" t="s">
        <v>3816</v>
      </c>
      <c r="QQK39" s="927" t="s">
        <v>3816</v>
      </c>
      <c r="QQL39" s="927" t="s">
        <v>3816</v>
      </c>
      <c r="QQM39" s="927" t="s">
        <v>3816</v>
      </c>
      <c r="QQN39" s="927" t="s">
        <v>3816</v>
      </c>
      <c r="QQO39" s="927" t="s">
        <v>3816</v>
      </c>
      <c r="QQP39" s="927" t="s">
        <v>3816</v>
      </c>
      <c r="QQQ39" s="927" t="s">
        <v>3816</v>
      </c>
      <c r="QQR39" s="927" t="s">
        <v>3816</v>
      </c>
      <c r="QQS39" s="927" t="s">
        <v>3816</v>
      </c>
      <c r="QQT39" s="927" t="s">
        <v>3816</v>
      </c>
      <c r="QQU39" s="927" t="s">
        <v>3816</v>
      </c>
      <c r="QQV39" s="927" t="s">
        <v>3816</v>
      </c>
      <c r="QQW39" s="927" t="s">
        <v>3816</v>
      </c>
      <c r="QQX39" s="927" t="s">
        <v>3816</v>
      </c>
      <c r="QQY39" s="927" t="s">
        <v>3816</v>
      </c>
      <c r="QQZ39" s="927" t="s">
        <v>3816</v>
      </c>
      <c r="QRA39" s="927" t="s">
        <v>3816</v>
      </c>
      <c r="QRB39" s="927" t="s">
        <v>3816</v>
      </c>
      <c r="QRC39" s="927" t="s">
        <v>3816</v>
      </c>
      <c r="QRD39" s="927" t="s">
        <v>3816</v>
      </c>
      <c r="QRE39" s="927" t="s">
        <v>3816</v>
      </c>
      <c r="QRF39" s="927" t="s">
        <v>3816</v>
      </c>
      <c r="QRG39" s="927" t="s">
        <v>3816</v>
      </c>
      <c r="QRH39" s="927" t="s">
        <v>3816</v>
      </c>
      <c r="QRI39" s="927" t="s">
        <v>3816</v>
      </c>
      <c r="QRJ39" s="927" t="s">
        <v>3816</v>
      </c>
      <c r="QRK39" s="927" t="s">
        <v>3816</v>
      </c>
      <c r="QRL39" s="927" t="s">
        <v>3816</v>
      </c>
      <c r="QRM39" s="927" t="s">
        <v>3816</v>
      </c>
      <c r="QRN39" s="927" t="s">
        <v>3816</v>
      </c>
      <c r="QRO39" s="927" t="s">
        <v>3816</v>
      </c>
      <c r="QRP39" s="927" t="s">
        <v>3816</v>
      </c>
      <c r="QRQ39" s="927" t="s">
        <v>3816</v>
      </c>
      <c r="QRR39" s="927" t="s">
        <v>3816</v>
      </c>
      <c r="QRS39" s="927" t="s">
        <v>3816</v>
      </c>
      <c r="QRT39" s="927" t="s">
        <v>3816</v>
      </c>
      <c r="QRU39" s="927" t="s">
        <v>3816</v>
      </c>
      <c r="QRV39" s="927" t="s">
        <v>3816</v>
      </c>
      <c r="QRW39" s="927" t="s">
        <v>3816</v>
      </c>
      <c r="QRX39" s="927" t="s">
        <v>3816</v>
      </c>
      <c r="QRY39" s="927" t="s">
        <v>3816</v>
      </c>
      <c r="QRZ39" s="927" t="s">
        <v>3816</v>
      </c>
      <c r="QSA39" s="927" t="s">
        <v>3816</v>
      </c>
      <c r="QSB39" s="927" t="s">
        <v>3816</v>
      </c>
      <c r="QSC39" s="927" t="s">
        <v>3816</v>
      </c>
      <c r="QSD39" s="927" t="s">
        <v>3816</v>
      </c>
      <c r="QSE39" s="927" t="s">
        <v>3816</v>
      </c>
      <c r="QSF39" s="927" t="s">
        <v>3816</v>
      </c>
      <c r="QSG39" s="927" t="s">
        <v>3816</v>
      </c>
      <c r="QSH39" s="927" t="s">
        <v>3816</v>
      </c>
      <c r="QSI39" s="927" t="s">
        <v>3816</v>
      </c>
      <c r="QSJ39" s="927" t="s">
        <v>3816</v>
      </c>
      <c r="QSK39" s="927" t="s">
        <v>3816</v>
      </c>
      <c r="QSL39" s="927" t="s">
        <v>3816</v>
      </c>
      <c r="QSM39" s="927" t="s">
        <v>3816</v>
      </c>
      <c r="QSN39" s="927" t="s">
        <v>3816</v>
      </c>
      <c r="QSO39" s="927" t="s">
        <v>3816</v>
      </c>
      <c r="QSP39" s="927" t="s">
        <v>3816</v>
      </c>
      <c r="QSQ39" s="927" t="s">
        <v>3816</v>
      </c>
      <c r="QSR39" s="927" t="s">
        <v>3816</v>
      </c>
      <c r="QSS39" s="927" t="s">
        <v>3816</v>
      </c>
      <c r="QST39" s="927" t="s">
        <v>3816</v>
      </c>
      <c r="QSU39" s="927" t="s">
        <v>3816</v>
      </c>
      <c r="QSV39" s="927" t="s">
        <v>3816</v>
      </c>
      <c r="QSW39" s="927" t="s">
        <v>3816</v>
      </c>
      <c r="QSX39" s="927" t="s">
        <v>3816</v>
      </c>
      <c r="QSY39" s="927" t="s">
        <v>3816</v>
      </c>
      <c r="QSZ39" s="927" t="s">
        <v>3816</v>
      </c>
      <c r="QTA39" s="927" t="s">
        <v>3816</v>
      </c>
      <c r="QTB39" s="927" t="s">
        <v>3816</v>
      </c>
      <c r="QTC39" s="927" t="s">
        <v>3816</v>
      </c>
      <c r="QTD39" s="927" t="s">
        <v>3816</v>
      </c>
      <c r="QTE39" s="927" t="s">
        <v>3816</v>
      </c>
      <c r="QTF39" s="927" t="s">
        <v>3816</v>
      </c>
      <c r="QTG39" s="927" t="s">
        <v>3816</v>
      </c>
      <c r="QTH39" s="927" t="s">
        <v>3816</v>
      </c>
      <c r="QTI39" s="927" t="s">
        <v>3816</v>
      </c>
      <c r="QTJ39" s="927" t="s">
        <v>3816</v>
      </c>
      <c r="QTK39" s="927" t="s">
        <v>3816</v>
      </c>
      <c r="QTL39" s="927" t="s">
        <v>3816</v>
      </c>
      <c r="QTM39" s="927" t="s">
        <v>3816</v>
      </c>
      <c r="QTN39" s="927" t="s">
        <v>3816</v>
      </c>
      <c r="QTO39" s="927" t="s">
        <v>3816</v>
      </c>
      <c r="QTP39" s="927" t="s">
        <v>3816</v>
      </c>
      <c r="QTQ39" s="927" t="s">
        <v>3816</v>
      </c>
      <c r="QTR39" s="927" t="s">
        <v>3816</v>
      </c>
      <c r="QTS39" s="927" t="s">
        <v>3816</v>
      </c>
      <c r="QTT39" s="927" t="s">
        <v>3816</v>
      </c>
      <c r="QTU39" s="927" t="s">
        <v>3816</v>
      </c>
      <c r="QTV39" s="927" t="s">
        <v>3816</v>
      </c>
      <c r="QTW39" s="927" t="s">
        <v>3816</v>
      </c>
      <c r="QTX39" s="927" t="s">
        <v>3816</v>
      </c>
      <c r="QTY39" s="927" t="s">
        <v>3816</v>
      </c>
      <c r="QTZ39" s="927" t="s">
        <v>3816</v>
      </c>
      <c r="QUA39" s="927" t="s">
        <v>3816</v>
      </c>
      <c r="QUB39" s="927" t="s">
        <v>3816</v>
      </c>
      <c r="QUC39" s="927" t="s">
        <v>3816</v>
      </c>
      <c r="QUD39" s="927" t="s">
        <v>3816</v>
      </c>
      <c r="QUE39" s="927" t="s">
        <v>3816</v>
      </c>
      <c r="QUF39" s="927" t="s">
        <v>3816</v>
      </c>
      <c r="QUG39" s="927" t="s">
        <v>3816</v>
      </c>
      <c r="QUH39" s="927" t="s">
        <v>3816</v>
      </c>
      <c r="QUI39" s="927" t="s">
        <v>3816</v>
      </c>
      <c r="QUJ39" s="927" t="s">
        <v>3816</v>
      </c>
      <c r="QUK39" s="927" t="s">
        <v>3816</v>
      </c>
      <c r="QUL39" s="927" t="s">
        <v>3816</v>
      </c>
      <c r="QUM39" s="927" t="s">
        <v>3816</v>
      </c>
      <c r="QUN39" s="927" t="s">
        <v>3816</v>
      </c>
      <c r="QUO39" s="927" t="s">
        <v>3816</v>
      </c>
      <c r="QUP39" s="927" t="s">
        <v>3816</v>
      </c>
      <c r="QUQ39" s="927" t="s">
        <v>3816</v>
      </c>
      <c r="QUR39" s="927" t="s">
        <v>3816</v>
      </c>
      <c r="QUS39" s="927" t="s">
        <v>3816</v>
      </c>
      <c r="QUT39" s="927" t="s">
        <v>3816</v>
      </c>
      <c r="QUU39" s="927" t="s">
        <v>3816</v>
      </c>
      <c r="QUV39" s="927" t="s">
        <v>3816</v>
      </c>
      <c r="QUW39" s="927" t="s">
        <v>3816</v>
      </c>
      <c r="QUX39" s="927" t="s">
        <v>3816</v>
      </c>
      <c r="QUY39" s="927" t="s">
        <v>3816</v>
      </c>
      <c r="QUZ39" s="927" t="s">
        <v>3816</v>
      </c>
      <c r="QVA39" s="927" t="s">
        <v>3816</v>
      </c>
      <c r="QVB39" s="927" t="s">
        <v>3816</v>
      </c>
      <c r="QVC39" s="927" t="s">
        <v>3816</v>
      </c>
      <c r="QVD39" s="927" t="s">
        <v>3816</v>
      </c>
      <c r="QVE39" s="927" t="s">
        <v>3816</v>
      </c>
      <c r="QVF39" s="927" t="s">
        <v>3816</v>
      </c>
      <c r="QVG39" s="927" t="s">
        <v>3816</v>
      </c>
      <c r="QVH39" s="927" t="s">
        <v>3816</v>
      </c>
      <c r="QVI39" s="927" t="s">
        <v>3816</v>
      </c>
      <c r="QVJ39" s="927" t="s">
        <v>3816</v>
      </c>
      <c r="QVK39" s="927" t="s">
        <v>3816</v>
      </c>
      <c r="QVL39" s="927" t="s">
        <v>3816</v>
      </c>
      <c r="QVM39" s="927" t="s">
        <v>3816</v>
      </c>
      <c r="QVN39" s="927" t="s">
        <v>3816</v>
      </c>
      <c r="QVO39" s="927" t="s">
        <v>3816</v>
      </c>
      <c r="QVP39" s="927" t="s">
        <v>3816</v>
      </c>
      <c r="QVQ39" s="927" t="s">
        <v>3816</v>
      </c>
      <c r="QVR39" s="927" t="s">
        <v>3816</v>
      </c>
      <c r="QVS39" s="927" t="s">
        <v>3816</v>
      </c>
      <c r="QVT39" s="927" t="s">
        <v>3816</v>
      </c>
      <c r="QVU39" s="927" t="s">
        <v>3816</v>
      </c>
      <c r="QVV39" s="927" t="s">
        <v>3816</v>
      </c>
      <c r="QVW39" s="927" t="s">
        <v>3816</v>
      </c>
      <c r="QVX39" s="927" t="s">
        <v>3816</v>
      </c>
      <c r="QVY39" s="927" t="s">
        <v>3816</v>
      </c>
      <c r="QVZ39" s="927" t="s">
        <v>3816</v>
      </c>
      <c r="QWA39" s="927" t="s">
        <v>3816</v>
      </c>
      <c r="QWB39" s="927" t="s">
        <v>3816</v>
      </c>
      <c r="QWC39" s="927" t="s">
        <v>3816</v>
      </c>
      <c r="QWD39" s="927" t="s">
        <v>3816</v>
      </c>
      <c r="QWE39" s="927" t="s">
        <v>3816</v>
      </c>
      <c r="QWF39" s="927" t="s">
        <v>3816</v>
      </c>
      <c r="QWG39" s="927" t="s">
        <v>3816</v>
      </c>
      <c r="QWH39" s="927" t="s">
        <v>3816</v>
      </c>
      <c r="QWI39" s="927" t="s">
        <v>3816</v>
      </c>
      <c r="QWJ39" s="927" t="s">
        <v>3816</v>
      </c>
      <c r="QWK39" s="927" t="s">
        <v>3816</v>
      </c>
      <c r="QWL39" s="927" t="s">
        <v>3816</v>
      </c>
      <c r="QWM39" s="927" t="s">
        <v>3816</v>
      </c>
      <c r="QWN39" s="927" t="s">
        <v>3816</v>
      </c>
      <c r="QWO39" s="927" t="s">
        <v>3816</v>
      </c>
      <c r="QWP39" s="927" t="s">
        <v>3816</v>
      </c>
      <c r="QWQ39" s="927" t="s">
        <v>3816</v>
      </c>
      <c r="QWR39" s="927" t="s">
        <v>3816</v>
      </c>
      <c r="QWS39" s="927" t="s">
        <v>3816</v>
      </c>
      <c r="QWT39" s="927" t="s">
        <v>3816</v>
      </c>
      <c r="QWU39" s="927" t="s">
        <v>3816</v>
      </c>
      <c r="QWV39" s="927" t="s">
        <v>3816</v>
      </c>
      <c r="QWW39" s="927" t="s">
        <v>3816</v>
      </c>
      <c r="QWX39" s="927" t="s">
        <v>3816</v>
      </c>
      <c r="QWY39" s="927" t="s">
        <v>3816</v>
      </c>
      <c r="QWZ39" s="927" t="s">
        <v>3816</v>
      </c>
      <c r="QXA39" s="927" t="s">
        <v>3816</v>
      </c>
      <c r="QXB39" s="927" t="s">
        <v>3816</v>
      </c>
      <c r="QXC39" s="927" t="s">
        <v>3816</v>
      </c>
      <c r="QXD39" s="927" t="s">
        <v>3816</v>
      </c>
      <c r="QXE39" s="927" t="s">
        <v>3816</v>
      </c>
      <c r="QXF39" s="927" t="s">
        <v>3816</v>
      </c>
      <c r="QXG39" s="927" t="s">
        <v>3816</v>
      </c>
      <c r="QXH39" s="927" t="s">
        <v>3816</v>
      </c>
      <c r="QXI39" s="927" t="s">
        <v>3816</v>
      </c>
      <c r="QXJ39" s="927" t="s">
        <v>3816</v>
      </c>
      <c r="QXK39" s="927" t="s">
        <v>3816</v>
      </c>
      <c r="QXL39" s="927" t="s">
        <v>3816</v>
      </c>
      <c r="QXM39" s="927" t="s">
        <v>3816</v>
      </c>
      <c r="QXN39" s="927" t="s">
        <v>3816</v>
      </c>
      <c r="QXO39" s="927" t="s">
        <v>3816</v>
      </c>
      <c r="QXP39" s="927" t="s">
        <v>3816</v>
      </c>
      <c r="QXQ39" s="927" t="s">
        <v>3816</v>
      </c>
      <c r="QXR39" s="927" t="s">
        <v>3816</v>
      </c>
      <c r="QXS39" s="927" t="s">
        <v>3816</v>
      </c>
      <c r="QXT39" s="927" t="s">
        <v>3816</v>
      </c>
      <c r="QXU39" s="927" t="s">
        <v>3816</v>
      </c>
      <c r="QXV39" s="927" t="s">
        <v>3816</v>
      </c>
      <c r="QXW39" s="927" t="s">
        <v>3816</v>
      </c>
      <c r="QXX39" s="927" t="s">
        <v>3816</v>
      </c>
      <c r="QXY39" s="927" t="s">
        <v>3816</v>
      </c>
      <c r="QXZ39" s="927" t="s">
        <v>3816</v>
      </c>
      <c r="QYA39" s="927" t="s">
        <v>3816</v>
      </c>
      <c r="QYB39" s="927" t="s">
        <v>3816</v>
      </c>
      <c r="QYC39" s="927" t="s">
        <v>3816</v>
      </c>
      <c r="QYD39" s="927" t="s">
        <v>3816</v>
      </c>
      <c r="QYE39" s="927" t="s">
        <v>3816</v>
      </c>
      <c r="QYF39" s="927" t="s">
        <v>3816</v>
      </c>
      <c r="QYG39" s="927" t="s">
        <v>3816</v>
      </c>
      <c r="QYH39" s="927" t="s">
        <v>3816</v>
      </c>
      <c r="QYI39" s="927" t="s">
        <v>3816</v>
      </c>
      <c r="QYJ39" s="927" t="s">
        <v>3816</v>
      </c>
      <c r="QYK39" s="927" t="s">
        <v>3816</v>
      </c>
      <c r="QYL39" s="927" t="s">
        <v>3816</v>
      </c>
      <c r="QYM39" s="927" t="s">
        <v>3816</v>
      </c>
      <c r="QYN39" s="927" t="s">
        <v>3816</v>
      </c>
      <c r="QYO39" s="927" t="s">
        <v>3816</v>
      </c>
      <c r="QYP39" s="927" t="s">
        <v>3816</v>
      </c>
      <c r="QYQ39" s="927" t="s">
        <v>3816</v>
      </c>
      <c r="QYR39" s="927" t="s">
        <v>3816</v>
      </c>
      <c r="QYS39" s="927" t="s">
        <v>3816</v>
      </c>
      <c r="QYT39" s="927" t="s">
        <v>3816</v>
      </c>
      <c r="QYU39" s="927" t="s">
        <v>3816</v>
      </c>
      <c r="QYV39" s="927" t="s">
        <v>3816</v>
      </c>
      <c r="QYW39" s="927" t="s">
        <v>3816</v>
      </c>
      <c r="QYX39" s="927" t="s">
        <v>3816</v>
      </c>
      <c r="QYY39" s="927" t="s">
        <v>3816</v>
      </c>
      <c r="QYZ39" s="927" t="s">
        <v>3816</v>
      </c>
      <c r="QZA39" s="927" t="s">
        <v>3816</v>
      </c>
      <c r="QZB39" s="927" t="s">
        <v>3816</v>
      </c>
      <c r="QZC39" s="927" t="s">
        <v>3816</v>
      </c>
      <c r="QZD39" s="927" t="s">
        <v>3816</v>
      </c>
      <c r="QZE39" s="927" t="s">
        <v>3816</v>
      </c>
      <c r="QZF39" s="927" t="s">
        <v>3816</v>
      </c>
      <c r="QZG39" s="927" t="s">
        <v>3816</v>
      </c>
      <c r="QZH39" s="927" t="s">
        <v>3816</v>
      </c>
      <c r="QZI39" s="927" t="s">
        <v>3816</v>
      </c>
      <c r="QZJ39" s="927" t="s">
        <v>3816</v>
      </c>
      <c r="QZK39" s="927" t="s">
        <v>3816</v>
      </c>
      <c r="QZL39" s="927" t="s">
        <v>3816</v>
      </c>
      <c r="QZM39" s="927" t="s">
        <v>3816</v>
      </c>
      <c r="QZN39" s="927" t="s">
        <v>3816</v>
      </c>
      <c r="QZO39" s="927" t="s">
        <v>3816</v>
      </c>
      <c r="QZP39" s="927" t="s">
        <v>3816</v>
      </c>
      <c r="QZQ39" s="927" t="s">
        <v>3816</v>
      </c>
      <c r="QZR39" s="927" t="s">
        <v>3816</v>
      </c>
      <c r="QZS39" s="927" t="s">
        <v>3816</v>
      </c>
      <c r="QZT39" s="927" t="s">
        <v>3816</v>
      </c>
      <c r="QZU39" s="927" t="s">
        <v>3816</v>
      </c>
      <c r="QZV39" s="927" t="s">
        <v>3816</v>
      </c>
      <c r="QZW39" s="927" t="s">
        <v>3816</v>
      </c>
      <c r="QZX39" s="927" t="s">
        <v>3816</v>
      </c>
      <c r="QZY39" s="927" t="s">
        <v>3816</v>
      </c>
      <c r="QZZ39" s="927" t="s">
        <v>3816</v>
      </c>
      <c r="RAA39" s="927" t="s">
        <v>3816</v>
      </c>
      <c r="RAB39" s="927" t="s">
        <v>3816</v>
      </c>
      <c r="RAC39" s="927" t="s">
        <v>3816</v>
      </c>
      <c r="RAD39" s="927" t="s">
        <v>3816</v>
      </c>
      <c r="RAE39" s="927" t="s">
        <v>3816</v>
      </c>
      <c r="RAF39" s="927" t="s">
        <v>3816</v>
      </c>
      <c r="RAG39" s="927" t="s">
        <v>3816</v>
      </c>
      <c r="RAH39" s="927" t="s">
        <v>3816</v>
      </c>
      <c r="RAI39" s="927" t="s">
        <v>3816</v>
      </c>
      <c r="RAJ39" s="927" t="s">
        <v>3816</v>
      </c>
      <c r="RAK39" s="927" t="s">
        <v>3816</v>
      </c>
      <c r="RAL39" s="927" t="s">
        <v>3816</v>
      </c>
      <c r="RAM39" s="927" t="s">
        <v>3816</v>
      </c>
      <c r="RAN39" s="927" t="s">
        <v>3816</v>
      </c>
      <c r="RAO39" s="927" t="s">
        <v>3816</v>
      </c>
      <c r="RAP39" s="927" t="s">
        <v>3816</v>
      </c>
      <c r="RAQ39" s="927" t="s">
        <v>3816</v>
      </c>
      <c r="RAR39" s="927" t="s">
        <v>3816</v>
      </c>
      <c r="RAS39" s="927" t="s">
        <v>3816</v>
      </c>
      <c r="RAT39" s="927" t="s">
        <v>3816</v>
      </c>
      <c r="RAU39" s="927" t="s">
        <v>3816</v>
      </c>
      <c r="RAV39" s="927" t="s">
        <v>3816</v>
      </c>
      <c r="RAW39" s="927" t="s">
        <v>3816</v>
      </c>
      <c r="RAX39" s="927" t="s">
        <v>3816</v>
      </c>
      <c r="RAY39" s="927" t="s">
        <v>3816</v>
      </c>
      <c r="RAZ39" s="927" t="s">
        <v>3816</v>
      </c>
      <c r="RBA39" s="927" t="s">
        <v>3816</v>
      </c>
      <c r="RBB39" s="927" t="s">
        <v>3816</v>
      </c>
      <c r="RBC39" s="927" t="s">
        <v>3816</v>
      </c>
      <c r="RBD39" s="927" t="s">
        <v>3816</v>
      </c>
      <c r="RBE39" s="927" t="s">
        <v>3816</v>
      </c>
      <c r="RBF39" s="927" t="s">
        <v>3816</v>
      </c>
      <c r="RBG39" s="927" t="s">
        <v>3816</v>
      </c>
      <c r="RBH39" s="927" t="s">
        <v>3816</v>
      </c>
      <c r="RBI39" s="927" t="s">
        <v>3816</v>
      </c>
      <c r="RBJ39" s="927" t="s">
        <v>3816</v>
      </c>
      <c r="RBK39" s="927" t="s">
        <v>3816</v>
      </c>
      <c r="RBL39" s="927" t="s">
        <v>3816</v>
      </c>
      <c r="RBM39" s="927" t="s">
        <v>3816</v>
      </c>
      <c r="RBN39" s="927" t="s">
        <v>3816</v>
      </c>
      <c r="RBO39" s="927" t="s">
        <v>3816</v>
      </c>
      <c r="RBP39" s="927" t="s">
        <v>3816</v>
      </c>
      <c r="RBQ39" s="927" t="s">
        <v>3816</v>
      </c>
      <c r="RBR39" s="927" t="s">
        <v>3816</v>
      </c>
      <c r="RBS39" s="927" t="s">
        <v>3816</v>
      </c>
      <c r="RBT39" s="927" t="s">
        <v>3816</v>
      </c>
      <c r="RBU39" s="927" t="s">
        <v>3816</v>
      </c>
      <c r="RBV39" s="927" t="s">
        <v>3816</v>
      </c>
      <c r="RBW39" s="927" t="s">
        <v>3816</v>
      </c>
      <c r="RBX39" s="927" t="s">
        <v>3816</v>
      </c>
      <c r="RBY39" s="927" t="s">
        <v>3816</v>
      </c>
      <c r="RBZ39" s="927" t="s">
        <v>3816</v>
      </c>
      <c r="RCA39" s="927" t="s">
        <v>3816</v>
      </c>
      <c r="RCB39" s="927" t="s">
        <v>3816</v>
      </c>
      <c r="RCC39" s="927" t="s">
        <v>3816</v>
      </c>
      <c r="RCD39" s="927" t="s">
        <v>3816</v>
      </c>
      <c r="RCE39" s="927" t="s">
        <v>3816</v>
      </c>
      <c r="RCF39" s="927" t="s">
        <v>3816</v>
      </c>
      <c r="RCG39" s="927" t="s">
        <v>3816</v>
      </c>
      <c r="RCH39" s="927" t="s">
        <v>3816</v>
      </c>
      <c r="RCI39" s="927" t="s">
        <v>3816</v>
      </c>
      <c r="RCJ39" s="927" t="s">
        <v>3816</v>
      </c>
      <c r="RCK39" s="927" t="s">
        <v>3816</v>
      </c>
      <c r="RCL39" s="927" t="s">
        <v>3816</v>
      </c>
      <c r="RCM39" s="927" t="s">
        <v>3816</v>
      </c>
      <c r="RCN39" s="927" t="s">
        <v>3816</v>
      </c>
      <c r="RCO39" s="927" t="s">
        <v>3816</v>
      </c>
      <c r="RCP39" s="927" t="s">
        <v>3816</v>
      </c>
      <c r="RCQ39" s="927" t="s">
        <v>3816</v>
      </c>
      <c r="RCR39" s="927" t="s">
        <v>3816</v>
      </c>
      <c r="RCS39" s="927" t="s">
        <v>3816</v>
      </c>
      <c r="RCT39" s="927" t="s">
        <v>3816</v>
      </c>
      <c r="RCU39" s="927" t="s">
        <v>3816</v>
      </c>
      <c r="RCV39" s="927" t="s">
        <v>3816</v>
      </c>
      <c r="RCW39" s="927" t="s">
        <v>3816</v>
      </c>
      <c r="RCX39" s="927" t="s">
        <v>3816</v>
      </c>
      <c r="RCY39" s="927" t="s">
        <v>3816</v>
      </c>
      <c r="RCZ39" s="927" t="s">
        <v>3816</v>
      </c>
      <c r="RDA39" s="927" t="s">
        <v>3816</v>
      </c>
      <c r="RDB39" s="927" t="s">
        <v>3816</v>
      </c>
      <c r="RDC39" s="927" t="s">
        <v>3816</v>
      </c>
      <c r="RDD39" s="927" t="s">
        <v>3816</v>
      </c>
      <c r="RDE39" s="927" t="s">
        <v>3816</v>
      </c>
      <c r="RDF39" s="927" t="s">
        <v>3816</v>
      </c>
      <c r="RDG39" s="927" t="s">
        <v>3816</v>
      </c>
      <c r="RDH39" s="927" t="s">
        <v>3816</v>
      </c>
      <c r="RDI39" s="927" t="s">
        <v>3816</v>
      </c>
      <c r="RDJ39" s="927" t="s">
        <v>3816</v>
      </c>
      <c r="RDK39" s="927" t="s">
        <v>3816</v>
      </c>
      <c r="RDL39" s="927" t="s">
        <v>3816</v>
      </c>
      <c r="RDM39" s="927" t="s">
        <v>3816</v>
      </c>
      <c r="RDN39" s="927" t="s">
        <v>3816</v>
      </c>
      <c r="RDO39" s="927" t="s">
        <v>3816</v>
      </c>
      <c r="RDP39" s="927" t="s">
        <v>3816</v>
      </c>
      <c r="RDQ39" s="927" t="s">
        <v>3816</v>
      </c>
      <c r="RDR39" s="927" t="s">
        <v>3816</v>
      </c>
      <c r="RDS39" s="927" t="s">
        <v>3816</v>
      </c>
      <c r="RDT39" s="927" t="s">
        <v>3816</v>
      </c>
      <c r="RDU39" s="927" t="s">
        <v>3816</v>
      </c>
      <c r="RDV39" s="927" t="s">
        <v>3816</v>
      </c>
      <c r="RDW39" s="927" t="s">
        <v>3816</v>
      </c>
      <c r="RDX39" s="927" t="s">
        <v>3816</v>
      </c>
      <c r="RDY39" s="927" t="s">
        <v>3816</v>
      </c>
      <c r="RDZ39" s="927" t="s">
        <v>3816</v>
      </c>
      <c r="REA39" s="927" t="s">
        <v>3816</v>
      </c>
      <c r="REB39" s="927" t="s">
        <v>3816</v>
      </c>
      <c r="REC39" s="927" t="s">
        <v>3816</v>
      </c>
      <c r="RED39" s="927" t="s">
        <v>3816</v>
      </c>
      <c r="REE39" s="927" t="s">
        <v>3816</v>
      </c>
      <c r="REF39" s="927" t="s">
        <v>3816</v>
      </c>
      <c r="REG39" s="927" t="s">
        <v>3816</v>
      </c>
      <c r="REH39" s="927" t="s">
        <v>3816</v>
      </c>
      <c r="REI39" s="927" t="s">
        <v>3816</v>
      </c>
      <c r="REJ39" s="927" t="s">
        <v>3816</v>
      </c>
      <c r="REK39" s="927" t="s">
        <v>3816</v>
      </c>
      <c r="REL39" s="927" t="s">
        <v>3816</v>
      </c>
      <c r="REM39" s="927" t="s">
        <v>3816</v>
      </c>
      <c r="REN39" s="927" t="s">
        <v>3816</v>
      </c>
      <c r="REO39" s="927" t="s">
        <v>3816</v>
      </c>
      <c r="REP39" s="927" t="s">
        <v>3816</v>
      </c>
      <c r="REQ39" s="927" t="s">
        <v>3816</v>
      </c>
      <c r="RER39" s="927" t="s">
        <v>3816</v>
      </c>
      <c r="RES39" s="927" t="s">
        <v>3816</v>
      </c>
      <c r="RET39" s="927" t="s">
        <v>3816</v>
      </c>
      <c r="REU39" s="927" t="s">
        <v>3816</v>
      </c>
      <c r="REV39" s="927" t="s">
        <v>3816</v>
      </c>
      <c r="REW39" s="927" t="s">
        <v>3816</v>
      </c>
      <c r="REX39" s="927" t="s">
        <v>3816</v>
      </c>
      <c r="REY39" s="927" t="s">
        <v>3816</v>
      </c>
      <c r="REZ39" s="927" t="s">
        <v>3816</v>
      </c>
      <c r="RFA39" s="927" t="s">
        <v>3816</v>
      </c>
      <c r="RFB39" s="927" t="s">
        <v>3816</v>
      </c>
      <c r="RFC39" s="927" t="s">
        <v>3816</v>
      </c>
      <c r="RFD39" s="927" t="s">
        <v>3816</v>
      </c>
      <c r="RFE39" s="927" t="s">
        <v>3816</v>
      </c>
      <c r="RFF39" s="927" t="s">
        <v>3816</v>
      </c>
      <c r="RFG39" s="927" t="s">
        <v>3816</v>
      </c>
      <c r="RFH39" s="927" t="s">
        <v>3816</v>
      </c>
      <c r="RFI39" s="927" t="s">
        <v>3816</v>
      </c>
      <c r="RFJ39" s="927" t="s">
        <v>3816</v>
      </c>
      <c r="RFK39" s="927" t="s">
        <v>3816</v>
      </c>
      <c r="RFL39" s="927" t="s">
        <v>3816</v>
      </c>
      <c r="RFM39" s="927" t="s">
        <v>3816</v>
      </c>
      <c r="RFN39" s="927" t="s">
        <v>3816</v>
      </c>
      <c r="RFO39" s="927" t="s">
        <v>3816</v>
      </c>
      <c r="RFP39" s="927" t="s">
        <v>3816</v>
      </c>
      <c r="RFQ39" s="927" t="s">
        <v>3816</v>
      </c>
      <c r="RFR39" s="927" t="s">
        <v>3816</v>
      </c>
      <c r="RFS39" s="927" t="s">
        <v>3816</v>
      </c>
      <c r="RFT39" s="927" t="s">
        <v>3816</v>
      </c>
      <c r="RFU39" s="927" t="s">
        <v>3816</v>
      </c>
      <c r="RFV39" s="927" t="s">
        <v>3816</v>
      </c>
      <c r="RFW39" s="927" t="s">
        <v>3816</v>
      </c>
      <c r="RFX39" s="927" t="s">
        <v>3816</v>
      </c>
      <c r="RFY39" s="927" t="s">
        <v>3816</v>
      </c>
      <c r="RFZ39" s="927" t="s">
        <v>3816</v>
      </c>
      <c r="RGA39" s="927" t="s">
        <v>3816</v>
      </c>
      <c r="RGB39" s="927" t="s">
        <v>3816</v>
      </c>
      <c r="RGC39" s="927" t="s">
        <v>3816</v>
      </c>
      <c r="RGD39" s="927" t="s">
        <v>3816</v>
      </c>
      <c r="RGE39" s="927" t="s">
        <v>3816</v>
      </c>
      <c r="RGF39" s="927" t="s">
        <v>3816</v>
      </c>
      <c r="RGG39" s="927" t="s">
        <v>3816</v>
      </c>
      <c r="RGH39" s="927" t="s">
        <v>3816</v>
      </c>
      <c r="RGI39" s="927" t="s">
        <v>3816</v>
      </c>
      <c r="RGJ39" s="927" t="s">
        <v>3816</v>
      </c>
      <c r="RGK39" s="927" t="s">
        <v>3816</v>
      </c>
      <c r="RGL39" s="927" t="s">
        <v>3816</v>
      </c>
      <c r="RGM39" s="927" t="s">
        <v>3816</v>
      </c>
      <c r="RGN39" s="927" t="s">
        <v>3816</v>
      </c>
      <c r="RGO39" s="927" t="s">
        <v>3816</v>
      </c>
      <c r="RGP39" s="927" t="s">
        <v>3816</v>
      </c>
      <c r="RGQ39" s="927" t="s">
        <v>3816</v>
      </c>
      <c r="RGR39" s="927" t="s">
        <v>3816</v>
      </c>
      <c r="RGS39" s="927" t="s">
        <v>3816</v>
      </c>
      <c r="RGT39" s="927" t="s">
        <v>3816</v>
      </c>
      <c r="RGU39" s="927" t="s">
        <v>3816</v>
      </c>
      <c r="RGV39" s="927" t="s">
        <v>3816</v>
      </c>
      <c r="RGW39" s="927" t="s">
        <v>3816</v>
      </c>
      <c r="RGX39" s="927" t="s">
        <v>3816</v>
      </c>
      <c r="RGY39" s="927" t="s">
        <v>3816</v>
      </c>
      <c r="RGZ39" s="927" t="s">
        <v>3816</v>
      </c>
      <c r="RHA39" s="927" t="s">
        <v>3816</v>
      </c>
      <c r="RHB39" s="927" t="s">
        <v>3816</v>
      </c>
      <c r="RHC39" s="927" t="s">
        <v>3816</v>
      </c>
      <c r="RHD39" s="927" t="s">
        <v>3816</v>
      </c>
      <c r="RHE39" s="927" t="s">
        <v>3816</v>
      </c>
      <c r="RHF39" s="927" t="s">
        <v>3816</v>
      </c>
      <c r="RHG39" s="927" t="s">
        <v>3816</v>
      </c>
      <c r="RHH39" s="927" t="s">
        <v>3816</v>
      </c>
      <c r="RHI39" s="927" t="s">
        <v>3816</v>
      </c>
      <c r="RHJ39" s="927" t="s">
        <v>3816</v>
      </c>
      <c r="RHK39" s="927" t="s">
        <v>3816</v>
      </c>
      <c r="RHL39" s="927" t="s">
        <v>3816</v>
      </c>
      <c r="RHM39" s="927" t="s">
        <v>3816</v>
      </c>
      <c r="RHN39" s="927" t="s">
        <v>3816</v>
      </c>
      <c r="RHO39" s="927" t="s">
        <v>3816</v>
      </c>
      <c r="RHP39" s="927" t="s">
        <v>3816</v>
      </c>
      <c r="RHQ39" s="927" t="s">
        <v>3816</v>
      </c>
      <c r="RHR39" s="927" t="s">
        <v>3816</v>
      </c>
      <c r="RHS39" s="927" t="s">
        <v>3816</v>
      </c>
      <c r="RHT39" s="927" t="s">
        <v>3816</v>
      </c>
      <c r="RHU39" s="927" t="s">
        <v>3816</v>
      </c>
      <c r="RHV39" s="927" t="s">
        <v>3816</v>
      </c>
      <c r="RHW39" s="927" t="s">
        <v>3816</v>
      </c>
      <c r="RHX39" s="927" t="s">
        <v>3816</v>
      </c>
      <c r="RHY39" s="927" t="s">
        <v>3816</v>
      </c>
      <c r="RHZ39" s="927" t="s">
        <v>3816</v>
      </c>
      <c r="RIA39" s="927" t="s">
        <v>3816</v>
      </c>
      <c r="RIB39" s="927" t="s">
        <v>3816</v>
      </c>
      <c r="RIC39" s="927" t="s">
        <v>3816</v>
      </c>
      <c r="RID39" s="927" t="s">
        <v>3816</v>
      </c>
      <c r="RIE39" s="927" t="s">
        <v>3816</v>
      </c>
      <c r="RIF39" s="927" t="s">
        <v>3816</v>
      </c>
      <c r="RIG39" s="927" t="s">
        <v>3816</v>
      </c>
      <c r="RIH39" s="927" t="s">
        <v>3816</v>
      </c>
      <c r="RII39" s="927" t="s">
        <v>3816</v>
      </c>
      <c r="RIJ39" s="927" t="s">
        <v>3816</v>
      </c>
      <c r="RIK39" s="927" t="s">
        <v>3816</v>
      </c>
      <c r="RIL39" s="927" t="s">
        <v>3816</v>
      </c>
      <c r="RIM39" s="927" t="s">
        <v>3816</v>
      </c>
      <c r="RIN39" s="927" t="s">
        <v>3816</v>
      </c>
      <c r="RIO39" s="927" t="s">
        <v>3816</v>
      </c>
      <c r="RIP39" s="927" t="s">
        <v>3816</v>
      </c>
      <c r="RIQ39" s="927" t="s">
        <v>3816</v>
      </c>
      <c r="RIR39" s="927" t="s">
        <v>3816</v>
      </c>
      <c r="RIS39" s="927" t="s">
        <v>3816</v>
      </c>
      <c r="RIT39" s="927" t="s">
        <v>3816</v>
      </c>
      <c r="RIU39" s="927" t="s">
        <v>3816</v>
      </c>
      <c r="RIV39" s="927" t="s">
        <v>3816</v>
      </c>
      <c r="RIW39" s="927" t="s">
        <v>3816</v>
      </c>
      <c r="RIX39" s="927" t="s">
        <v>3816</v>
      </c>
      <c r="RIY39" s="927" t="s">
        <v>3816</v>
      </c>
      <c r="RIZ39" s="927" t="s">
        <v>3816</v>
      </c>
      <c r="RJA39" s="927" t="s">
        <v>3816</v>
      </c>
      <c r="RJB39" s="927" t="s">
        <v>3816</v>
      </c>
      <c r="RJC39" s="927" t="s">
        <v>3816</v>
      </c>
      <c r="RJD39" s="927" t="s">
        <v>3816</v>
      </c>
      <c r="RJE39" s="927" t="s">
        <v>3816</v>
      </c>
      <c r="RJF39" s="927" t="s">
        <v>3816</v>
      </c>
      <c r="RJG39" s="927" t="s">
        <v>3816</v>
      </c>
      <c r="RJH39" s="927" t="s">
        <v>3816</v>
      </c>
      <c r="RJI39" s="927" t="s">
        <v>3816</v>
      </c>
      <c r="RJJ39" s="927" t="s">
        <v>3816</v>
      </c>
      <c r="RJK39" s="927" t="s">
        <v>3816</v>
      </c>
      <c r="RJL39" s="927" t="s">
        <v>3816</v>
      </c>
      <c r="RJM39" s="927" t="s">
        <v>3816</v>
      </c>
      <c r="RJN39" s="927" t="s">
        <v>3816</v>
      </c>
      <c r="RJO39" s="927" t="s">
        <v>3816</v>
      </c>
      <c r="RJP39" s="927" t="s">
        <v>3816</v>
      </c>
      <c r="RJQ39" s="927" t="s">
        <v>3816</v>
      </c>
      <c r="RJR39" s="927" t="s">
        <v>3816</v>
      </c>
      <c r="RJS39" s="927" t="s">
        <v>3816</v>
      </c>
      <c r="RJT39" s="927" t="s">
        <v>3816</v>
      </c>
      <c r="RJU39" s="927" t="s">
        <v>3816</v>
      </c>
      <c r="RJV39" s="927" t="s">
        <v>3816</v>
      </c>
      <c r="RJW39" s="927" t="s">
        <v>3816</v>
      </c>
      <c r="RJX39" s="927" t="s">
        <v>3816</v>
      </c>
      <c r="RJY39" s="927" t="s">
        <v>3816</v>
      </c>
      <c r="RJZ39" s="927" t="s">
        <v>3816</v>
      </c>
      <c r="RKA39" s="927" t="s">
        <v>3816</v>
      </c>
      <c r="RKB39" s="927" t="s">
        <v>3816</v>
      </c>
      <c r="RKC39" s="927" t="s">
        <v>3816</v>
      </c>
      <c r="RKD39" s="927" t="s">
        <v>3816</v>
      </c>
      <c r="RKE39" s="927" t="s">
        <v>3816</v>
      </c>
      <c r="RKF39" s="927" t="s">
        <v>3816</v>
      </c>
      <c r="RKG39" s="927" t="s">
        <v>3816</v>
      </c>
      <c r="RKH39" s="927" t="s">
        <v>3816</v>
      </c>
      <c r="RKI39" s="927" t="s">
        <v>3816</v>
      </c>
      <c r="RKJ39" s="927" t="s">
        <v>3816</v>
      </c>
      <c r="RKK39" s="927" t="s">
        <v>3816</v>
      </c>
      <c r="RKL39" s="927" t="s">
        <v>3816</v>
      </c>
      <c r="RKM39" s="927" t="s">
        <v>3816</v>
      </c>
      <c r="RKN39" s="927" t="s">
        <v>3816</v>
      </c>
      <c r="RKO39" s="927" t="s">
        <v>3816</v>
      </c>
      <c r="RKP39" s="927" t="s">
        <v>3816</v>
      </c>
      <c r="RKQ39" s="927" t="s">
        <v>3816</v>
      </c>
      <c r="RKR39" s="927" t="s">
        <v>3816</v>
      </c>
      <c r="RKS39" s="927" t="s">
        <v>3816</v>
      </c>
      <c r="RKT39" s="927" t="s">
        <v>3816</v>
      </c>
      <c r="RKU39" s="927" t="s">
        <v>3816</v>
      </c>
      <c r="RKV39" s="927" t="s">
        <v>3816</v>
      </c>
      <c r="RKW39" s="927" t="s">
        <v>3816</v>
      </c>
      <c r="RKX39" s="927" t="s">
        <v>3816</v>
      </c>
      <c r="RKY39" s="927" t="s">
        <v>3816</v>
      </c>
      <c r="RKZ39" s="927" t="s">
        <v>3816</v>
      </c>
      <c r="RLA39" s="927" t="s">
        <v>3816</v>
      </c>
      <c r="RLB39" s="927" t="s">
        <v>3816</v>
      </c>
      <c r="RLC39" s="927" t="s">
        <v>3816</v>
      </c>
      <c r="RLD39" s="927" t="s">
        <v>3816</v>
      </c>
      <c r="RLE39" s="927" t="s">
        <v>3816</v>
      </c>
      <c r="RLF39" s="927" t="s">
        <v>3816</v>
      </c>
      <c r="RLG39" s="927" t="s">
        <v>3816</v>
      </c>
      <c r="RLH39" s="927" t="s">
        <v>3816</v>
      </c>
      <c r="RLI39" s="927" t="s">
        <v>3816</v>
      </c>
      <c r="RLJ39" s="927" t="s">
        <v>3816</v>
      </c>
      <c r="RLK39" s="927" t="s">
        <v>3816</v>
      </c>
      <c r="RLL39" s="927" t="s">
        <v>3816</v>
      </c>
      <c r="RLM39" s="927" t="s">
        <v>3816</v>
      </c>
      <c r="RLN39" s="927" t="s">
        <v>3816</v>
      </c>
      <c r="RLO39" s="927" t="s">
        <v>3816</v>
      </c>
      <c r="RLP39" s="927" t="s">
        <v>3816</v>
      </c>
      <c r="RLQ39" s="927" t="s">
        <v>3816</v>
      </c>
      <c r="RLR39" s="927" t="s">
        <v>3816</v>
      </c>
      <c r="RLS39" s="927" t="s">
        <v>3816</v>
      </c>
      <c r="RLT39" s="927" t="s">
        <v>3816</v>
      </c>
      <c r="RLU39" s="927" t="s">
        <v>3816</v>
      </c>
      <c r="RLV39" s="927" t="s">
        <v>3816</v>
      </c>
      <c r="RLW39" s="927" t="s">
        <v>3816</v>
      </c>
      <c r="RLX39" s="927" t="s">
        <v>3816</v>
      </c>
      <c r="RLY39" s="927" t="s">
        <v>3816</v>
      </c>
      <c r="RLZ39" s="927" t="s">
        <v>3816</v>
      </c>
      <c r="RMA39" s="927" t="s">
        <v>3816</v>
      </c>
      <c r="RMB39" s="927" t="s">
        <v>3816</v>
      </c>
      <c r="RMC39" s="927" t="s">
        <v>3816</v>
      </c>
      <c r="RMD39" s="927" t="s">
        <v>3816</v>
      </c>
      <c r="RME39" s="927" t="s">
        <v>3816</v>
      </c>
      <c r="RMF39" s="927" t="s">
        <v>3816</v>
      </c>
      <c r="RMG39" s="927" t="s">
        <v>3816</v>
      </c>
      <c r="RMH39" s="927" t="s">
        <v>3816</v>
      </c>
      <c r="RMI39" s="927" t="s">
        <v>3816</v>
      </c>
      <c r="RMJ39" s="927" t="s">
        <v>3816</v>
      </c>
      <c r="RMK39" s="927" t="s">
        <v>3816</v>
      </c>
      <c r="RML39" s="927" t="s">
        <v>3816</v>
      </c>
      <c r="RMM39" s="927" t="s">
        <v>3816</v>
      </c>
      <c r="RMN39" s="927" t="s">
        <v>3816</v>
      </c>
      <c r="RMO39" s="927" t="s">
        <v>3816</v>
      </c>
      <c r="RMP39" s="927" t="s">
        <v>3816</v>
      </c>
      <c r="RMQ39" s="927" t="s">
        <v>3816</v>
      </c>
      <c r="RMR39" s="927" t="s">
        <v>3816</v>
      </c>
      <c r="RMS39" s="927" t="s">
        <v>3816</v>
      </c>
      <c r="RMT39" s="927" t="s">
        <v>3816</v>
      </c>
      <c r="RMU39" s="927" t="s">
        <v>3816</v>
      </c>
      <c r="RMV39" s="927" t="s">
        <v>3816</v>
      </c>
      <c r="RMW39" s="927" t="s">
        <v>3816</v>
      </c>
      <c r="RMX39" s="927" t="s">
        <v>3816</v>
      </c>
      <c r="RMY39" s="927" t="s">
        <v>3816</v>
      </c>
      <c r="RMZ39" s="927" t="s">
        <v>3816</v>
      </c>
      <c r="RNA39" s="927" t="s">
        <v>3816</v>
      </c>
      <c r="RNB39" s="927" t="s">
        <v>3816</v>
      </c>
      <c r="RNC39" s="927" t="s">
        <v>3816</v>
      </c>
      <c r="RND39" s="927" t="s">
        <v>3816</v>
      </c>
      <c r="RNE39" s="927" t="s">
        <v>3816</v>
      </c>
      <c r="RNF39" s="927" t="s">
        <v>3816</v>
      </c>
      <c r="RNG39" s="927" t="s">
        <v>3816</v>
      </c>
      <c r="RNH39" s="927" t="s">
        <v>3816</v>
      </c>
      <c r="RNI39" s="927" t="s">
        <v>3816</v>
      </c>
      <c r="RNJ39" s="927" t="s">
        <v>3816</v>
      </c>
      <c r="RNK39" s="927" t="s">
        <v>3816</v>
      </c>
      <c r="RNL39" s="927" t="s">
        <v>3816</v>
      </c>
      <c r="RNM39" s="927" t="s">
        <v>3816</v>
      </c>
      <c r="RNN39" s="927" t="s">
        <v>3816</v>
      </c>
      <c r="RNO39" s="927" t="s">
        <v>3816</v>
      </c>
      <c r="RNP39" s="927" t="s">
        <v>3816</v>
      </c>
      <c r="RNQ39" s="927" t="s">
        <v>3816</v>
      </c>
      <c r="RNR39" s="927" t="s">
        <v>3816</v>
      </c>
      <c r="RNS39" s="927" t="s">
        <v>3816</v>
      </c>
      <c r="RNT39" s="927" t="s">
        <v>3816</v>
      </c>
      <c r="RNU39" s="927" t="s">
        <v>3816</v>
      </c>
      <c r="RNV39" s="927" t="s">
        <v>3816</v>
      </c>
      <c r="RNW39" s="927" t="s">
        <v>3816</v>
      </c>
      <c r="RNX39" s="927" t="s">
        <v>3816</v>
      </c>
      <c r="RNY39" s="927" t="s">
        <v>3816</v>
      </c>
      <c r="RNZ39" s="927" t="s">
        <v>3816</v>
      </c>
      <c r="ROA39" s="927" t="s">
        <v>3816</v>
      </c>
      <c r="ROB39" s="927" t="s">
        <v>3816</v>
      </c>
      <c r="ROC39" s="927" t="s">
        <v>3816</v>
      </c>
      <c r="ROD39" s="927" t="s">
        <v>3816</v>
      </c>
      <c r="ROE39" s="927" t="s">
        <v>3816</v>
      </c>
      <c r="ROF39" s="927" t="s">
        <v>3816</v>
      </c>
      <c r="ROG39" s="927" t="s">
        <v>3816</v>
      </c>
      <c r="ROH39" s="927" t="s">
        <v>3816</v>
      </c>
      <c r="ROI39" s="927" t="s">
        <v>3816</v>
      </c>
      <c r="ROJ39" s="927" t="s">
        <v>3816</v>
      </c>
      <c r="ROK39" s="927" t="s">
        <v>3816</v>
      </c>
      <c r="ROL39" s="927" t="s">
        <v>3816</v>
      </c>
      <c r="ROM39" s="927" t="s">
        <v>3816</v>
      </c>
      <c r="RON39" s="927" t="s">
        <v>3816</v>
      </c>
      <c r="ROO39" s="927" t="s">
        <v>3816</v>
      </c>
      <c r="ROP39" s="927" t="s">
        <v>3816</v>
      </c>
      <c r="ROQ39" s="927" t="s">
        <v>3816</v>
      </c>
      <c r="ROR39" s="927" t="s">
        <v>3816</v>
      </c>
      <c r="ROS39" s="927" t="s">
        <v>3816</v>
      </c>
      <c r="ROT39" s="927" t="s">
        <v>3816</v>
      </c>
      <c r="ROU39" s="927" t="s">
        <v>3816</v>
      </c>
      <c r="ROV39" s="927" t="s">
        <v>3816</v>
      </c>
      <c r="ROW39" s="927" t="s">
        <v>3816</v>
      </c>
      <c r="ROX39" s="927" t="s">
        <v>3816</v>
      </c>
      <c r="ROY39" s="927" t="s">
        <v>3816</v>
      </c>
      <c r="ROZ39" s="927" t="s">
        <v>3816</v>
      </c>
      <c r="RPA39" s="927" t="s">
        <v>3816</v>
      </c>
      <c r="RPB39" s="927" t="s">
        <v>3816</v>
      </c>
      <c r="RPC39" s="927" t="s">
        <v>3816</v>
      </c>
      <c r="RPD39" s="927" t="s">
        <v>3816</v>
      </c>
      <c r="RPE39" s="927" t="s">
        <v>3816</v>
      </c>
      <c r="RPF39" s="927" t="s">
        <v>3816</v>
      </c>
      <c r="RPG39" s="927" t="s">
        <v>3816</v>
      </c>
      <c r="RPH39" s="927" t="s">
        <v>3816</v>
      </c>
      <c r="RPI39" s="927" t="s">
        <v>3816</v>
      </c>
      <c r="RPJ39" s="927" t="s">
        <v>3816</v>
      </c>
      <c r="RPK39" s="927" t="s">
        <v>3816</v>
      </c>
      <c r="RPL39" s="927" t="s">
        <v>3816</v>
      </c>
      <c r="RPM39" s="927" t="s">
        <v>3816</v>
      </c>
      <c r="RPN39" s="927" t="s">
        <v>3816</v>
      </c>
      <c r="RPO39" s="927" t="s">
        <v>3816</v>
      </c>
      <c r="RPP39" s="927" t="s">
        <v>3816</v>
      </c>
      <c r="RPQ39" s="927" t="s">
        <v>3816</v>
      </c>
      <c r="RPR39" s="927" t="s">
        <v>3816</v>
      </c>
      <c r="RPS39" s="927" t="s">
        <v>3816</v>
      </c>
      <c r="RPT39" s="927" t="s">
        <v>3816</v>
      </c>
      <c r="RPU39" s="927" t="s">
        <v>3816</v>
      </c>
      <c r="RPV39" s="927" t="s">
        <v>3816</v>
      </c>
      <c r="RPW39" s="927" t="s">
        <v>3816</v>
      </c>
      <c r="RPX39" s="927" t="s">
        <v>3816</v>
      </c>
      <c r="RPY39" s="927" t="s">
        <v>3816</v>
      </c>
      <c r="RPZ39" s="927" t="s">
        <v>3816</v>
      </c>
      <c r="RQA39" s="927" t="s">
        <v>3816</v>
      </c>
      <c r="RQB39" s="927" t="s">
        <v>3816</v>
      </c>
      <c r="RQC39" s="927" t="s">
        <v>3816</v>
      </c>
      <c r="RQD39" s="927" t="s">
        <v>3816</v>
      </c>
      <c r="RQE39" s="927" t="s">
        <v>3816</v>
      </c>
      <c r="RQF39" s="927" t="s">
        <v>3816</v>
      </c>
      <c r="RQG39" s="927" t="s">
        <v>3816</v>
      </c>
      <c r="RQH39" s="927" t="s">
        <v>3816</v>
      </c>
      <c r="RQI39" s="927" t="s">
        <v>3816</v>
      </c>
      <c r="RQJ39" s="927" t="s">
        <v>3816</v>
      </c>
      <c r="RQK39" s="927" t="s">
        <v>3816</v>
      </c>
      <c r="RQL39" s="927" t="s">
        <v>3816</v>
      </c>
      <c r="RQM39" s="927" t="s">
        <v>3816</v>
      </c>
      <c r="RQN39" s="927" t="s">
        <v>3816</v>
      </c>
      <c r="RQO39" s="927" t="s">
        <v>3816</v>
      </c>
      <c r="RQP39" s="927" t="s">
        <v>3816</v>
      </c>
      <c r="RQQ39" s="927" t="s">
        <v>3816</v>
      </c>
      <c r="RQR39" s="927" t="s">
        <v>3816</v>
      </c>
      <c r="RQS39" s="927" t="s">
        <v>3816</v>
      </c>
      <c r="RQT39" s="927" t="s">
        <v>3816</v>
      </c>
      <c r="RQU39" s="927" t="s">
        <v>3816</v>
      </c>
      <c r="RQV39" s="927" t="s">
        <v>3816</v>
      </c>
      <c r="RQW39" s="927" t="s">
        <v>3816</v>
      </c>
      <c r="RQX39" s="927" t="s">
        <v>3816</v>
      </c>
      <c r="RQY39" s="927" t="s">
        <v>3816</v>
      </c>
      <c r="RQZ39" s="927" t="s">
        <v>3816</v>
      </c>
      <c r="RRA39" s="927" t="s">
        <v>3816</v>
      </c>
      <c r="RRB39" s="927" t="s">
        <v>3816</v>
      </c>
      <c r="RRC39" s="927" t="s">
        <v>3816</v>
      </c>
      <c r="RRD39" s="927" t="s">
        <v>3816</v>
      </c>
      <c r="RRE39" s="927" t="s">
        <v>3816</v>
      </c>
      <c r="RRF39" s="927" t="s">
        <v>3816</v>
      </c>
      <c r="RRG39" s="927" t="s">
        <v>3816</v>
      </c>
      <c r="RRH39" s="927" t="s">
        <v>3816</v>
      </c>
      <c r="RRI39" s="927" t="s">
        <v>3816</v>
      </c>
      <c r="RRJ39" s="927" t="s">
        <v>3816</v>
      </c>
      <c r="RRK39" s="927" t="s">
        <v>3816</v>
      </c>
      <c r="RRL39" s="927" t="s">
        <v>3816</v>
      </c>
      <c r="RRM39" s="927" t="s">
        <v>3816</v>
      </c>
      <c r="RRN39" s="927" t="s">
        <v>3816</v>
      </c>
      <c r="RRO39" s="927" t="s">
        <v>3816</v>
      </c>
      <c r="RRP39" s="927" t="s">
        <v>3816</v>
      </c>
      <c r="RRQ39" s="927" t="s">
        <v>3816</v>
      </c>
      <c r="RRR39" s="927" t="s">
        <v>3816</v>
      </c>
      <c r="RRS39" s="927" t="s">
        <v>3816</v>
      </c>
      <c r="RRT39" s="927" t="s">
        <v>3816</v>
      </c>
      <c r="RRU39" s="927" t="s">
        <v>3816</v>
      </c>
      <c r="RRV39" s="927" t="s">
        <v>3816</v>
      </c>
      <c r="RRW39" s="927" t="s">
        <v>3816</v>
      </c>
      <c r="RRX39" s="927" t="s">
        <v>3816</v>
      </c>
      <c r="RRY39" s="927" t="s">
        <v>3816</v>
      </c>
      <c r="RRZ39" s="927" t="s">
        <v>3816</v>
      </c>
      <c r="RSA39" s="927" t="s">
        <v>3816</v>
      </c>
      <c r="RSB39" s="927" t="s">
        <v>3816</v>
      </c>
      <c r="RSC39" s="927" t="s">
        <v>3816</v>
      </c>
      <c r="RSD39" s="927" t="s">
        <v>3816</v>
      </c>
      <c r="RSE39" s="927" t="s">
        <v>3816</v>
      </c>
      <c r="RSF39" s="927" t="s">
        <v>3816</v>
      </c>
      <c r="RSG39" s="927" t="s">
        <v>3816</v>
      </c>
      <c r="RSH39" s="927" t="s">
        <v>3816</v>
      </c>
      <c r="RSI39" s="927" t="s">
        <v>3816</v>
      </c>
      <c r="RSJ39" s="927" t="s">
        <v>3816</v>
      </c>
      <c r="RSK39" s="927" t="s">
        <v>3816</v>
      </c>
      <c r="RSL39" s="927" t="s">
        <v>3816</v>
      </c>
      <c r="RSM39" s="927" t="s">
        <v>3816</v>
      </c>
      <c r="RSN39" s="927" t="s">
        <v>3816</v>
      </c>
      <c r="RSO39" s="927" t="s">
        <v>3816</v>
      </c>
      <c r="RSP39" s="927" t="s">
        <v>3816</v>
      </c>
      <c r="RSQ39" s="927" t="s">
        <v>3816</v>
      </c>
      <c r="RSR39" s="927" t="s">
        <v>3816</v>
      </c>
      <c r="RSS39" s="927" t="s">
        <v>3816</v>
      </c>
      <c r="RST39" s="927" t="s">
        <v>3816</v>
      </c>
      <c r="RSU39" s="927" t="s">
        <v>3816</v>
      </c>
      <c r="RSV39" s="927" t="s">
        <v>3816</v>
      </c>
      <c r="RSW39" s="927" t="s">
        <v>3816</v>
      </c>
      <c r="RSX39" s="927" t="s">
        <v>3816</v>
      </c>
      <c r="RSY39" s="927" t="s">
        <v>3816</v>
      </c>
      <c r="RSZ39" s="927" t="s">
        <v>3816</v>
      </c>
      <c r="RTA39" s="927" t="s">
        <v>3816</v>
      </c>
      <c r="RTB39" s="927" t="s">
        <v>3816</v>
      </c>
      <c r="RTC39" s="927" t="s">
        <v>3816</v>
      </c>
      <c r="RTD39" s="927" t="s">
        <v>3816</v>
      </c>
      <c r="RTE39" s="927" t="s">
        <v>3816</v>
      </c>
      <c r="RTF39" s="927" t="s">
        <v>3816</v>
      </c>
      <c r="RTG39" s="927" t="s">
        <v>3816</v>
      </c>
      <c r="RTH39" s="927" t="s">
        <v>3816</v>
      </c>
      <c r="RTI39" s="927" t="s">
        <v>3816</v>
      </c>
      <c r="RTJ39" s="927" t="s">
        <v>3816</v>
      </c>
      <c r="RTK39" s="927" t="s">
        <v>3816</v>
      </c>
      <c r="RTL39" s="927" t="s">
        <v>3816</v>
      </c>
      <c r="RTM39" s="927" t="s">
        <v>3816</v>
      </c>
      <c r="RTN39" s="927" t="s">
        <v>3816</v>
      </c>
      <c r="RTO39" s="927" t="s">
        <v>3816</v>
      </c>
      <c r="RTP39" s="927" t="s">
        <v>3816</v>
      </c>
      <c r="RTQ39" s="927" t="s">
        <v>3816</v>
      </c>
      <c r="RTR39" s="927" t="s">
        <v>3816</v>
      </c>
      <c r="RTS39" s="927" t="s">
        <v>3816</v>
      </c>
      <c r="RTT39" s="927" t="s">
        <v>3816</v>
      </c>
      <c r="RTU39" s="927" t="s">
        <v>3816</v>
      </c>
      <c r="RTV39" s="927" t="s">
        <v>3816</v>
      </c>
      <c r="RTW39" s="927" t="s">
        <v>3816</v>
      </c>
      <c r="RTX39" s="927" t="s">
        <v>3816</v>
      </c>
      <c r="RTY39" s="927" t="s">
        <v>3816</v>
      </c>
      <c r="RTZ39" s="927" t="s">
        <v>3816</v>
      </c>
      <c r="RUA39" s="927" t="s">
        <v>3816</v>
      </c>
      <c r="RUB39" s="927" t="s">
        <v>3816</v>
      </c>
      <c r="RUC39" s="927" t="s">
        <v>3816</v>
      </c>
      <c r="RUD39" s="927" t="s">
        <v>3816</v>
      </c>
      <c r="RUE39" s="927" t="s">
        <v>3816</v>
      </c>
      <c r="RUF39" s="927" t="s">
        <v>3816</v>
      </c>
      <c r="RUG39" s="927" t="s">
        <v>3816</v>
      </c>
      <c r="RUH39" s="927" t="s">
        <v>3816</v>
      </c>
      <c r="RUI39" s="927" t="s">
        <v>3816</v>
      </c>
      <c r="RUJ39" s="927" t="s">
        <v>3816</v>
      </c>
      <c r="RUK39" s="927" t="s">
        <v>3816</v>
      </c>
      <c r="RUL39" s="927" t="s">
        <v>3816</v>
      </c>
      <c r="RUM39" s="927" t="s">
        <v>3816</v>
      </c>
      <c r="RUN39" s="927" t="s">
        <v>3816</v>
      </c>
      <c r="RUO39" s="927" t="s">
        <v>3816</v>
      </c>
      <c r="RUP39" s="927" t="s">
        <v>3816</v>
      </c>
      <c r="RUQ39" s="927" t="s">
        <v>3816</v>
      </c>
      <c r="RUR39" s="927" t="s">
        <v>3816</v>
      </c>
      <c r="RUS39" s="927" t="s">
        <v>3816</v>
      </c>
      <c r="RUT39" s="927" t="s">
        <v>3816</v>
      </c>
      <c r="RUU39" s="927" t="s">
        <v>3816</v>
      </c>
      <c r="RUV39" s="927" t="s">
        <v>3816</v>
      </c>
      <c r="RUW39" s="927" t="s">
        <v>3816</v>
      </c>
      <c r="RUX39" s="927" t="s">
        <v>3816</v>
      </c>
      <c r="RUY39" s="927" t="s">
        <v>3816</v>
      </c>
      <c r="RUZ39" s="927" t="s">
        <v>3816</v>
      </c>
      <c r="RVA39" s="927" t="s">
        <v>3816</v>
      </c>
      <c r="RVB39" s="927" t="s">
        <v>3816</v>
      </c>
      <c r="RVC39" s="927" t="s">
        <v>3816</v>
      </c>
      <c r="RVD39" s="927" t="s">
        <v>3816</v>
      </c>
      <c r="RVE39" s="927" t="s">
        <v>3816</v>
      </c>
      <c r="RVF39" s="927" t="s">
        <v>3816</v>
      </c>
      <c r="RVG39" s="927" t="s">
        <v>3816</v>
      </c>
      <c r="RVH39" s="927" t="s">
        <v>3816</v>
      </c>
      <c r="RVI39" s="927" t="s">
        <v>3816</v>
      </c>
      <c r="RVJ39" s="927" t="s">
        <v>3816</v>
      </c>
      <c r="RVK39" s="927" t="s">
        <v>3816</v>
      </c>
      <c r="RVL39" s="927" t="s">
        <v>3816</v>
      </c>
      <c r="RVM39" s="927" t="s">
        <v>3816</v>
      </c>
      <c r="RVN39" s="927" t="s">
        <v>3816</v>
      </c>
      <c r="RVO39" s="927" t="s">
        <v>3816</v>
      </c>
      <c r="RVP39" s="927" t="s">
        <v>3816</v>
      </c>
      <c r="RVQ39" s="927" t="s">
        <v>3816</v>
      </c>
      <c r="RVR39" s="927" t="s">
        <v>3816</v>
      </c>
      <c r="RVS39" s="927" t="s">
        <v>3816</v>
      </c>
      <c r="RVT39" s="927" t="s">
        <v>3816</v>
      </c>
      <c r="RVU39" s="927" t="s">
        <v>3816</v>
      </c>
      <c r="RVV39" s="927" t="s">
        <v>3816</v>
      </c>
      <c r="RVW39" s="927" t="s">
        <v>3816</v>
      </c>
      <c r="RVX39" s="927" t="s">
        <v>3816</v>
      </c>
      <c r="RVY39" s="927" t="s">
        <v>3816</v>
      </c>
      <c r="RVZ39" s="927" t="s">
        <v>3816</v>
      </c>
      <c r="RWA39" s="927" t="s">
        <v>3816</v>
      </c>
      <c r="RWB39" s="927" t="s">
        <v>3816</v>
      </c>
      <c r="RWC39" s="927" t="s">
        <v>3816</v>
      </c>
      <c r="RWD39" s="927" t="s">
        <v>3816</v>
      </c>
      <c r="RWE39" s="927" t="s">
        <v>3816</v>
      </c>
      <c r="RWF39" s="927" t="s">
        <v>3816</v>
      </c>
      <c r="RWG39" s="927" t="s">
        <v>3816</v>
      </c>
      <c r="RWH39" s="927" t="s">
        <v>3816</v>
      </c>
      <c r="RWI39" s="927" t="s">
        <v>3816</v>
      </c>
      <c r="RWJ39" s="927" t="s">
        <v>3816</v>
      </c>
      <c r="RWK39" s="927" t="s">
        <v>3816</v>
      </c>
      <c r="RWL39" s="927" t="s">
        <v>3816</v>
      </c>
      <c r="RWM39" s="927" t="s">
        <v>3816</v>
      </c>
      <c r="RWN39" s="927" t="s">
        <v>3816</v>
      </c>
      <c r="RWO39" s="927" t="s">
        <v>3816</v>
      </c>
      <c r="RWP39" s="927" t="s">
        <v>3816</v>
      </c>
      <c r="RWQ39" s="927" t="s">
        <v>3816</v>
      </c>
      <c r="RWR39" s="927" t="s">
        <v>3816</v>
      </c>
      <c r="RWS39" s="927" t="s">
        <v>3816</v>
      </c>
      <c r="RWT39" s="927" t="s">
        <v>3816</v>
      </c>
      <c r="RWU39" s="927" t="s">
        <v>3816</v>
      </c>
      <c r="RWV39" s="927" t="s">
        <v>3816</v>
      </c>
      <c r="RWW39" s="927" t="s">
        <v>3816</v>
      </c>
      <c r="RWX39" s="927" t="s">
        <v>3816</v>
      </c>
      <c r="RWY39" s="927" t="s">
        <v>3816</v>
      </c>
      <c r="RWZ39" s="927" t="s">
        <v>3816</v>
      </c>
      <c r="RXA39" s="927" t="s">
        <v>3816</v>
      </c>
      <c r="RXB39" s="927" t="s">
        <v>3816</v>
      </c>
      <c r="RXC39" s="927" t="s">
        <v>3816</v>
      </c>
      <c r="RXD39" s="927" t="s">
        <v>3816</v>
      </c>
      <c r="RXE39" s="927" t="s">
        <v>3816</v>
      </c>
      <c r="RXF39" s="927" t="s">
        <v>3816</v>
      </c>
      <c r="RXG39" s="927" t="s">
        <v>3816</v>
      </c>
      <c r="RXH39" s="927" t="s">
        <v>3816</v>
      </c>
      <c r="RXI39" s="927" t="s">
        <v>3816</v>
      </c>
      <c r="RXJ39" s="927" t="s">
        <v>3816</v>
      </c>
      <c r="RXK39" s="927" t="s">
        <v>3816</v>
      </c>
      <c r="RXL39" s="927" t="s">
        <v>3816</v>
      </c>
      <c r="RXM39" s="927" t="s">
        <v>3816</v>
      </c>
      <c r="RXN39" s="927" t="s">
        <v>3816</v>
      </c>
      <c r="RXO39" s="927" t="s">
        <v>3816</v>
      </c>
      <c r="RXP39" s="927" t="s">
        <v>3816</v>
      </c>
      <c r="RXQ39" s="927" t="s">
        <v>3816</v>
      </c>
      <c r="RXR39" s="927" t="s">
        <v>3816</v>
      </c>
      <c r="RXS39" s="927" t="s">
        <v>3816</v>
      </c>
      <c r="RXT39" s="927" t="s">
        <v>3816</v>
      </c>
      <c r="RXU39" s="927" t="s">
        <v>3816</v>
      </c>
      <c r="RXV39" s="927" t="s">
        <v>3816</v>
      </c>
      <c r="RXW39" s="927" t="s">
        <v>3816</v>
      </c>
      <c r="RXX39" s="927" t="s">
        <v>3816</v>
      </c>
      <c r="RXY39" s="927" t="s">
        <v>3816</v>
      </c>
      <c r="RXZ39" s="927" t="s">
        <v>3816</v>
      </c>
      <c r="RYA39" s="927" t="s">
        <v>3816</v>
      </c>
      <c r="RYB39" s="927" t="s">
        <v>3816</v>
      </c>
      <c r="RYC39" s="927" t="s">
        <v>3816</v>
      </c>
      <c r="RYD39" s="927" t="s">
        <v>3816</v>
      </c>
      <c r="RYE39" s="927" t="s">
        <v>3816</v>
      </c>
      <c r="RYF39" s="927" t="s">
        <v>3816</v>
      </c>
      <c r="RYG39" s="927" t="s">
        <v>3816</v>
      </c>
      <c r="RYH39" s="927" t="s">
        <v>3816</v>
      </c>
      <c r="RYI39" s="927" t="s">
        <v>3816</v>
      </c>
      <c r="RYJ39" s="927" t="s">
        <v>3816</v>
      </c>
      <c r="RYK39" s="927" t="s">
        <v>3816</v>
      </c>
      <c r="RYL39" s="927" t="s">
        <v>3816</v>
      </c>
      <c r="RYM39" s="927" t="s">
        <v>3816</v>
      </c>
      <c r="RYN39" s="927" t="s">
        <v>3816</v>
      </c>
      <c r="RYO39" s="927" t="s">
        <v>3816</v>
      </c>
      <c r="RYP39" s="927" t="s">
        <v>3816</v>
      </c>
      <c r="RYQ39" s="927" t="s">
        <v>3816</v>
      </c>
      <c r="RYR39" s="927" t="s">
        <v>3816</v>
      </c>
      <c r="RYS39" s="927" t="s">
        <v>3816</v>
      </c>
      <c r="RYT39" s="927" t="s">
        <v>3816</v>
      </c>
      <c r="RYU39" s="927" t="s">
        <v>3816</v>
      </c>
      <c r="RYV39" s="927" t="s">
        <v>3816</v>
      </c>
      <c r="RYW39" s="927" t="s">
        <v>3816</v>
      </c>
      <c r="RYX39" s="927" t="s">
        <v>3816</v>
      </c>
      <c r="RYY39" s="927" t="s">
        <v>3816</v>
      </c>
      <c r="RYZ39" s="927" t="s">
        <v>3816</v>
      </c>
      <c r="RZA39" s="927" t="s">
        <v>3816</v>
      </c>
      <c r="RZB39" s="927" t="s">
        <v>3816</v>
      </c>
      <c r="RZC39" s="927" t="s">
        <v>3816</v>
      </c>
      <c r="RZD39" s="927" t="s">
        <v>3816</v>
      </c>
      <c r="RZE39" s="927" t="s">
        <v>3816</v>
      </c>
      <c r="RZF39" s="927" t="s">
        <v>3816</v>
      </c>
      <c r="RZG39" s="927" t="s">
        <v>3816</v>
      </c>
      <c r="RZH39" s="927" t="s">
        <v>3816</v>
      </c>
      <c r="RZI39" s="927" t="s">
        <v>3816</v>
      </c>
      <c r="RZJ39" s="927" t="s">
        <v>3816</v>
      </c>
      <c r="RZK39" s="927" t="s">
        <v>3816</v>
      </c>
      <c r="RZL39" s="927" t="s">
        <v>3816</v>
      </c>
      <c r="RZM39" s="927" t="s">
        <v>3816</v>
      </c>
      <c r="RZN39" s="927" t="s">
        <v>3816</v>
      </c>
      <c r="RZO39" s="927" t="s">
        <v>3816</v>
      </c>
      <c r="RZP39" s="927" t="s">
        <v>3816</v>
      </c>
      <c r="RZQ39" s="927" t="s">
        <v>3816</v>
      </c>
      <c r="RZR39" s="927" t="s">
        <v>3816</v>
      </c>
      <c r="RZS39" s="927" t="s">
        <v>3816</v>
      </c>
      <c r="RZT39" s="927" t="s">
        <v>3816</v>
      </c>
      <c r="RZU39" s="927" t="s">
        <v>3816</v>
      </c>
      <c r="RZV39" s="927" t="s">
        <v>3816</v>
      </c>
      <c r="RZW39" s="927" t="s">
        <v>3816</v>
      </c>
      <c r="RZX39" s="927" t="s">
        <v>3816</v>
      </c>
      <c r="RZY39" s="927" t="s">
        <v>3816</v>
      </c>
      <c r="RZZ39" s="927" t="s">
        <v>3816</v>
      </c>
      <c r="SAA39" s="927" t="s">
        <v>3816</v>
      </c>
      <c r="SAB39" s="927" t="s">
        <v>3816</v>
      </c>
      <c r="SAC39" s="927" t="s">
        <v>3816</v>
      </c>
      <c r="SAD39" s="927" t="s">
        <v>3816</v>
      </c>
      <c r="SAE39" s="927" t="s">
        <v>3816</v>
      </c>
      <c r="SAF39" s="927" t="s">
        <v>3816</v>
      </c>
      <c r="SAG39" s="927" t="s">
        <v>3816</v>
      </c>
      <c r="SAH39" s="927" t="s">
        <v>3816</v>
      </c>
      <c r="SAI39" s="927" t="s">
        <v>3816</v>
      </c>
      <c r="SAJ39" s="927" t="s">
        <v>3816</v>
      </c>
      <c r="SAK39" s="927" t="s">
        <v>3816</v>
      </c>
      <c r="SAL39" s="927" t="s">
        <v>3816</v>
      </c>
      <c r="SAM39" s="927" t="s">
        <v>3816</v>
      </c>
      <c r="SAN39" s="927" t="s">
        <v>3816</v>
      </c>
      <c r="SAO39" s="927" t="s">
        <v>3816</v>
      </c>
      <c r="SAP39" s="927" t="s">
        <v>3816</v>
      </c>
      <c r="SAQ39" s="927" t="s">
        <v>3816</v>
      </c>
      <c r="SAR39" s="927" t="s">
        <v>3816</v>
      </c>
      <c r="SAS39" s="927" t="s">
        <v>3816</v>
      </c>
      <c r="SAT39" s="927" t="s">
        <v>3816</v>
      </c>
      <c r="SAU39" s="927" t="s">
        <v>3816</v>
      </c>
      <c r="SAV39" s="927" t="s">
        <v>3816</v>
      </c>
      <c r="SAW39" s="927" t="s">
        <v>3816</v>
      </c>
      <c r="SAX39" s="927" t="s">
        <v>3816</v>
      </c>
      <c r="SAY39" s="927" t="s">
        <v>3816</v>
      </c>
      <c r="SAZ39" s="927" t="s">
        <v>3816</v>
      </c>
      <c r="SBA39" s="927" t="s">
        <v>3816</v>
      </c>
      <c r="SBB39" s="927" t="s">
        <v>3816</v>
      </c>
      <c r="SBC39" s="927" t="s">
        <v>3816</v>
      </c>
      <c r="SBD39" s="927" t="s">
        <v>3816</v>
      </c>
      <c r="SBE39" s="927" t="s">
        <v>3816</v>
      </c>
      <c r="SBF39" s="927" t="s">
        <v>3816</v>
      </c>
      <c r="SBG39" s="927" t="s">
        <v>3816</v>
      </c>
      <c r="SBH39" s="927" t="s">
        <v>3816</v>
      </c>
      <c r="SBI39" s="927" t="s">
        <v>3816</v>
      </c>
      <c r="SBJ39" s="927" t="s">
        <v>3816</v>
      </c>
      <c r="SBK39" s="927" t="s">
        <v>3816</v>
      </c>
      <c r="SBL39" s="927" t="s">
        <v>3816</v>
      </c>
      <c r="SBM39" s="927" t="s">
        <v>3816</v>
      </c>
      <c r="SBN39" s="927" t="s">
        <v>3816</v>
      </c>
      <c r="SBO39" s="927" t="s">
        <v>3816</v>
      </c>
      <c r="SBP39" s="927" t="s">
        <v>3816</v>
      </c>
      <c r="SBQ39" s="927" t="s">
        <v>3816</v>
      </c>
      <c r="SBR39" s="927" t="s">
        <v>3816</v>
      </c>
      <c r="SBS39" s="927" t="s">
        <v>3816</v>
      </c>
      <c r="SBT39" s="927" t="s">
        <v>3816</v>
      </c>
      <c r="SBU39" s="927" t="s">
        <v>3816</v>
      </c>
      <c r="SBV39" s="927" t="s">
        <v>3816</v>
      </c>
      <c r="SBW39" s="927" t="s">
        <v>3816</v>
      </c>
      <c r="SBX39" s="927" t="s">
        <v>3816</v>
      </c>
      <c r="SBY39" s="927" t="s">
        <v>3816</v>
      </c>
      <c r="SBZ39" s="927" t="s">
        <v>3816</v>
      </c>
      <c r="SCA39" s="927" t="s">
        <v>3816</v>
      </c>
      <c r="SCB39" s="927" t="s">
        <v>3816</v>
      </c>
      <c r="SCC39" s="927" t="s">
        <v>3816</v>
      </c>
      <c r="SCD39" s="927" t="s">
        <v>3816</v>
      </c>
      <c r="SCE39" s="927" t="s">
        <v>3816</v>
      </c>
      <c r="SCF39" s="927" t="s">
        <v>3816</v>
      </c>
      <c r="SCG39" s="927" t="s">
        <v>3816</v>
      </c>
      <c r="SCH39" s="927" t="s">
        <v>3816</v>
      </c>
      <c r="SCI39" s="927" t="s">
        <v>3816</v>
      </c>
      <c r="SCJ39" s="927" t="s">
        <v>3816</v>
      </c>
      <c r="SCK39" s="927" t="s">
        <v>3816</v>
      </c>
      <c r="SCL39" s="927" t="s">
        <v>3816</v>
      </c>
      <c r="SCM39" s="927" t="s">
        <v>3816</v>
      </c>
      <c r="SCN39" s="927" t="s">
        <v>3816</v>
      </c>
      <c r="SCO39" s="927" t="s">
        <v>3816</v>
      </c>
      <c r="SCP39" s="927" t="s">
        <v>3816</v>
      </c>
      <c r="SCQ39" s="927" t="s">
        <v>3816</v>
      </c>
      <c r="SCR39" s="927" t="s">
        <v>3816</v>
      </c>
      <c r="SCS39" s="927" t="s">
        <v>3816</v>
      </c>
      <c r="SCT39" s="927" t="s">
        <v>3816</v>
      </c>
      <c r="SCU39" s="927" t="s">
        <v>3816</v>
      </c>
      <c r="SCV39" s="927" t="s">
        <v>3816</v>
      </c>
      <c r="SCW39" s="927" t="s">
        <v>3816</v>
      </c>
      <c r="SCX39" s="927" t="s">
        <v>3816</v>
      </c>
      <c r="SCY39" s="927" t="s">
        <v>3816</v>
      </c>
      <c r="SCZ39" s="927" t="s">
        <v>3816</v>
      </c>
      <c r="SDA39" s="927" t="s">
        <v>3816</v>
      </c>
      <c r="SDB39" s="927" t="s">
        <v>3816</v>
      </c>
      <c r="SDC39" s="927" t="s">
        <v>3816</v>
      </c>
      <c r="SDD39" s="927" t="s">
        <v>3816</v>
      </c>
      <c r="SDE39" s="927" t="s">
        <v>3816</v>
      </c>
      <c r="SDF39" s="927" t="s">
        <v>3816</v>
      </c>
      <c r="SDG39" s="927" t="s">
        <v>3816</v>
      </c>
      <c r="SDH39" s="927" t="s">
        <v>3816</v>
      </c>
      <c r="SDI39" s="927" t="s">
        <v>3816</v>
      </c>
      <c r="SDJ39" s="927" t="s">
        <v>3816</v>
      </c>
      <c r="SDK39" s="927" t="s">
        <v>3816</v>
      </c>
      <c r="SDL39" s="927" t="s">
        <v>3816</v>
      </c>
      <c r="SDM39" s="927" t="s">
        <v>3816</v>
      </c>
      <c r="SDN39" s="927" t="s">
        <v>3816</v>
      </c>
      <c r="SDO39" s="927" t="s">
        <v>3816</v>
      </c>
      <c r="SDP39" s="927" t="s">
        <v>3816</v>
      </c>
      <c r="SDQ39" s="927" t="s">
        <v>3816</v>
      </c>
      <c r="SDR39" s="927" t="s">
        <v>3816</v>
      </c>
      <c r="SDS39" s="927" t="s">
        <v>3816</v>
      </c>
      <c r="SDT39" s="927" t="s">
        <v>3816</v>
      </c>
      <c r="SDU39" s="927" t="s">
        <v>3816</v>
      </c>
      <c r="SDV39" s="927" t="s">
        <v>3816</v>
      </c>
      <c r="SDW39" s="927" t="s">
        <v>3816</v>
      </c>
      <c r="SDX39" s="927" t="s">
        <v>3816</v>
      </c>
      <c r="SDY39" s="927" t="s">
        <v>3816</v>
      </c>
      <c r="SDZ39" s="927" t="s">
        <v>3816</v>
      </c>
      <c r="SEA39" s="927" t="s">
        <v>3816</v>
      </c>
      <c r="SEB39" s="927" t="s">
        <v>3816</v>
      </c>
      <c r="SEC39" s="927" t="s">
        <v>3816</v>
      </c>
      <c r="SED39" s="927" t="s">
        <v>3816</v>
      </c>
      <c r="SEE39" s="927" t="s">
        <v>3816</v>
      </c>
      <c r="SEF39" s="927" t="s">
        <v>3816</v>
      </c>
      <c r="SEG39" s="927" t="s">
        <v>3816</v>
      </c>
      <c r="SEH39" s="927" t="s">
        <v>3816</v>
      </c>
      <c r="SEI39" s="927" t="s">
        <v>3816</v>
      </c>
      <c r="SEJ39" s="927" t="s">
        <v>3816</v>
      </c>
      <c r="SEK39" s="927" t="s">
        <v>3816</v>
      </c>
      <c r="SEL39" s="927" t="s">
        <v>3816</v>
      </c>
      <c r="SEM39" s="927" t="s">
        <v>3816</v>
      </c>
      <c r="SEN39" s="927" t="s">
        <v>3816</v>
      </c>
      <c r="SEO39" s="927" t="s">
        <v>3816</v>
      </c>
      <c r="SEP39" s="927" t="s">
        <v>3816</v>
      </c>
      <c r="SEQ39" s="927" t="s">
        <v>3816</v>
      </c>
      <c r="SER39" s="927" t="s">
        <v>3816</v>
      </c>
      <c r="SES39" s="927" t="s">
        <v>3816</v>
      </c>
      <c r="SET39" s="927" t="s">
        <v>3816</v>
      </c>
      <c r="SEU39" s="927" t="s">
        <v>3816</v>
      </c>
      <c r="SEV39" s="927" t="s">
        <v>3816</v>
      </c>
      <c r="SEW39" s="927" t="s">
        <v>3816</v>
      </c>
      <c r="SEX39" s="927" t="s">
        <v>3816</v>
      </c>
      <c r="SEY39" s="927" t="s">
        <v>3816</v>
      </c>
      <c r="SEZ39" s="927" t="s">
        <v>3816</v>
      </c>
      <c r="SFA39" s="927" t="s">
        <v>3816</v>
      </c>
      <c r="SFB39" s="927" t="s">
        <v>3816</v>
      </c>
      <c r="SFC39" s="927" t="s">
        <v>3816</v>
      </c>
      <c r="SFD39" s="927" t="s">
        <v>3816</v>
      </c>
      <c r="SFE39" s="927" t="s">
        <v>3816</v>
      </c>
      <c r="SFF39" s="927" t="s">
        <v>3816</v>
      </c>
      <c r="SFG39" s="927" t="s">
        <v>3816</v>
      </c>
      <c r="SFH39" s="927" t="s">
        <v>3816</v>
      </c>
      <c r="SFI39" s="927" t="s">
        <v>3816</v>
      </c>
      <c r="SFJ39" s="927" t="s">
        <v>3816</v>
      </c>
      <c r="SFK39" s="927" t="s">
        <v>3816</v>
      </c>
      <c r="SFL39" s="927" t="s">
        <v>3816</v>
      </c>
      <c r="SFM39" s="927" t="s">
        <v>3816</v>
      </c>
      <c r="SFN39" s="927" t="s">
        <v>3816</v>
      </c>
      <c r="SFO39" s="927" t="s">
        <v>3816</v>
      </c>
      <c r="SFP39" s="927" t="s">
        <v>3816</v>
      </c>
      <c r="SFQ39" s="927" t="s">
        <v>3816</v>
      </c>
      <c r="SFR39" s="927" t="s">
        <v>3816</v>
      </c>
      <c r="SFS39" s="927" t="s">
        <v>3816</v>
      </c>
      <c r="SFT39" s="927" t="s">
        <v>3816</v>
      </c>
      <c r="SFU39" s="927" t="s">
        <v>3816</v>
      </c>
      <c r="SFV39" s="927" t="s">
        <v>3816</v>
      </c>
      <c r="SFW39" s="927" t="s">
        <v>3816</v>
      </c>
      <c r="SFX39" s="927" t="s">
        <v>3816</v>
      </c>
      <c r="SFY39" s="927" t="s">
        <v>3816</v>
      </c>
      <c r="SFZ39" s="927" t="s">
        <v>3816</v>
      </c>
      <c r="SGA39" s="927" t="s">
        <v>3816</v>
      </c>
      <c r="SGB39" s="927" t="s">
        <v>3816</v>
      </c>
      <c r="SGC39" s="927" t="s">
        <v>3816</v>
      </c>
      <c r="SGD39" s="927" t="s">
        <v>3816</v>
      </c>
      <c r="SGE39" s="927" t="s">
        <v>3816</v>
      </c>
      <c r="SGF39" s="927" t="s">
        <v>3816</v>
      </c>
      <c r="SGG39" s="927" t="s">
        <v>3816</v>
      </c>
      <c r="SGH39" s="927" t="s">
        <v>3816</v>
      </c>
      <c r="SGI39" s="927" t="s">
        <v>3816</v>
      </c>
      <c r="SGJ39" s="927" t="s">
        <v>3816</v>
      </c>
      <c r="SGK39" s="927" t="s">
        <v>3816</v>
      </c>
      <c r="SGL39" s="927" t="s">
        <v>3816</v>
      </c>
      <c r="SGM39" s="927" t="s">
        <v>3816</v>
      </c>
      <c r="SGN39" s="927" t="s">
        <v>3816</v>
      </c>
      <c r="SGO39" s="927" t="s">
        <v>3816</v>
      </c>
      <c r="SGP39" s="927" t="s">
        <v>3816</v>
      </c>
      <c r="SGQ39" s="927" t="s">
        <v>3816</v>
      </c>
      <c r="SGR39" s="927" t="s">
        <v>3816</v>
      </c>
      <c r="SGS39" s="927" t="s">
        <v>3816</v>
      </c>
      <c r="SGT39" s="927" t="s">
        <v>3816</v>
      </c>
      <c r="SGU39" s="927" t="s">
        <v>3816</v>
      </c>
      <c r="SGV39" s="927" t="s">
        <v>3816</v>
      </c>
      <c r="SGW39" s="927" t="s">
        <v>3816</v>
      </c>
      <c r="SGX39" s="927" t="s">
        <v>3816</v>
      </c>
      <c r="SGY39" s="927" t="s">
        <v>3816</v>
      </c>
      <c r="SGZ39" s="927" t="s">
        <v>3816</v>
      </c>
      <c r="SHA39" s="927" t="s">
        <v>3816</v>
      </c>
      <c r="SHB39" s="927" t="s">
        <v>3816</v>
      </c>
      <c r="SHC39" s="927" t="s">
        <v>3816</v>
      </c>
      <c r="SHD39" s="927" t="s">
        <v>3816</v>
      </c>
      <c r="SHE39" s="927" t="s">
        <v>3816</v>
      </c>
      <c r="SHF39" s="927" t="s">
        <v>3816</v>
      </c>
      <c r="SHG39" s="927" t="s">
        <v>3816</v>
      </c>
      <c r="SHH39" s="927" t="s">
        <v>3816</v>
      </c>
      <c r="SHI39" s="927" t="s">
        <v>3816</v>
      </c>
      <c r="SHJ39" s="927" t="s">
        <v>3816</v>
      </c>
      <c r="SHK39" s="927" t="s">
        <v>3816</v>
      </c>
      <c r="SHL39" s="927" t="s">
        <v>3816</v>
      </c>
      <c r="SHM39" s="927" t="s">
        <v>3816</v>
      </c>
      <c r="SHN39" s="927" t="s">
        <v>3816</v>
      </c>
      <c r="SHO39" s="927" t="s">
        <v>3816</v>
      </c>
      <c r="SHP39" s="927" t="s">
        <v>3816</v>
      </c>
      <c r="SHQ39" s="927" t="s">
        <v>3816</v>
      </c>
      <c r="SHR39" s="927" t="s">
        <v>3816</v>
      </c>
      <c r="SHS39" s="927" t="s">
        <v>3816</v>
      </c>
      <c r="SHT39" s="927" t="s">
        <v>3816</v>
      </c>
      <c r="SHU39" s="927" t="s">
        <v>3816</v>
      </c>
      <c r="SHV39" s="927" t="s">
        <v>3816</v>
      </c>
      <c r="SHW39" s="927" t="s">
        <v>3816</v>
      </c>
      <c r="SHX39" s="927" t="s">
        <v>3816</v>
      </c>
      <c r="SHY39" s="927" t="s">
        <v>3816</v>
      </c>
      <c r="SHZ39" s="927" t="s">
        <v>3816</v>
      </c>
      <c r="SIA39" s="927" t="s">
        <v>3816</v>
      </c>
      <c r="SIB39" s="927" t="s">
        <v>3816</v>
      </c>
      <c r="SIC39" s="927" t="s">
        <v>3816</v>
      </c>
      <c r="SID39" s="927" t="s">
        <v>3816</v>
      </c>
      <c r="SIE39" s="927" t="s">
        <v>3816</v>
      </c>
      <c r="SIF39" s="927" t="s">
        <v>3816</v>
      </c>
      <c r="SIG39" s="927" t="s">
        <v>3816</v>
      </c>
      <c r="SIH39" s="927" t="s">
        <v>3816</v>
      </c>
      <c r="SII39" s="927" t="s">
        <v>3816</v>
      </c>
      <c r="SIJ39" s="927" t="s">
        <v>3816</v>
      </c>
      <c r="SIK39" s="927" t="s">
        <v>3816</v>
      </c>
      <c r="SIL39" s="927" t="s">
        <v>3816</v>
      </c>
      <c r="SIM39" s="927" t="s">
        <v>3816</v>
      </c>
      <c r="SIN39" s="927" t="s">
        <v>3816</v>
      </c>
      <c r="SIO39" s="927" t="s">
        <v>3816</v>
      </c>
      <c r="SIP39" s="927" t="s">
        <v>3816</v>
      </c>
      <c r="SIQ39" s="927" t="s">
        <v>3816</v>
      </c>
      <c r="SIR39" s="927" t="s">
        <v>3816</v>
      </c>
      <c r="SIS39" s="927" t="s">
        <v>3816</v>
      </c>
      <c r="SIT39" s="927" t="s">
        <v>3816</v>
      </c>
      <c r="SIU39" s="927" t="s">
        <v>3816</v>
      </c>
      <c r="SIV39" s="927" t="s">
        <v>3816</v>
      </c>
      <c r="SIW39" s="927" t="s">
        <v>3816</v>
      </c>
      <c r="SIX39" s="927" t="s">
        <v>3816</v>
      </c>
      <c r="SIY39" s="927" t="s">
        <v>3816</v>
      </c>
      <c r="SIZ39" s="927" t="s">
        <v>3816</v>
      </c>
      <c r="SJA39" s="927" t="s">
        <v>3816</v>
      </c>
      <c r="SJB39" s="927" t="s">
        <v>3816</v>
      </c>
      <c r="SJC39" s="927" t="s">
        <v>3816</v>
      </c>
      <c r="SJD39" s="927" t="s">
        <v>3816</v>
      </c>
      <c r="SJE39" s="927" t="s">
        <v>3816</v>
      </c>
      <c r="SJF39" s="927" t="s">
        <v>3816</v>
      </c>
      <c r="SJG39" s="927" t="s">
        <v>3816</v>
      </c>
      <c r="SJH39" s="927" t="s">
        <v>3816</v>
      </c>
      <c r="SJI39" s="927" t="s">
        <v>3816</v>
      </c>
      <c r="SJJ39" s="927" t="s">
        <v>3816</v>
      </c>
      <c r="SJK39" s="927" t="s">
        <v>3816</v>
      </c>
      <c r="SJL39" s="927" t="s">
        <v>3816</v>
      </c>
      <c r="SJM39" s="927" t="s">
        <v>3816</v>
      </c>
      <c r="SJN39" s="927" t="s">
        <v>3816</v>
      </c>
      <c r="SJO39" s="927" t="s">
        <v>3816</v>
      </c>
      <c r="SJP39" s="927" t="s">
        <v>3816</v>
      </c>
      <c r="SJQ39" s="927" t="s">
        <v>3816</v>
      </c>
      <c r="SJR39" s="927" t="s">
        <v>3816</v>
      </c>
      <c r="SJS39" s="927" t="s">
        <v>3816</v>
      </c>
      <c r="SJT39" s="927" t="s">
        <v>3816</v>
      </c>
      <c r="SJU39" s="927" t="s">
        <v>3816</v>
      </c>
      <c r="SJV39" s="927" t="s">
        <v>3816</v>
      </c>
      <c r="SJW39" s="927" t="s">
        <v>3816</v>
      </c>
      <c r="SJX39" s="927" t="s">
        <v>3816</v>
      </c>
      <c r="SJY39" s="927" t="s">
        <v>3816</v>
      </c>
      <c r="SJZ39" s="927" t="s">
        <v>3816</v>
      </c>
      <c r="SKA39" s="927" t="s">
        <v>3816</v>
      </c>
      <c r="SKB39" s="927" t="s">
        <v>3816</v>
      </c>
      <c r="SKC39" s="927" t="s">
        <v>3816</v>
      </c>
      <c r="SKD39" s="927" t="s">
        <v>3816</v>
      </c>
      <c r="SKE39" s="927" t="s">
        <v>3816</v>
      </c>
      <c r="SKF39" s="927" t="s">
        <v>3816</v>
      </c>
      <c r="SKG39" s="927" t="s">
        <v>3816</v>
      </c>
      <c r="SKH39" s="927" t="s">
        <v>3816</v>
      </c>
      <c r="SKI39" s="927" t="s">
        <v>3816</v>
      </c>
      <c r="SKJ39" s="927" t="s">
        <v>3816</v>
      </c>
      <c r="SKK39" s="927" t="s">
        <v>3816</v>
      </c>
      <c r="SKL39" s="927" t="s">
        <v>3816</v>
      </c>
      <c r="SKM39" s="927" t="s">
        <v>3816</v>
      </c>
      <c r="SKN39" s="927" t="s">
        <v>3816</v>
      </c>
      <c r="SKO39" s="927" t="s">
        <v>3816</v>
      </c>
      <c r="SKP39" s="927" t="s">
        <v>3816</v>
      </c>
      <c r="SKQ39" s="927" t="s">
        <v>3816</v>
      </c>
      <c r="SKR39" s="927" t="s">
        <v>3816</v>
      </c>
      <c r="SKS39" s="927" t="s">
        <v>3816</v>
      </c>
      <c r="SKT39" s="927" t="s">
        <v>3816</v>
      </c>
      <c r="SKU39" s="927" t="s">
        <v>3816</v>
      </c>
      <c r="SKV39" s="927" t="s">
        <v>3816</v>
      </c>
      <c r="SKW39" s="927" t="s">
        <v>3816</v>
      </c>
      <c r="SKX39" s="927" t="s">
        <v>3816</v>
      </c>
      <c r="SKY39" s="927" t="s">
        <v>3816</v>
      </c>
      <c r="SKZ39" s="927" t="s">
        <v>3816</v>
      </c>
      <c r="SLA39" s="927" t="s">
        <v>3816</v>
      </c>
      <c r="SLB39" s="927" t="s">
        <v>3816</v>
      </c>
      <c r="SLC39" s="927" t="s">
        <v>3816</v>
      </c>
      <c r="SLD39" s="927" t="s">
        <v>3816</v>
      </c>
      <c r="SLE39" s="927" t="s">
        <v>3816</v>
      </c>
      <c r="SLF39" s="927" t="s">
        <v>3816</v>
      </c>
      <c r="SLG39" s="927" t="s">
        <v>3816</v>
      </c>
      <c r="SLH39" s="927" t="s">
        <v>3816</v>
      </c>
      <c r="SLI39" s="927" t="s">
        <v>3816</v>
      </c>
      <c r="SLJ39" s="927" t="s">
        <v>3816</v>
      </c>
      <c r="SLK39" s="927" t="s">
        <v>3816</v>
      </c>
      <c r="SLL39" s="927" t="s">
        <v>3816</v>
      </c>
      <c r="SLM39" s="927" t="s">
        <v>3816</v>
      </c>
      <c r="SLN39" s="927" t="s">
        <v>3816</v>
      </c>
      <c r="SLO39" s="927" t="s">
        <v>3816</v>
      </c>
      <c r="SLP39" s="927" t="s">
        <v>3816</v>
      </c>
      <c r="SLQ39" s="927" t="s">
        <v>3816</v>
      </c>
      <c r="SLR39" s="927" t="s">
        <v>3816</v>
      </c>
      <c r="SLS39" s="927" t="s">
        <v>3816</v>
      </c>
      <c r="SLT39" s="927" t="s">
        <v>3816</v>
      </c>
      <c r="SLU39" s="927" t="s">
        <v>3816</v>
      </c>
      <c r="SLV39" s="927" t="s">
        <v>3816</v>
      </c>
      <c r="SLW39" s="927" t="s">
        <v>3816</v>
      </c>
      <c r="SLX39" s="927" t="s">
        <v>3816</v>
      </c>
      <c r="SLY39" s="927" t="s">
        <v>3816</v>
      </c>
      <c r="SLZ39" s="927" t="s">
        <v>3816</v>
      </c>
      <c r="SMA39" s="927" t="s">
        <v>3816</v>
      </c>
      <c r="SMB39" s="927" t="s">
        <v>3816</v>
      </c>
      <c r="SMC39" s="927" t="s">
        <v>3816</v>
      </c>
      <c r="SMD39" s="927" t="s">
        <v>3816</v>
      </c>
      <c r="SME39" s="927" t="s">
        <v>3816</v>
      </c>
      <c r="SMF39" s="927" t="s">
        <v>3816</v>
      </c>
      <c r="SMG39" s="927" t="s">
        <v>3816</v>
      </c>
      <c r="SMH39" s="927" t="s">
        <v>3816</v>
      </c>
      <c r="SMI39" s="927" t="s">
        <v>3816</v>
      </c>
      <c r="SMJ39" s="927" t="s">
        <v>3816</v>
      </c>
      <c r="SMK39" s="927" t="s">
        <v>3816</v>
      </c>
      <c r="SML39" s="927" t="s">
        <v>3816</v>
      </c>
      <c r="SMM39" s="927" t="s">
        <v>3816</v>
      </c>
      <c r="SMN39" s="927" t="s">
        <v>3816</v>
      </c>
      <c r="SMO39" s="927" t="s">
        <v>3816</v>
      </c>
      <c r="SMP39" s="927" t="s">
        <v>3816</v>
      </c>
      <c r="SMQ39" s="927" t="s">
        <v>3816</v>
      </c>
      <c r="SMR39" s="927" t="s">
        <v>3816</v>
      </c>
      <c r="SMS39" s="927" t="s">
        <v>3816</v>
      </c>
      <c r="SMT39" s="927" t="s">
        <v>3816</v>
      </c>
      <c r="SMU39" s="927" t="s">
        <v>3816</v>
      </c>
      <c r="SMV39" s="927" t="s">
        <v>3816</v>
      </c>
      <c r="SMW39" s="927" t="s">
        <v>3816</v>
      </c>
      <c r="SMX39" s="927" t="s">
        <v>3816</v>
      </c>
      <c r="SMY39" s="927" t="s">
        <v>3816</v>
      </c>
      <c r="SMZ39" s="927" t="s">
        <v>3816</v>
      </c>
      <c r="SNA39" s="927" t="s">
        <v>3816</v>
      </c>
      <c r="SNB39" s="927" t="s">
        <v>3816</v>
      </c>
      <c r="SNC39" s="927" t="s">
        <v>3816</v>
      </c>
      <c r="SND39" s="927" t="s">
        <v>3816</v>
      </c>
      <c r="SNE39" s="927" t="s">
        <v>3816</v>
      </c>
      <c r="SNF39" s="927" t="s">
        <v>3816</v>
      </c>
      <c r="SNG39" s="927" t="s">
        <v>3816</v>
      </c>
      <c r="SNH39" s="927" t="s">
        <v>3816</v>
      </c>
      <c r="SNI39" s="927" t="s">
        <v>3816</v>
      </c>
      <c r="SNJ39" s="927" t="s">
        <v>3816</v>
      </c>
      <c r="SNK39" s="927" t="s">
        <v>3816</v>
      </c>
      <c r="SNL39" s="927" t="s">
        <v>3816</v>
      </c>
      <c r="SNM39" s="927" t="s">
        <v>3816</v>
      </c>
      <c r="SNN39" s="927" t="s">
        <v>3816</v>
      </c>
      <c r="SNO39" s="927" t="s">
        <v>3816</v>
      </c>
      <c r="SNP39" s="927" t="s">
        <v>3816</v>
      </c>
      <c r="SNQ39" s="927" t="s">
        <v>3816</v>
      </c>
      <c r="SNR39" s="927" t="s">
        <v>3816</v>
      </c>
      <c r="SNS39" s="927" t="s">
        <v>3816</v>
      </c>
      <c r="SNT39" s="927" t="s">
        <v>3816</v>
      </c>
      <c r="SNU39" s="927" t="s">
        <v>3816</v>
      </c>
      <c r="SNV39" s="927" t="s">
        <v>3816</v>
      </c>
      <c r="SNW39" s="927" t="s">
        <v>3816</v>
      </c>
      <c r="SNX39" s="927" t="s">
        <v>3816</v>
      </c>
      <c r="SNY39" s="927" t="s">
        <v>3816</v>
      </c>
      <c r="SNZ39" s="927" t="s">
        <v>3816</v>
      </c>
      <c r="SOA39" s="927" t="s">
        <v>3816</v>
      </c>
      <c r="SOB39" s="927" t="s">
        <v>3816</v>
      </c>
      <c r="SOC39" s="927" t="s">
        <v>3816</v>
      </c>
      <c r="SOD39" s="927" t="s">
        <v>3816</v>
      </c>
      <c r="SOE39" s="927" t="s">
        <v>3816</v>
      </c>
      <c r="SOF39" s="927" t="s">
        <v>3816</v>
      </c>
      <c r="SOG39" s="927" t="s">
        <v>3816</v>
      </c>
      <c r="SOH39" s="927" t="s">
        <v>3816</v>
      </c>
      <c r="SOI39" s="927" t="s">
        <v>3816</v>
      </c>
      <c r="SOJ39" s="927" t="s">
        <v>3816</v>
      </c>
      <c r="SOK39" s="927" t="s">
        <v>3816</v>
      </c>
      <c r="SOL39" s="927" t="s">
        <v>3816</v>
      </c>
      <c r="SOM39" s="927" t="s">
        <v>3816</v>
      </c>
      <c r="SON39" s="927" t="s">
        <v>3816</v>
      </c>
      <c r="SOO39" s="927" t="s">
        <v>3816</v>
      </c>
      <c r="SOP39" s="927" t="s">
        <v>3816</v>
      </c>
      <c r="SOQ39" s="927" t="s">
        <v>3816</v>
      </c>
      <c r="SOR39" s="927" t="s">
        <v>3816</v>
      </c>
      <c r="SOS39" s="927" t="s">
        <v>3816</v>
      </c>
      <c r="SOT39" s="927" t="s">
        <v>3816</v>
      </c>
      <c r="SOU39" s="927" t="s">
        <v>3816</v>
      </c>
      <c r="SOV39" s="927" t="s">
        <v>3816</v>
      </c>
      <c r="SOW39" s="927" t="s">
        <v>3816</v>
      </c>
      <c r="SOX39" s="927" t="s">
        <v>3816</v>
      </c>
      <c r="SOY39" s="927" t="s">
        <v>3816</v>
      </c>
      <c r="SOZ39" s="927" t="s">
        <v>3816</v>
      </c>
      <c r="SPA39" s="927" t="s">
        <v>3816</v>
      </c>
      <c r="SPB39" s="927" t="s">
        <v>3816</v>
      </c>
      <c r="SPC39" s="927" t="s">
        <v>3816</v>
      </c>
      <c r="SPD39" s="927" t="s">
        <v>3816</v>
      </c>
      <c r="SPE39" s="927" t="s">
        <v>3816</v>
      </c>
      <c r="SPF39" s="927" t="s">
        <v>3816</v>
      </c>
      <c r="SPG39" s="927" t="s">
        <v>3816</v>
      </c>
      <c r="SPH39" s="927" t="s">
        <v>3816</v>
      </c>
      <c r="SPI39" s="927" t="s">
        <v>3816</v>
      </c>
      <c r="SPJ39" s="927" t="s">
        <v>3816</v>
      </c>
      <c r="SPK39" s="927" t="s">
        <v>3816</v>
      </c>
      <c r="SPL39" s="927" t="s">
        <v>3816</v>
      </c>
      <c r="SPM39" s="927" t="s">
        <v>3816</v>
      </c>
      <c r="SPN39" s="927" t="s">
        <v>3816</v>
      </c>
      <c r="SPO39" s="927" t="s">
        <v>3816</v>
      </c>
      <c r="SPP39" s="927" t="s">
        <v>3816</v>
      </c>
      <c r="SPQ39" s="927" t="s">
        <v>3816</v>
      </c>
      <c r="SPR39" s="927" t="s">
        <v>3816</v>
      </c>
      <c r="SPS39" s="927" t="s">
        <v>3816</v>
      </c>
      <c r="SPT39" s="927" t="s">
        <v>3816</v>
      </c>
      <c r="SPU39" s="927" t="s">
        <v>3816</v>
      </c>
      <c r="SPV39" s="927" t="s">
        <v>3816</v>
      </c>
      <c r="SPW39" s="927" t="s">
        <v>3816</v>
      </c>
      <c r="SPX39" s="927" t="s">
        <v>3816</v>
      </c>
      <c r="SPY39" s="927" t="s">
        <v>3816</v>
      </c>
      <c r="SPZ39" s="927" t="s">
        <v>3816</v>
      </c>
      <c r="SQA39" s="927" t="s">
        <v>3816</v>
      </c>
      <c r="SQB39" s="927" t="s">
        <v>3816</v>
      </c>
      <c r="SQC39" s="927" t="s">
        <v>3816</v>
      </c>
      <c r="SQD39" s="927" t="s">
        <v>3816</v>
      </c>
      <c r="SQE39" s="927" t="s">
        <v>3816</v>
      </c>
      <c r="SQF39" s="927" t="s">
        <v>3816</v>
      </c>
      <c r="SQG39" s="927" t="s">
        <v>3816</v>
      </c>
      <c r="SQH39" s="927" t="s">
        <v>3816</v>
      </c>
      <c r="SQI39" s="927" t="s">
        <v>3816</v>
      </c>
      <c r="SQJ39" s="927" t="s">
        <v>3816</v>
      </c>
      <c r="SQK39" s="927" t="s">
        <v>3816</v>
      </c>
      <c r="SQL39" s="927" t="s">
        <v>3816</v>
      </c>
      <c r="SQM39" s="927" t="s">
        <v>3816</v>
      </c>
      <c r="SQN39" s="927" t="s">
        <v>3816</v>
      </c>
      <c r="SQO39" s="927" t="s">
        <v>3816</v>
      </c>
      <c r="SQP39" s="927" t="s">
        <v>3816</v>
      </c>
      <c r="SQQ39" s="927" t="s">
        <v>3816</v>
      </c>
      <c r="SQR39" s="927" t="s">
        <v>3816</v>
      </c>
      <c r="SQS39" s="927" t="s">
        <v>3816</v>
      </c>
      <c r="SQT39" s="927" t="s">
        <v>3816</v>
      </c>
      <c r="SQU39" s="927" t="s">
        <v>3816</v>
      </c>
      <c r="SQV39" s="927" t="s">
        <v>3816</v>
      </c>
      <c r="SQW39" s="927" t="s">
        <v>3816</v>
      </c>
      <c r="SQX39" s="927" t="s">
        <v>3816</v>
      </c>
      <c r="SQY39" s="927" t="s">
        <v>3816</v>
      </c>
      <c r="SQZ39" s="927" t="s">
        <v>3816</v>
      </c>
      <c r="SRA39" s="927" t="s">
        <v>3816</v>
      </c>
      <c r="SRB39" s="927" t="s">
        <v>3816</v>
      </c>
      <c r="SRC39" s="927" t="s">
        <v>3816</v>
      </c>
      <c r="SRD39" s="927" t="s">
        <v>3816</v>
      </c>
      <c r="SRE39" s="927" t="s">
        <v>3816</v>
      </c>
      <c r="SRF39" s="927" t="s">
        <v>3816</v>
      </c>
      <c r="SRG39" s="927" t="s">
        <v>3816</v>
      </c>
      <c r="SRH39" s="927" t="s">
        <v>3816</v>
      </c>
      <c r="SRI39" s="927" t="s">
        <v>3816</v>
      </c>
      <c r="SRJ39" s="927" t="s">
        <v>3816</v>
      </c>
      <c r="SRK39" s="927" t="s">
        <v>3816</v>
      </c>
      <c r="SRL39" s="927" t="s">
        <v>3816</v>
      </c>
      <c r="SRM39" s="927" t="s">
        <v>3816</v>
      </c>
      <c r="SRN39" s="927" t="s">
        <v>3816</v>
      </c>
      <c r="SRO39" s="927" t="s">
        <v>3816</v>
      </c>
      <c r="SRP39" s="927" t="s">
        <v>3816</v>
      </c>
      <c r="SRQ39" s="927" t="s">
        <v>3816</v>
      </c>
      <c r="SRR39" s="927" t="s">
        <v>3816</v>
      </c>
      <c r="SRS39" s="927" t="s">
        <v>3816</v>
      </c>
      <c r="SRT39" s="927" t="s">
        <v>3816</v>
      </c>
      <c r="SRU39" s="927" t="s">
        <v>3816</v>
      </c>
      <c r="SRV39" s="927" t="s">
        <v>3816</v>
      </c>
      <c r="SRW39" s="927" t="s">
        <v>3816</v>
      </c>
      <c r="SRX39" s="927" t="s">
        <v>3816</v>
      </c>
      <c r="SRY39" s="927" t="s">
        <v>3816</v>
      </c>
      <c r="SRZ39" s="927" t="s">
        <v>3816</v>
      </c>
      <c r="SSA39" s="927" t="s">
        <v>3816</v>
      </c>
      <c r="SSB39" s="927" t="s">
        <v>3816</v>
      </c>
      <c r="SSC39" s="927" t="s">
        <v>3816</v>
      </c>
      <c r="SSD39" s="927" t="s">
        <v>3816</v>
      </c>
      <c r="SSE39" s="927" t="s">
        <v>3816</v>
      </c>
      <c r="SSF39" s="927" t="s">
        <v>3816</v>
      </c>
      <c r="SSG39" s="927" t="s">
        <v>3816</v>
      </c>
      <c r="SSH39" s="927" t="s">
        <v>3816</v>
      </c>
      <c r="SSI39" s="927" t="s">
        <v>3816</v>
      </c>
      <c r="SSJ39" s="927" t="s">
        <v>3816</v>
      </c>
      <c r="SSK39" s="927" t="s">
        <v>3816</v>
      </c>
      <c r="SSL39" s="927" t="s">
        <v>3816</v>
      </c>
      <c r="SSM39" s="927" t="s">
        <v>3816</v>
      </c>
      <c r="SSN39" s="927" t="s">
        <v>3816</v>
      </c>
      <c r="SSO39" s="927" t="s">
        <v>3816</v>
      </c>
      <c r="SSP39" s="927" t="s">
        <v>3816</v>
      </c>
      <c r="SSQ39" s="927" t="s">
        <v>3816</v>
      </c>
      <c r="SSR39" s="927" t="s">
        <v>3816</v>
      </c>
      <c r="SSS39" s="927" t="s">
        <v>3816</v>
      </c>
      <c r="SST39" s="927" t="s">
        <v>3816</v>
      </c>
      <c r="SSU39" s="927" t="s">
        <v>3816</v>
      </c>
      <c r="SSV39" s="927" t="s">
        <v>3816</v>
      </c>
      <c r="SSW39" s="927" t="s">
        <v>3816</v>
      </c>
      <c r="SSX39" s="927" t="s">
        <v>3816</v>
      </c>
      <c r="SSY39" s="927" t="s">
        <v>3816</v>
      </c>
      <c r="SSZ39" s="927" t="s">
        <v>3816</v>
      </c>
      <c r="STA39" s="927" t="s">
        <v>3816</v>
      </c>
      <c r="STB39" s="927" t="s">
        <v>3816</v>
      </c>
      <c r="STC39" s="927" t="s">
        <v>3816</v>
      </c>
      <c r="STD39" s="927" t="s">
        <v>3816</v>
      </c>
      <c r="STE39" s="927" t="s">
        <v>3816</v>
      </c>
      <c r="STF39" s="927" t="s">
        <v>3816</v>
      </c>
      <c r="STG39" s="927" t="s">
        <v>3816</v>
      </c>
      <c r="STH39" s="927" t="s">
        <v>3816</v>
      </c>
      <c r="STI39" s="927" t="s">
        <v>3816</v>
      </c>
      <c r="STJ39" s="927" t="s">
        <v>3816</v>
      </c>
      <c r="STK39" s="927" t="s">
        <v>3816</v>
      </c>
      <c r="STL39" s="927" t="s">
        <v>3816</v>
      </c>
      <c r="STM39" s="927" t="s">
        <v>3816</v>
      </c>
      <c r="STN39" s="927" t="s">
        <v>3816</v>
      </c>
      <c r="STO39" s="927" t="s">
        <v>3816</v>
      </c>
      <c r="STP39" s="927" t="s">
        <v>3816</v>
      </c>
      <c r="STQ39" s="927" t="s">
        <v>3816</v>
      </c>
      <c r="STR39" s="927" t="s">
        <v>3816</v>
      </c>
      <c r="STS39" s="927" t="s">
        <v>3816</v>
      </c>
      <c r="STT39" s="927" t="s">
        <v>3816</v>
      </c>
      <c r="STU39" s="927" t="s">
        <v>3816</v>
      </c>
      <c r="STV39" s="927" t="s">
        <v>3816</v>
      </c>
      <c r="STW39" s="927" t="s">
        <v>3816</v>
      </c>
      <c r="STX39" s="927" t="s">
        <v>3816</v>
      </c>
      <c r="STY39" s="927" t="s">
        <v>3816</v>
      </c>
      <c r="STZ39" s="927" t="s">
        <v>3816</v>
      </c>
      <c r="SUA39" s="927" t="s">
        <v>3816</v>
      </c>
      <c r="SUB39" s="927" t="s">
        <v>3816</v>
      </c>
      <c r="SUC39" s="927" t="s">
        <v>3816</v>
      </c>
      <c r="SUD39" s="927" t="s">
        <v>3816</v>
      </c>
      <c r="SUE39" s="927" t="s">
        <v>3816</v>
      </c>
      <c r="SUF39" s="927" t="s">
        <v>3816</v>
      </c>
      <c r="SUG39" s="927" t="s">
        <v>3816</v>
      </c>
      <c r="SUH39" s="927" t="s">
        <v>3816</v>
      </c>
      <c r="SUI39" s="927" t="s">
        <v>3816</v>
      </c>
      <c r="SUJ39" s="927" t="s">
        <v>3816</v>
      </c>
      <c r="SUK39" s="927" t="s">
        <v>3816</v>
      </c>
      <c r="SUL39" s="927" t="s">
        <v>3816</v>
      </c>
      <c r="SUM39" s="927" t="s">
        <v>3816</v>
      </c>
      <c r="SUN39" s="927" t="s">
        <v>3816</v>
      </c>
      <c r="SUO39" s="927" t="s">
        <v>3816</v>
      </c>
      <c r="SUP39" s="927" t="s">
        <v>3816</v>
      </c>
      <c r="SUQ39" s="927" t="s">
        <v>3816</v>
      </c>
      <c r="SUR39" s="927" t="s">
        <v>3816</v>
      </c>
      <c r="SUS39" s="927" t="s">
        <v>3816</v>
      </c>
      <c r="SUT39" s="927" t="s">
        <v>3816</v>
      </c>
      <c r="SUU39" s="927" t="s">
        <v>3816</v>
      </c>
      <c r="SUV39" s="927" t="s">
        <v>3816</v>
      </c>
      <c r="SUW39" s="927" t="s">
        <v>3816</v>
      </c>
      <c r="SUX39" s="927" t="s">
        <v>3816</v>
      </c>
      <c r="SUY39" s="927" t="s">
        <v>3816</v>
      </c>
      <c r="SUZ39" s="927" t="s">
        <v>3816</v>
      </c>
      <c r="SVA39" s="927" t="s">
        <v>3816</v>
      </c>
      <c r="SVB39" s="927" t="s">
        <v>3816</v>
      </c>
      <c r="SVC39" s="927" t="s">
        <v>3816</v>
      </c>
      <c r="SVD39" s="927" t="s">
        <v>3816</v>
      </c>
      <c r="SVE39" s="927" t="s">
        <v>3816</v>
      </c>
      <c r="SVF39" s="927" t="s">
        <v>3816</v>
      </c>
      <c r="SVG39" s="927" t="s">
        <v>3816</v>
      </c>
      <c r="SVH39" s="927" t="s">
        <v>3816</v>
      </c>
      <c r="SVI39" s="927" t="s">
        <v>3816</v>
      </c>
      <c r="SVJ39" s="927" t="s">
        <v>3816</v>
      </c>
      <c r="SVK39" s="927" t="s">
        <v>3816</v>
      </c>
      <c r="SVL39" s="927" t="s">
        <v>3816</v>
      </c>
      <c r="SVM39" s="927" t="s">
        <v>3816</v>
      </c>
      <c r="SVN39" s="927" t="s">
        <v>3816</v>
      </c>
      <c r="SVO39" s="927" t="s">
        <v>3816</v>
      </c>
      <c r="SVP39" s="927" t="s">
        <v>3816</v>
      </c>
      <c r="SVQ39" s="927" t="s">
        <v>3816</v>
      </c>
      <c r="SVR39" s="927" t="s">
        <v>3816</v>
      </c>
      <c r="SVS39" s="927" t="s">
        <v>3816</v>
      </c>
      <c r="SVT39" s="927" t="s">
        <v>3816</v>
      </c>
      <c r="SVU39" s="927" t="s">
        <v>3816</v>
      </c>
      <c r="SVV39" s="927" t="s">
        <v>3816</v>
      </c>
      <c r="SVW39" s="927" t="s">
        <v>3816</v>
      </c>
      <c r="SVX39" s="927" t="s">
        <v>3816</v>
      </c>
      <c r="SVY39" s="927" t="s">
        <v>3816</v>
      </c>
      <c r="SVZ39" s="927" t="s">
        <v>3816</v>
      </c>
      <c r="SWA39" s="927" t="s">
        <v>3816</v>
      </c>
      <c r="SWB39" s="927" t="s">
        <v>3816</v>
      </c>
      <c r="SWC39" s="927" t="s">
        <v>3816</v>
      </c>
      <c r="SWD39" s="927" t="s">
        <v>3816</v>
      </c>
      <c r="SWE39" s="927" t="s">
        <v>3816</v>
      </c>
      <c r="SWF39" s="927" t="s">
        <v>3816</v>
      </c>
      <c r="SWG39" s="927" t="s">
        <v>3816</v>
      </c>
      <c r="SWH39" s="927" t="s">
        <v>3816</v>
      </c>
      <c r="SWI39" s="927" t="s">
        <v>3816</v>
      </c>
      <c r="SWJ39" s="927" t="s">
        <v>3816</v>
      </c>
      <c r="SWK39" s="927" t="s">
        <v>3816</v>
      </c>
      <c r="SWL39" s="927" t="s">
        <v>3816</v>
      </c>
      <c r="SWM39" s="927" t="s">
        <v>3816</v>
      </c>
      <c r="SWN39" s="927" t="s">
        <v>3816</v>
      </c>
      <c r="SWO39" s="927" t="s">
        <v>3816</v>
      </c>
      <c r="SWP39" s="927" t="s">
        <v>3816</v>
      </c>
      <c r="SWQ39" s="927" t="s">
        <v>3816</v>
      </c>
      <c r="SWR39" s="927" t="s">
        <v>3816</v>
      </c>
      <c r="SWS39" s="927" t="s">
        <v>3816</v>
      </c>
      <c r="SWT39" s="927" t="s">
        <v>3816</v>
      </c>
      <c r="SWU39" s="927" t="s">
        <v>3816</v>
      </c>
      <c r="SWV39" s="927" t="s">
        <v>3816</v>
      </c>
      <c r="SWW39" s="927" t="s">
        <v>3816</v>
      </c>
      <c r="SWX39" s="927" t="s">
        <v>3816</v>
      </c>
      <c r="SWY39" s="927" t="s">
        <v>3816</v>
      </c>
      <c r="SWZ39" s="927" t="s">
        <v>3816</v>
      </c>
      <c r="SXA39" s="927" t="s">
        <v>3816</v>
      </c>
      <c r="SXB39" s="927" t="s">
        <v>3816</v>
      </c>
      <c r="SXC39" s="927" t="s">
        <v>3816</v>
      </c>
      <c r="SXD39" s="927" t="s">
        <v>3816</v>
      </c>
      <c r="SXE39" s="927" t="s">
        <v>3816</v>
      </c>
      <c r="SXF39" s="927" t="s">
        <v>3816</v>
      </c>
      <c r="SXG39" s="927" t="s">
        <v>3816</v>
      </c>
      <c r="SXH39" s="927" t="s">
        <v>3816</v>
      </c>
      <c r="SXI39" s="927" t="s">
        <v>3816</v>
      </c>
      <c r="SXJ39" s="927" t="s">
        <v>3816</v>
      </c>
      <c r="SXK39" s="927" t="s">
        <v>3816</v>
      </c>
      <c r="SXL39" s="927" t="s">
        <v>3816</v>
      </c>
      <c r="SXM39" s="927" t="s">
        <v>3816</v>
      </c>
      <c r="SXN39" s="927" t="s">
        <v>3816</v>
      </c>
      <c r="SXO39" s="927" t="s">
        <v>3816</v>
      </c>
      <c r="SXP39" s="927" t="s">
        <v>3816</v>
      </c>
      <c r="SXQ39" s="927" t="s">
        <v>3816</v>
      </c>
      <c r="SXR39" s="927" t="s">
        <v>3816</v>
      </c>
      <c r="SXS39" s="927" t="s">
        <v>3816</v>
      </c>
      <c r="SXT39" s="927" t="s">
        <v>3816</v>
      </c>
      <c r="SXU39" s="927" t="s">
        <v>3816</v>
      </c>
      <c r="SXV39" s="927" t="s">
        <v>3816</v>
      </c>
      <c r="SXW39" s="927" t="s">
        <v>3816</v>
      </c>
      <c r="SXX39" s="927" t="s">
        <v>3816</v>
      </c>
      <c r="SXY39" s="927" t="s">
        <v>3816</v>
      </c>
      <c r="SXZ39" s="927" t="s">
        <v>3816</v>
      </c>
      <c r="SYA39" s="927" t="s">
        <v>3816</v>
      </c>
      <c r="SYB39" s="927" t="s">
        <v>3816</v>
      </c>
      <c r="SYC39" s="927" t="s">
        <v>3816</v>
      </c>
      <c r="SYD39" s="927" t="s">
        <v>3816</v>
      </c>
      <c r="SYE39" s="927" t="s">
        <v>3816</v>
      </c>
      <c r="SYF39" s="927" t="s">
        <v>3816</v>
      </c>
      <c r="SYG39" s="927" t="s">
        <v>3816</v>
      </c>
      <c r="SYH39" s="927" t="s">
        <v>3816</v>
      </c>
      <c r="SYI39" s="927" t="s">
        <v>3816</v>
      </c>
      <c r="SYJ39" s="927" t="s">
        <v>3816</v>
      </c>
      <c r="SYK39" s="927" t="s">
        <v>3816</v>
      </c>
      <c r="SYL39" s="927" t="s">
        <v>3816</v>
      </c>
      <c r="SYM39" s="927" t="s">
        <v>3816</v>
      </c>
      <c r="SYN39" s="927" t="s">
        <v>3816</v>
      </c>
      <c r="SYO39" s="927" t="s">
        <v>3816</v>
      </c>
      <c r="SYP39" s="927" t="s">
        <v>3816</v>
      </c>
      <c r="SYQ39" s="927" t="s">
        <v>3816</v>
      </c>
      <c r="SYR39" s="927" t="s">
        <v>3816</v>
      </c>
      <c r="SYS39" s="927" t="s">
        <v>3816</v>
      </c>
      <c r="SYT39" s="927" t="s">
        <v>3816</v>
      </c>
      <c r="SYU39" s="927" t="s">
        <v>3816</v>
      </c>
      <c r="SYV39" s="927" t="s">
        <v>3816</v>
      </c>
      <c r="SYW39" s="927" t="s">
        <v>3816</v>
      </c>
      <c r="SYX39" s="927" t="s">
        <v>3816</v>
      </c>
      <c r="SYY39" s="927" t="s">
        <v>3816</v>
      </c>
      <c r="SYZ39" s="927" t="s">
        <v>3816</v>
      </c>
      <c r="SZA39" s="927" t="s">
        <v>3816</v>
      </c>
      <c r="SZB39" s="927" t="s">
        <v>3816</v>
      </c>
      <c r="SZC39" s="927" t="s">
        <v>3816</v>
      </c>
      <c r="SZD39" s="927" t="s">
        <v>3816</v>
      </c>
      <c r="SZE39" s="927" t="s">
        <v>3816</v>
      </c>
      <c r="SZF39" s="927" t="s">
        <v>3816</v>
      </c>
      <c r="SZG39" s="927" t="s">
        <v>3816</v>
      </c>
      <c r="SZH39" s="927" t="s">
        <v>3816</v>
      </c>
      <c r="SZI39" s="927" t="s">
        <v>3816</v>
      </c>
      <c r="SZJ39" s="927" t="s">
        <v>3816</v>
      </c>
      <c r="SZK39" s="927" t="s">
        <v>3816</v>
      </c>
      <c r="SZL39" s="927" t="s">
        <v>3816</v>
      </c>
      <c r="SZM39" s="927" t="s">
        <v>3816</v>
      </c>
      <c r="SZN39" s="927" t="s">
        <v>3816</v>
      </c>
      <c r="SZO39" s="927" t="s">
        <v>3816</v>
      </c>
      <c r="SZP39" s="927" t="s">
        <v>3816</v>
      </c>
      <c r="SZQ39" s="927" t="s">
        <v>3816</v>
      </c>
      <c r="SZR39" s="927" t="s">
        <v>3816</v>
      </c>
      <c r="SZS39" s="927" t="s">
        <v>3816</v>
      </c>
      <c r="SZT39" s="927" t="s">
        <v>3816</v>
      </c>
      <c r="SZU39" s="927" t="s">
        <v>3816</v>
      </c>
      <c r="SZV39" s="927" t="s">
        <v>3816</v>
      </c>
      <c r="SZW39" s="927" t="s">
        <v>3816</v>
      </c>
      <c r="SZX39" s="927" t="s">
        <v>3816</v>
      </c>
      <c r="SZY39" s="927" t="s">
        <v>3816</v>
      </c>
      <c r="SZZ39" s="927" t="s">
        <v>3816</v>
      </c>
      <c r="TAA39" s="927" t="s">
        <v>3816</v>
      </c>
      <c r="TAB39" s="927" t="s">
        <v>3816</v>
      </c>
      <c r="TAC39" s="927" t="s">
        <v>3816</v>
      </c>
      <c r="TAD39" s="927" t="s">
        <v>3816</v>
      </c>
      <c r="TAE39" s="927" t="s">
        <v>3816</v>
      </c>
      <c r="TAF39" s="927" t="s">
        <v>3816</v>
      </c>
      <c r="TAG39" s="927" t="s">
        <v>3816</v>
      </c>
      <c r="TAH39" s="927" t="s">
        <v>3816</v>
      </c>
      <c r="TAI39" s="927" t="s">
        <v>3816</v>
      </c>
      <c r="TAJ39" s="927" t="s">
        <v>3816</v>
      </c>
      <c r="TAK39" s="927" t="s">
        <v>3816</v>
      </c>
      <c r="TAL39" s="927" t="s">
        <v>3816</v>
      </c>
      <c r="TAM39" s="927" t="s">
        <v>3816</v>
      </c>
      <c r="TAN39" s="927" t="s">
        <v>3816</v>
      </c>
      <c r="TAO39" s="927" t="s">
        <v>3816</v>
      </c>
      <c r="TAP39" s="927" t="s">
        <v>3816</v>
      </c>
      <c r="TAQ39" s="927" t="s">
        <v>3816</v>
      </c>
      <c r="TAR39" s="927" t="s">
        <v>3816</v>
      </c>
      <c r="TAS39" s="927" t="s">
        <v>3816</v>
      </c>
      <c r="TAT39" s="927" t="s">
        <v>3816</v>
      </c>
      <c r="TAU39" s="927" t="s">
        <v>3816</v>
      </c>
      <c r="TAV39" s="927" t="s">
        <v>3816</v>
      </c>
      <c r="TAW39" s="927" t="s">
        <v>3816</v>
      </c>
      <c r="TAX39" s="927" t="s">
        <v>3816</v>
      </c>
      <c r="TAY39" s="927" t="s">
        <v>3816</v>
      </c>
      <c r="TAZ39" s="927" t="s">
        <v>3816</v>
      </c>
      <c r="TBA39" s="927" t="s">
        <v>3816</v>
      </c>
      <c r="TBB39" s="927" t="s">
        <v>3816</v>
      </c>
      <c r="TBC39" s="927" t="s">
        <v>3816</v>
      </c>
      <c r="TBD39" s="927" t="s">
        <v>3816</v>
      </c>
      <c r="TBE39" s="927" t="s">
        <v>3816</v>
      </c>
      <c r="TBF39" s="927" t="s">
        <v>3816</v>
      </c>
      <c r="TBG39" s="927" t="s">
        <v>3816</v>
      </c>
      <c r="TBH39" s="927" t="s">
        <v>3816</v>
      </c>
      <c r="TBI39" s="927" t="s">
        <v>3816</v>
      </c>
      <c r="TBJ39" s="927" t="s">
        <v>3816</v>
      </c>
      <c r="TBK39" s="927" t="s">
        <v>3816</v>
      </c>
      <c r="TBL39" s="927" t="s">
        <v>3816</v>
      </c>
      <c r="TBM39" s="927" t="s">
        <v>3816</v>
      </c>
      <c r="TBN39" s="927" t="s">
        <v>3816</v>
      </c>
      <c r="TBO39" s="927" t="s">
        <v>3816</v>
      </c>
      <c r="TBP39" s="927" t="s">
        <v>3816</v>
      </c>
      <c r="TBQ39" s="927" t="s">
        <v>3816</v>
      </c>
      <c r="TBR39" s="927" t="s">
        <v>3816</v>
      </c>
      <c r="TBS39" s="927" t="s">
        <v>3816</v>
      </c>
      <c r="TBT39" s="927" t="s">
        <v>3816</v>
      </c>
      <c r="TBU39" s="927" t="s">
        <v>3816</v>
      </c>
      <c r="TBV39" s="927" t="s">
        <v>3816</v>
      </c>
      <c r="TBW39" s="927" t="s">
        <v>3816</v>
      </c>
      <c r="TBX39" s="927" t="s">
        <v>3816</v>
      </c>
      <c r="TBY39" s="927" t="s">
        <v>3816</v>
      </c>
      <c r="TBZ39" s="927" t="s">
        <v>3816</v>
      </c>
      <c r="TCA39" s="927" t="s">
        <v>3816</v>
      </c>
      <c r="TCB39" s="927" t="s">
        <v>3816</v>
      </c>
      <c r="TCC39" s="927" t="s">
        <v>3816</v>
      </c>
      <c r="TCD39" s="927" t="s">
        <v>3816</v>
      </c>
      <c r="TCE39" s="927" t="s">
        <v>3816</v>
      </c>
      <c r="TCF39" s="927" t="s">
        <v>3816</v>
      </c>
      <c r="TCG39" s="927" t="s">
        <v>3816</v>
      </c>
      <c r="TCH39" s="927" t="s">
        <v>3816</v>
      </c>
      <c r="TCI39" s="927" t="s">
        <v>3816</v>
      </c>
      <c r="TCJ39" s="927" t="s">
        <v>3816</v>
      </c>
      <c r="TCK39" s="927" t="s">
        <v>3816</v>
      </c>
      <c r="TCL39" s="927" t="s">
        <v>3816</v>
      </c>
      <c r="TCM39" s="927" t="s">
        <v>3816</v>
      </c>
      <c r="TCN39" s="927" t="s">
        <v>3816</v>
      </c>
      <c r="TCO39" s="927" t="s">
        <v>3816</v>
      </c>
      <c r="TCP39" s="927" t="s">
        <v>3816</v>
      </c>
      <c r="TCQ39" s="927" t="s">
        <v>3816</v>
      </c>
      <c r="TCR39" s="927" t="s">
        <v>3816</v>
      </c>
      <c r="TCS39" s="927" t="s">
        <v>3816</v>
      </c>
      <c r="TCT39" s="927" t="s">
        <v>3816</v>
      </c>
      <c r="TCU39" s="927" t="s">
        <v>3816</v>
      </c>
      <c r="TCV39" s="927" t="s">
        <v>3816</v>
      </c>
      <c r="TCW39" s="927" t="s">
        <v>3816</v>
      </c>
      <c r="TCX39" s="927" t="s">
        <v>3816</v>
      </c>
      <c r="TCY39" s="927" t="s">
        <v>3816</v>
      </c>
      <c r="TCZ39" s="927" t="s">
        <v>3816</v>
      </c>
      <c r="TDA39" s="927" t="s">
        <v>3816</v>
      </c>
      <c r="TDB39" s="927" t="s">
        <v>3816</v>
      </c>
      <c r="TDC39" s="927" t="s">
        <v>3816</v>
      </c>
      <c r="TDD39" s="927" t="s">
        <v>3816</v>
      </c>
      <c r="TDE39" s="927" t="s">
        <v>3816</v>
      </c>
      <c r="TDF39" s="927" t="s">
        <v>3816</v>
      </c>
      <c r="TDG39" s="927" t="s">
        <v>3816</v>
      </c>
      <c r="TDH39" s="927" t="s">
        <v>3816</v>
      </c>
      <c r="TDI39" s="927" t="s">
        <v>3816</v>
      </c>
      <c r="TDJ39" s="927" t="s">
        <v>3816</v>
      </c>
      <c r="TDK39" s="927" t="s">
        <v>3816</v>
      </c>
      <c r="TDL39" s="927" t="s">
        <v>3816</v>
      </c>
      <c r="TDM39" s="927" t="s">
        <v>3816</v>
      </c>
      <c r="TDN39" s="927" t="s">
        <v>3816</v>
      </c>
      <c r="TDO39" s="927" t="s">
        <v>3816</v>
      </c>
      <c r="TDP39" s="927" t="s">
        <v>3816</v>
      </c>
      <c r="TDQ39" s="927" t="s">
        <v>3816</v>
      </c>
      <c r="TDR39" s="927" t="s">
        <v>3816</v>
      </c>
      <c r="TDS39" s="927" t="s">
        <v>3816</v>
      </c>
      <c r="TDT39" s="927" t="s">
        <v>3816</v>
      </c>
      <c r="TDU39" s="927" t="s">
        <v>3816</v>
      </c>
      <c r="TDV39" s="927" t="s">
        <v>3816</v>
      </c>
      <c r="TDW39" s="927" t="s">
        <v>3816</v>
      </c>
      <c r="TDX39" s="927" t="s">
        <v>3816</v>
      </c>
      <c r="TDY39" s="927" t="s">
        <v>3816</v>
      </c>
      <c r="TDZ39" s="927" t="s">
        <v>3816</v>
      </c>
      <c r="TEA39" s="927" t="s">
        <v>3816</v>
      </c>
      <c r="TEB39" s="927" t="s">
        <v>3816</v>
      </c>
      <c r="TEC39" s="927" t="s">
        <v>3816</v>
      </c>
      <c r="TED39" s="927" t="s">
        <v>3816</v>
      </c>
      <c r="TEE39" s="927" t="s">
        <v>3816</v>
      </c>
      <c r="TEF39" s="927" t="s">
        <v>3816</v>
      </c>
      <c r="TEG39" s="927" t="s">
        <v>3816</v>
      </c>
      <c r="TEH39" s="927" t="s">
        <v>3816</v>
      </c>
      <c r="TEI39" s="927" t="s">
        <v>3816</v>
      </c>
      <c r="TEJ39" s="927" t="s">
        <v>3816</v>
      </c>
      <c r="TEK39" s="927" t="s">
        <v>3816</v>
      </c>
      <c r="TEL39" s="927" t="s">
        <v>3816</v>
      </c>
      <c r="TEM39" s="927" t="s">
        <v>3816</v>
      </c>
      <c r="TEN39" s="927" t="s">
        <v>3816</v>
      </c>
      <c r="TEO39" s="927" t="s">
        <v>3816</v>
      </c>
      <c r="TEP39" s="927" t="s">
        <v>3816</v>
      </c>
      <c r="TEQ39" s="927" t="s">
        <v>3816</v>
      </c>
      <c r="TER39" s="927" t="s">
        <v>3816</v>
      </c>
      <c r="TES39" s="927" t="s">
        <v>3816</v>
      </c>
      <c r="TET39" s="927" t="s">
        <v>3816</v>
      </c>
      <c r="TEU39" s="927" t="s">
        <v>3816</v>
      </c>
      <c r="TEV39" s="927" t="s">
        <v>3816</v>
      </c>
      <c r="TEW39" s="927" t="s">
        <v>3816</v>
      </c>
      <c r="TEX39" s="927" t="s">
        <v>3816</v>
      </c>
      <c r="TEY39" s="927" t="s">
        <v>3816</v>
      </c>
      <c r="TEZ39" s="927" t="s">
        <v>3816</v>
      </c>
      <c r="TFA39" s="927" t="s">
        <v>3816</v>
      </c>
      <c r="TFB39" s="927" t="s">
        <v>3816</v>
      </c>
      <c r="TFC39" s="927" t="s">
        <v>3816</v>
      </c>
      <c r="TFD39" s="927" t="s">
        <v>3816</v>
      </c>
      <c r="TFE39" s="927" t="s">
        <v>3816</v>
      </c>
      <c r="TFF39" s="927" t="s">
        <v>3816</v>
      </c>
      <c r="TFG39" s="927" t="s">
        <v>3816</v>
      </c>
      <c r="TFH39" s="927" t="s">
        <v>3816</v>
      </c>
      <c r="TFI39" s="927" t="s">
        <v>3816</v>
      </c>
      <c r="TFJ39" s="927" t="s">
        <v>3816</v>
      </c>
      <c r="TFK39" s="927" t="s">
        <v>3816</v>
      </c>
      <c r="TFL39" s="927" t="s">
        <v>3816</v>
      </c>
      <c r="TFM39" s="927" t="s">
        <v>3816</v>
      </c>
      <c r="TFN39" s="927" t="s">
        <v>3816</v>
      </c>
      <c r="TFO39" s="927" t="s">
        <v>3816</v>
      </c>
      <c r="TFP39" s="927" t="s">
        <v>3816</v>
      </c>
      <c r="TFQ39" s="927" t="s">
        <v>3816</v>
      </c>
      <c r="TFR39" s="927" t="s">
        <v>3816</v>
      </c>
      <c r="TFS39" s="927" t="s">
        <v>3816</v>
      </c>
      <c r="TFT39" s="927" t="s">
        <v>3816</v>
      </c>
      <c r="TFU39" s="927" t="s">
        <v>3816</v>
      </c>
      <c r="TFV39" s="927" t="s">
        <v>3816</v>
      </c>
      <c r="TFW39" s="927" t="s">
        <v>3816</v>
      </c>
      <c r="TFX39" s="927" t="s">
        <v>3816</v>
      </c>
      <c r="TFY39" s="927" t="s">
        <v>3816</v>
      </c>
      <c r="TFZ39" s="927" t="s">
        <v>3816</v>
      </c>
      <c r="TGA39" s="927" t="s">
        <v>3816</v>
      </c>
      <c r="TGB39" s="927" t="s">
        <v>3816</v>
      </c>
      <c r="TGC39" s="927" t="s">
        <v>3816</v>
      </c>
      <c r="TGD39" s="927" t="s">
        <v>3816</v>
      </c>
      <c r="TGE39" s="927" t="s">
        <v>3816</v>
      </c>
      <c r="TGF39" s="927" t="s">
        <v>3816</v>
      </c>
      <c r="TGG39" s="927" t="s">
        <v>3816</v>
      </c>
      <c r="TGH39" s="927" t="s">
        <v>3816</v>
      </c>
      <c r="TGI39" s="927" t="s">
        <v>3816</v>
      </c>
      <c r="TGJ39" s="927" t="s">
        <v>3816</v>
      </c>
      <c r="TGK39" s="927" t="s">
        <v>3816</v>
      </c>
      <c r="TGL39" s="927" t="s">
        <v>3816</v>
      </c>
      <c r="TGM39" s="927" t="s">
        <v>3816</v>
      </c>
      <c r="TGN39" s="927" t="s">
        <v>3816</v>
      </c>
      <c r="TGO39" s="927" t="s">
        <v>3816</v>
      </c>
      <c r="TGP39" s="927" t="s">
        <v>3816</v>
      </c>
      <c r="TGQ39" s="927" t="s">
        <v>3816</v>
      </c>
      <c r="TGR39" s="927" t="s">
        <v>3816</v>
      </c>
      <c r="TGS39" s="927" t="s">
        <v>3816</v>
      </c>
      <c r="TGT39" s="927" t="s">
        <v>3816</v>
      </c>
      <c r="TGU39" s="927" t="s">
        <v>3816</v>
      </c>
      <c r="TGV39" s="927" t="s">
        <v>3816</v>
      </c>
      <c r="TGW39" s="927" t="s">
        <v>3816</v>
      </c>
      <c r="TGX39" s="927" t="s">
        <v>3816</v>
      </c>
      <c r="TGY39" s="927" t="s">
        <v>3816</v>
      </c>
      <c r="TGZ39" s="927" t="s">
        <v>3816</v>
      </c>
      <c r="THA39" s="927" t="s">
        <v>3816</v>
      </c>
      <c r="THB39" s="927" t="s">
        <v>3816</v>
      </c>
      <c r="THC39" s="927" t="s">
        <v>3816</v>
      </c>
      <c r="THD39" s="927" t="s">
        <v>3816</v>
      </c>
      <c r="THE39" s="927" t="s">
        <v>3816</v>
      </c>
      <c r="THF39" s="927" t="s">
        <v>3816</v>
      </c>
      <c r="THG39" s="927" t="s">
        <v>3816</v>
      </c>
      <c r="THH39" s="927" t="s">
        <v>3816</v>
      </c>
      <c r="THI39" s="927" t="s">
        <v>3816</v>
      </c>
      <c r="THJ39" s="927" t="s">
        <v>3816</v>
      </c>
      <c r="THK39" s="927" t="s">
        <v>3816</v>
      </c>
      <c r="THL39" s="927" t="s">
        <v>3816</v>
      </c>
      <c r="THM39" s="927" t="s">
        <v>3816</v>
      </c>
      <c r="THN39" s="927" t="s">
        <v>3816</v>
      </c>
      <c r="THO39" s="927" t="s">
        <v>3816</v>
      </c>
      <c r="THP39" s="927" t="s">
        <v>3816</v>
      </c>
      <c r="THQ39" s="927" t="s">
        <v>3816</v>
      </c>
      <c r="THR39" s="927" t="s">
        <v>3816</v>
      </c>
      <c r="THS39" s="927" t="s">
        <v>3816</v>
      </c>
      <c r="THT39" s="927" t="s">
        <v>3816</v>
      </c>
      <c r="THU39" s="927" t="s">
        <v>3816</v>
      </c>
      <c r="THV39" s="927" t="s">
        <v>3816</v>
      </c>
      <c r="THW39" s="927" t="s">
        <v>3816</v>
      </c>
      <c r="THX39" s="927" t="s">
        <v>3816</v>
      </c>
      <c r="THY39" s="927" t="s">
        <v>3816</v>
      </c>
      <c r="THZ39" s="927" t="s">
        <v>3816</v>
      </c>
      <c r="TIA39" s="927" t="s">
        <v>3816</v>
      </c>
      <c r="TIB39" s="927" t="s">
        <v>3816</v>
      </c>
      <c r="TIC39" s="927" t="s">
        <v>3816</v>
      </c>
      <c r="TID39" s="927" t="s">
        <v>3816</v>
      </c>
      <c r="TIE39" s="927" t="s">
        <v>3816</v>
      </c>
      <c r="TIF39" s="927" t="s">
        <v>3816</v>
      </c>
      <c r="TIG39" s="927" t="s">
        <v>3816</v>
      </c>
      <c r="TIH39" s="927" t="s">
        <v>3816</v>
      </c>
      <c r="TII39" s="927" t="s">
        <v>3816</v>
      </c>
      <c r="TIJ39" s="927" t="s">
        <v>3816</v>
      </c>
      <c r="TIK39" s="927" t="s">
        <v>3816</v>
      </c>
      <c r="TIL39" s="927" t="s">
        <v>3816</v>
      </c>
      <c r="TIM39" s="927" t="s">
        <v>3816</v>
      </c>
      <c r="TIN39" s="927" t="s">
        <v>3816</v>
      </c>
      <c r="TIO39" s="927" t="s">
        <v>3816</v>
      </c>
      <c r="TIP39" s="927" t="s">
        <v>3816</v>
      </c>
      <c r="TIQ39" s="927" t="s">
        <v>3816</v>
      </c>
      <c r="TIR39" s="927" t="s">
        <v>3816</v>
      </c>
      <c r="TIS39" s="927" t="s">
        <v>3816</v>
      </c>
      <c r="TIT39" s="927" t="s">
        <v>3816</v>
      </c>
      <c r="TIU39" s="927" t="s">
        <v>3816</v>
      </c>
      <c r="TIV39" s="927" t="s">
        <v>3816</v>
      </c>
      <c r="TIW39" s="927" t="s">
        <v>3816</v>
      </c>
      <c r="TIX39" s="927" t="s">
        <v>3816</v>
      </c>
      <c r="TIY39" s="927" t="s">
        <v>3816</v>
      </c>
      <c r="TIZ39" s="927" t="s">
        <v>3816</v>
      </c>
      <c r="TJA39" s="927" t="s">
        <v>3816</v>
      </c>
      <c r="TJB39" s="927" t="s">
        <v>3816</v>
      </c>
      <c r="TJC39" s="927" t="s">
        <v>3816</v>
      </c>
      <c r="TJD39" s="927" t="s">
        <v>3816</v>
      </c>
      <c r="TJE39" s="927" t="s">
        <v>3816</v>
      </c>
      <c r="TJF39" s="927" t="s">
        <v>3816</v>
      </c>
      <c r="TJG39" s="927" t="s">
        <v>3816</v>
      </c>
      <c r="TJH39" s="927" t="s">
        <v>3816</v>
      </c>
      <c r="TJI39" s="927" t="s">
        <v>3816</v>
      </c>
      <c r="TJJ39" s="927" t="s">
        <v>3816</v>
      </c>
      <c r="TJK39" s="927" t="s">
        <v>3816</v>
      </c>
      <c r="TJL39" s="927" t="s">
        <v>3816</v>
      </c>
      <c r="TJM39" s="927" t="s">
        <v>3816</v>
      </c>
      <c r="TJN39" s="927" t="s">
        <v>3816</v>
      </c>
      <c r="TJO39" s="927" t="s">
        <v>3816</v>
      </c>
      <c r="TJP39" s="927" t="s">
        <v>3816</v>
      </c>
      <c r="TJQ39" s="927" t="s">
        <v>3816</v>
      </c>
      <c r="TJR39" s="927" t="s">
        <v>3816</v>
      </c>
      <c r="TJS39" s="927" t="s">
        <v>3816</v>
      </c>
      <c r="TJT39" s="927" t="s">
        <v>3816</v>
      </c>
      <c r="TJU39" s="927" t="s">
        <v>3816</v>
      </c>
      <c r="TJV39" s="927" t="s">
        <v>3816</v>
      </c>
      <c r="TJW39" s="927" t="s">
        <v>3816</v>
      </c>
      <c r="TJX39" s="927" t="s">
        <v>3816</v>
      </c>
      <c r="TJY39" s="927" t="s">
        <v>3816</v>
      </c>
      <c r="TJZ39" s="927" t="s">
        <v>3816</v>
      </c>
      <c r="TKA39" s="927" t="s">
        <v>3816</v>
      </c>
      <c r="TKB39" s="927" t="s">
        <v>3816</v>
      </c>
      <c r="TKC39" s="927" t="s">
        <v>3816</v>
      </c>
      <c r="TKD39" s="927" t="s">
        <v>3816</v>
      </c>
      <c r="TKE39" s="927" t="s">
        <v>3816</v>
      </c>
      <c r="TKF39" s="927" t="s">
        <v>3816</v>
      </c>
      <c r="TKG39" s="927" t="s">
        <v>3816</v>
      </c>
      <c r="TKH39" s="927" t="s">
        <v>3816</v>
      </c>
      <c r="TKI39" s="927" t="s">
        <v>3816</v>
      </c>
      <c r="TKJ39" s="927" t="s">
        <v>3816</v>
      </c>
      <c r="TKK39" s="927" t="s">
        <v>3816</v>
      </c>
      <c r="TKL39" s="927" t="s">
        <v>3816</v>
      </c>
      <c r="TKM39" s="927" t="s">
        <v>3816</v>
      </c>
      <c r="TKN39" s="927" t="s">
        <v>3816</v>
      </c>
      <c r="TKO39" s="927" t="s">
        <v>3816</v>
      </c>
      <c r="TKP39" s="927" t="s">
        <v>3816</v>
      </c>
      <c r="TKQ39" s="927" t="s">
        <v>3816</v>
      </c>
      <c r="TKR39" s="927" t="s">
        <v>3816</v>
      </c>
      <c r="TKS39" s="927" t="s">
        <v>3816</v>
      </c>
      <c r="TKT39" s="927" t="s">
        <v>3816</v>
      </c>
      <c r="TKU39" s="927" t="s">
        <v>3816</v>
      </c>
      <c r="TKV39" s="927" t="s">
        <v>3816</v>
      </c>
      <c r="TKW39" s="927" t="s">
        <v>3816</v>
      </c>
      <c r="TKX39" s="927" t="s">
        <v>3816</v>
      </c>
      <c r="TKY39" s="927" t="s">
        <v>3816</v>
      </c>
      <c r="TKZ39" s="927" t="s">
        <v>3816</v>
      </c>
      <c r="TLA39" s="927" t="s">
        <v>3816</v>
      </c>
      <c r="TLB39" s="927" t="s">
        <v>3816</v>
      </c>
      <c r="TLC39" s="927" t="s">
        <v>3816</v>
      </c>
      <c r="TLD39" s="927" t="s">
        <v>3816</v>
      </c>
      <c r="TLE39" s="927" t="s">
        <v>3816</v>
      </c>
      <c r="TLF39" s="927" t="s">
        <v>3816</v>
      </c>
      <c r="TLG39" s="927" t="s">
        <v>3816</v>
      </c>
      <c r="TLH39" s="927" t="s">
        <v>3816</v>
      </c>
      <c r="TLI39" s="927" t="s">
        <v>3816</v>
      </c>
      <c r="TLJ39" s="927" t="s">
        <v>3816</v>
      </c>
      <c r="TLK39" s="927" t="s">
        <v>3816</v>
      </c>
      <c r="TLL39" s="927" t="s">
        <v>3816</v>
      </c>
      <c r="TLM39" s="927" t="s">
        <v>3816</v>
      </c>
      <c r="TLN39" s="927" t="s">
        <v>3816</v>
      </c>
      <c r="TLO39" s="927" t="s">
        <v>3816</v>
      </c>
      <c r="TLP39" s="927" t="s">
        <v>3816</v>
      </c>
      <c r="TLQ39" s="927" t="s">
        <v>3816</v>
      </c>
      <c r="TLR39" s="927" t="s">
        <v>3816</v>
      </c>
      <c r="TLS39" s="927" t="s">
        <v>3816</v>
      </c>
      <c r="TLT39" s="927" t="s">
        <v>3816</v>
      </c>
      <c r="TLU39" s="927" t="s">
        <v>3816</v>
      </c>
      <c r="TLV39" s="927" t="s">
        <v>3816</v>
      </c>
      <c r="TLW39" s="927" t="s">
        <v>3816</v>
      </c>
      <c r="TLX39" s="927" t="s">
        <v>3816</v>
      </c>
      <c r="TLY39" s="927" t="s">
        <v>3816</v>
      </c>
      <c r="TLZ39" s="927" t="s">
        <v>3816</v>
      </c>
      <c r="TMA39" s="927" t="s">
        <v>3816</v>
      </c>
      <c r="TMB39" s="927" t="s">
        <v>3816</v>
      </c>
      <c r="TMC39" s="927" t="s">
        <v>3816</v>
      </c>
      <c r="TMD39" s="927" t="s">
        <v>3816</v>
      </c>
      <c r="TME39" s="927" t="s">
        <v>3816</v>
      </c>
      <c r="TMF39" s="927" t="s">
        <v>3816</v>
      </c>
      <c r="TMG39" s="927" t="s">
        <v>3816</v>
      </c>
      <c r="TMH39" s="927" t="s">
        <v>3816</v>
      </c>
      <c r="TMI39" s="927" t="s">
        <v>3816</v>
      </c>
      <c r="TMJ39" s="927" t="s">
        <v>3816</v>
      </c>
      <c r="TMK39" s="927" t="s">
        <v>3816</v>
      </c>
      <c r="TML39" s="927" t="s">
        <v>3816</v>
      </c>
      <c r="TMM39" s="927" t="s">
        <v>3816</v>
      </c>
      <c r="TMN39" s="927" t="s">
        <v>3816</v>
      </c>
      <c r="TMO39" s="927" t="s">
        <v>3816</v>
      </c>
      <c r="TMP39" s="927" t="s">
        <v>3816</v>
      </c>
      <c r="TMQ39" s="927" t="s">
        <v>3816</v>
      </c>
      <c r="TMR39" s="927" t="s">
        <v>3816</v>
      </c>
      <c r="TMS39" s="927" t="s">
        <v>3816</v>
      </c>
      <c r="TMT39" s="927" t="s">
        <v>3816</v>
      </c>
      <c r="TMU39" s="927" t="s">
        <v>3816</v>
      </c>
      <c r="TMV39" s="927" t="s">
        <v>3816</v>
      </c>
      <c r="TMW39" s="927" t="s">
        <v>3816</v>
      </c>
      <c r="TMX39" s="927" t="s">
        <v>3816</v>
      </c>
      <c r="TMY39" s="927" t="s">
        <v>3816</v>
      </c>
      <c r="TMZ39" s="927" t="s">
        <v>3816</v>
      </c>
      <c r="TNA39" s="927" t="s">
        <v>3816</v>
      </c>
      <c r="TNB39" s="927" t="s">
        <v>3816</v>
      </c>
      <c r="TNC39" s="927" t="s">
        <v>3816</v>
      </c>
      <c r="TND39" s="927" t="s">
        <v>3816</v>
      </c>
      <c r="TNE39" s="927" t="s">
        <v>3816</v>
      </c>
      <c r="TNF39" s="927" t="s">
        <v>3816</v>
      </c>
      <c r="TNG39" s="927" t="s">
        <v>3816</v>
      </c>
      <c r="TNH39" s="927" t="s">
        <v>3816</v>
      </c>
      <c r="TNI39" s="927" t="s">
        <v>3816</v>
      </c>
      <c r="TNJ39" s="927" t="s">
        <v>3816</v>
      </c>
      <c r="TNK39" s="927" t="s">
        <v>3816</v>
      </c>
      <c r="TNL39" s="927" t="s">
        <v>3816</v>
      </c>
      <c r="TNM39" s="927" t="s">
        <v>3816</v>
      </c>
      <c r="TNN39" s="927" t="s">
        <v>3816</v>
      </c>
      <c r="TNO39" s="927" t="s">
        <v>3816</v>
      </c>
      <c r="TNP39" s="927" t="s">
        <v>3816</v>
      </c>
      <c r="TNQ39" s="927" t="s">
        <v>3816</v>
      </c>
      <c r="TNR39" s="927" t="s">
        <v>3816</v>
      </c>
      <c r="TNS39" s="927" t="s">
        <v>3816</v>
      </c>
      <c r="TNT39" s="927" t="s">
        <v>3816</v>
      </c>
      <c r="TNU39" s="927" t="s">
        <v>3816</v>
      </c>
      <c r="TNV39" s="927" t="s">
        <v>3816</v>
      </c>
      <c r="TNW39" s="927" t="s">
        <v>3816</v>
      </c>
      <c r="TNX39" s="927" t="s">
        <v>3816</v>
      </c>
      <c r="TNY39" s="927" t="s">
        <v>3816</v>
      </c>
      <c r="TNZ39" s="927" t="s">
        <v>3816</v>
      </c>
      <c r="TOA39" s="927" t="s">
        <v>3816</v>
      </c>
      <c r="TOB39" s="927" t="s">
        <v>3816</v>
      </c>
      <c r="TOC39" s="927" t="s">
        <v>3816</v>
      </c>
      <c r="TOD39" s="927" t="s">
        <v>3816</v>
      </c>
      <c r="TOE39" s="927" t="s">
        <v>3816</v>
      </c>
      <c r="TOF39" s="927" t="s">
        <v>3816</v>
      </c>
      <c r="TOG39" s="927" t="s">
        <v>3816</v>
      </c>
      <c r="TOH39" s="927" t="s">
        <v>3816</v>
      </c>
      <c r="TOI39" s="927" t="s">
        <v>3816</v>
      </c>
      <c r="TOJ39" s="927" t="s">
        <v>3816</v>
      </c>
      <c r="TOK39" s="927" t="s">
        <v>3816</v>
      </c>
      <c r="TOL39" s="927" t="s">
        <v>3816</v>
      </c>
      <c r="TOM39" s="927" t="s">
        <v>3816</v>
      </c>
      <c r="TON39" s="927" t="s">
        <v>3816</v>
      </c>
      <c r="TOO39" s="927" t="s">
        <v>3816</v>
      </c>
      <c r="TOP39" s="927" t="s">
        <v>3816</v>
      </c>
      <c r="TOQ39" s="927" t="s">
        <v>3816</v>
      </c>
      <c r="TOR39" s="927" t="s">
        <v>3816</v>
      </c>
      <c r="TOS39" s="927" t="s">
        <v>3816</v>
      </c>
      <c r="TOT39" s="927" t="s">
        <v>3816</v>
      </c>
      <c r="TOU39" s="927" t="s">
        <v>3816</v>
      </c>
      <c r="TOV39" s="927" t="s">
        <v>3816</v>
      </c>
      <c r="TOW39" s="927" t="s">
        <v>3816</v>
      </c>
      <c r="TOX39" s="927" t="s">
        <v>3816</v>
      </c>
      <c r="TOY39" s="927" t="s">
        <v>3816</v>
      </c>
      <c r="TOZ39" s="927" t="s">
        <v>3816</v>
      </c>
      <c r="TPA39" s="927" t="s">
        <v>3816</v>
      </c>
      <c r="TPB39" s="927" t="s">
        <v>3816</v>
      </c>
      <c r="TPC39" s="927" t="s">
        <v>3816</v>
      </c>
      <c r="TPD39" s="927" t="s">
        <v>3816</v>
      </c>
      <c r="TPE39" s="927" t="s">
        <v>3816</v>
      </c>
      <c r="TPF39" s="927" t="s">
        <v>3816</v>
      </c>
      <c r="TPG39" s="927" t="s">
        <v>3816</v>
      </c>
      <c r="TPH39" s="927" t="s">
        <v>3816</v>
      </c>
      <c r="TPI39" s="927" t="s">
        <v>3816</v>
      </c>
      <c r="TPJ39" s="927" t="s">
        <v>3816</v>
      </c>
      <c r="TPK39" s="927" t="s">
        <v>3816</v>
      </c>
      <c r="TPL39" s="927" t="s">
        <v>3816</v>
      </c>
      <c r="TPM39" s="927" t="s">
        <v>3816</v>
      </c>
      <c r="TPN39" s="927" t="s">
        <v>3816</v>
      </c>
      <c r="TPO39" s="927" t="s">
        <v>3816</v>
      </c>
      <c r="TPP39" s="927" t="s">
        <v>3816</v>
      </c>
      <c r="TPQ39" s="927" t="s">
        <v>3816</v>
      </c>
      <c r="TPR39" s="927" t="s">
        <v>3816</v>
      </c>
      <c r="TPS39" s="927" t="s">
        <v>3816</v>
      </c>
      <c r="TPT39" s="927" t="s">
        <v>3816</v>
      </c>
      <c r="TPU39" s="927" t="s">
        <v>3816</v>
      </c>
      <c r="TPV39" s="927" t="s">
        <v>3816</v>
      </c>
      <c r="TPW39" s="927" t="s">
        <v>3816</v>
      </c>
      <c r="TPX39" s="927" t="s">
        <v>3816</v>
      </c>
      <c r="TPY39" s="927" t="s">
        <v>3816</v>
      </c>
      <c r="TPZ39" s="927" t="s">
        <v>3816</v>
      </c>
      <c r="TQA39" s="927" t="s">
        <v>3816</v>
      </c>
      <c r="TQB39" s="927" t="s">
        <v>3816</v>
      </c>
      <c r="TQC39" s="927" t="s">
        <v>3816</v>
      </c>
      <c r="TQD39" s="927" t="s">
        <v>3816</v>
      </c>
      <c r="TQE39" s="927" t="s">
        <v>3816</v>
      </c>
      <c r="TQF39" s="927" t="s">
        <v>3816</v>
      </c>
      <c r="TQG39" s="927" t="s">
        <v>3816</v>
      </c>
      <c r="TQH39" s="927" t="s">
        <v>3816</v>
      </c>
      <c r="TQI39" s="927" t="s">
        <v>3816</v>
      </c>
      <c r="TQJ39" s="927" t="s">
        <v>3816</v>
      </c>
      <c r="TQK39" s="927" t="s">
        <v>3816</v>
      </c>
      <c r="TQL39" s="927" t="s">
        <v>3816</v>
      </c>
      <c r="TQM39" s="927" t="s">
        <v>3816</v>
      </c>
      <c r="TQN39" s="927" t="s">
        <v>3816</v>
      </c>
      <c r="TQO39" s="927" t="s">
        <v>3816</v>
      </c>
      <c r="TQP39" s="927" t="s">
        <v>3816</v>
      </c>
      <c r="TQQ39" s="927" t="s">
        <v>3816</v>
      </c>
      <c r="TQR39" s="927" t="s">
        <v>3816</v>
      </c>
      <c r="TQS39" s="927" t="s">
        <v>3816</v>
      </c>
      <c r="TQT39" s="927" t="s">
        <v>3816</v>
      </c>
      <c r="TQU39" s="927" t="s">
        <v>3816</v>
      </c>
      <c r="TQV39" s="927" t="s">
        <v>3816</v>
      </c>
      <c r="TQW39" s="927" t="s">
        <v>3816</v>
      </c>
      <c r="TQX39" s="927" t="s">
        <v>3816</v>
      </c>
      <c r="TQY39" s="927" t="s">
        <v>3816</v>
      </c>
      <c r="TQZ39" s="927" t="s">
        <v>3816</v>
      </c>
      <c r="TRA39" s="927" t="s">
        <v>3816</v>
      </c>
      <c r="TRB39" s="927" t="s">
        <v>3816</v>
      </c>
      <c r="TRC39" s="927" t="s">
        <v>3816</v>
      </c>
      <c r="TRD39" s="927" t="s">
        <v>3816</v>
      </c>
      <c r="TRE39" s="927" t="s">
        <v>3816</v>
      </c>
      <c r="TRF39" s="927" t="s">
        <v>3816</v>
      </c>
      <c r="TRG39" s="927" t="s">
        <v>3816</v>
      </c>
      <c r="TRH39" s="927" t="s">
        <v>3816</v>
      </c>
      <c r="TRI39" s="927" t="s">
        <v>3816</v>
      </c>
      <c r="TRJ39" s="927" t="s">
        <v>3816</v>
      </c>
      <c r="TRK39" s="927" t="s">
        <v>3816</v>
      </c>
      <c r="TRL39" s="927" t="s">
        <v>3816</v>
      </c>
      <c r="TRM39" s="927" t="s">
        <v>3816</v>
      </c>
      <c r="TRN39" s="927" t="s">
        <v>3816</v>
      </c>
      <c r="TRO39" s="927" t="s">
        <v>3816</v>
      </c>
      <c r="TRP39" s="927" t="s">
        <v>3816</v>
      </c>
      <c r="TRQ39" s="927" t="s">
        <v>3816</v>
      </c>
      <c r="TRR39" s="927" t="s">
        <v>3816</v>
      </c>
      <c r="TRS39" s="927" t="s">
        <v>3816</v>
      </c>
      <c r="TRT39" s="927" t="s">
        <v>3816</v>
      </c>
      <c r="TRU39" s="927" t="s">
        <v>3816</v>
      </c>
      <c r="TRV39" s="927" t="s">
        <v>3816</v>
      </c>
      <c r="TRW39" s="927" t="s">
        <v>3816</v>
      </c>
      <c r="TRX39" s="927" t="s">
        <v>3816</v>
      </c>
      <c r="TRY39" s="927" t="s">
        <v>3816</v>
      </c>
      <c r="TRZ39" s="927" t="s">
        <v>3816</v>
      </c>
      <c r="TSA39" s="927" t="s">
        <v>3816</v>
      </c>
      <c r="TSB39" s="927" t="s">
        <v>3816</v>
      </c>
      <c r="TSC39" s="927" t="s">
        <v>3816</v>
      </c>
      <c r="TSD39" s="927" t="s">
        <v>3816</v>
      </c>
      <c r="TSE39" s="927" t="s">
        <v>3816</v>
      </c>
      <c r="TSF39" s="927" t="s">
        <v>3816</v>
      </c>
      <c r="TSG39" s="927" t="s">
        <v>3816</v>
      </c>
      <c r="TSH39" s="927" t="s">
        <v>3816</v>
      </c>
      <c r="TSI39" s="927" t="s">
        <v>3816</v>
      </c>
      <c r="TSJ39" s="927" t="s">
        <v>3816</v>
      </c>
      <c r="TSK39" s="927" t="s">
        <v>3816</v>
      </c>
      <c r="TSL39" s="927" t="s">
        <v>3816</v>
      </c>
      <c r="TSM39" s="927" t="s">
        <v>3816</v>
      </c>
      <c r="TSN39" s="927" t="s">
        <v>3816</v>
      </c>
      <c r="TSO39" s="927" t="s">
        <v>3816</v>
      </c>
      <c r="TSP39" s="927" t="s">
        <v>3816</v>
      </c>
      <c r="TSQ39" s="927" t="s">
        <v>3816</v>
      </c>
      <c r="TSR39" s="927" t="s">
        <v>3816</v>
      </c>
      <c r="TSS39" s="927" t="s">
        <v>3816</v>
      </c>
      <c r="TST39" s="927" t="s">
        <v>3816</v>
      </c>
      <c r="TSU39" s="927" t="s">
        <v>3816</v>
      </c>
      <c r="TSV39" s="927" t="s">
        <v>3816</v>
      </c>
      <c r="TSW39" s="927" t="s">
        <v>3816</v>
      </c>
      <c r="TSX39" s="927" t="s">
        <v>3816</v>
      </c>
      <c r="TSY39" s="927" t="s">
        <v>3816</v>
      </c>
      <c r="TSZ39" s="927" t="s">
        <v>3816</v>
      </c>
      <c r="TTA39" s="927" t="s">
        <v>3816</v>
      </c>
      <c r="TTB39" s="927" t="s">
        <v>3816</v>
      </c>
      <c r="TTC39" s="927" t="s">
        <v>3816</v>
      </c>
      <c r="TTD39" s="927" t="s">
        <v>3816</v>
      </c>
      <c r="TTE39" s="927" t="s">
        <v>3816</v>
      </c>
      <c r="TTF39" s="927" t="s">
        <v>3816</v>
      </c>
      <c r="TTG39" s="927" t="s">
        <v>3816</v>
      </c>
      <c r="TTH39" s="927" t="s">
        <v>3816</v>
      </c>
      <c r="TTI39" s="927" t="s">
        <v>3816</v>
      </c>
      <c r="TTJ39" s="927" t="s">
        <v>3816</v>
      </c>
      <c r="TTK39" s="927" t="s">
        <v>3816</v>
      </c>
      <c r="TTL39" s="927" t="s">
        <v>3816</v>
      </c>
      <c r="TTM39" s="927" t="s">
        <v>3816</v>
      </c>
      <c r="TTN39" s="927" t="s">
        <v>3816</v>
      </c>
      <c r="TTO39" s="927" t="s">
        <v>3816</v>
      </c>
      <c r="TTP39" s="927" t="s">
        <v>3816</v>
      </c>
      <c r="TTQ39" s="927" t="s">
        <v>3816</v>
      </c>
      <c r="TTR39" s="927" t="s">
        <v>3816</v>
      </c>
      <c r="TTS39" s="927" t="s">
        <v>3816</v>
      </c>
      <c r="TTT39" s="927" t="s">
        <v>3816</v>
      </c>
      <c r="TTU39" s="927" t="s">
        <v>3816</v>
      </c>
      <c r="TTV39" s="927" t="s">
        <v>3816</v>
      </c>
      <c r="TTW39" s="927" t="s">
        <v>3816</v>
      </c>
      <c r="TTX39" s="927" t="s">
        <v>3816</v>
      </c>
      <c r="TTY39" s="927" t="s">
        <v>3816</v>
      </c>
      <c r="TTZ39" s="927" t="s">
        <v>3816</v>
      </c>
      <c r="TUA39" s="927" t="s">
        <v>3816</v>
      </c>
      <c r="TUB39" s="927" t="s">
        <v>3816</v>
      </c>
      <c r="TUC39" s="927" t="s">
        <v>3816</v>
      </c>
      <c r="TUD39" s="927" t="s">
        <v>3816</v>
      </c>
      <c r="TUE39" s="927" t="s">
        <v>3816</v>
      </c>
      <c r="TUF39" s="927" t="s">
        <v>3816</v>
      </c>
      <c r="TUG39" s="927" t="s">
        <v>3816</v>
      </c>
      <c r="TUH39" s="927" t="s">
        <v>3816</v>
      </c>
      <c r="TUI39" s="927" t="s">
        <v>3816</v>
      </c>
      <c r="TUJ39" s="927" t="s">
        <v>3816</v>
      </c>
      <c r="TUK39" s="927" t="s">
        <v>3816</v>
      </c>
      <c r="TUL39" s="927" t="s">
        <v>3816</v>
      </c>
      <c r="TUM39" s="927" t="s">
        <v>3816</v>
      </c>
      <c r="TUN39" s="927" t="s">
        <v>3816</v>
      </c>
      <c r="TUO39" s="927" t="s">
        <v>3816</v>
      </c>
      <c r="TUP39" s="927" t="s">
        <v>3816</v>
      </c>
      <c r="TUQ39" s="927" t="s">
        <v>3816</v>
      </c>
      <c r="TUR39" s="927" t="s">
        <v>3816</v>
      </c>
      <c r="TUS39" s="927" t="s">
        <v>3816</v>
      </c>
      <c r="TUT39" s="927" t="s">
        <v>3816</v>
      </c>
      <c r="TUU39" s="927" t="s">
        <v>3816</v>
      </c>
      <c r="TUV39" s="927" t="s">
        <v>3816</v>
      </c>
      <c r="TUW39" s="927" t="s">
        <v>3816</v>
      </c>
      <c r="TUX39" s="927" t="s">
        <v>3816</v>
      </c>
      <c r="TUY39" s="927" t="s">
        <v>3816</v>
      </c>
      <c r="TUZ39" s="927" t="s">
        <v>3816</v>
      </c>
      <c r="TVA39" s="927" t="s">
        <v>3816</v>
      </c>
      <c r="TVB39" s="927" t="s">
        <v>3816</v>
      </c>
      <c r="TVC39" s="927" t="s">
        <v>3816</v>
      </c>
      <c r="TVD39" s="927" t="s">
        <v>3816</v>
      </c>
      <c r="TVE39" s="927" t="s">
        <v>3816</v>
      </c>
      <c r="TVF39" s="927" t="s">
        <v>3816</v>
      </c>
      <c r="TVG39" s="927" t="s">
        <v>3816</v>
      </c>
      <c r="TVH39" s="927" t="s">
        <v>3816</v>
      </c>
      <c r="TVI39" s="927" t="s">
        <v>3816</v>
      </c>
      <c r="TVJ39" s="927" t="s">
        <v>3816</v>
      </c>
      <c r="TVK39" s="927" t="s">
        <v>3816</v>
      </c>
      <c r="TVL39" s="927" t="s">
        <v>3816</v>
      </c>
      <c r="TVM39" s="927" t="s">
        <v>3816</v>
      </c>
      <c r="TVN39" s="927" t="s">
        <v>3816</v>
      </c>
      <c r="TVO39" s="927" t="s">
        <v>3816</v>
      </c>
      <c r="TVP39" s="927" t="s">
        <v>3816</v>
      </c>
      <c r="TVQ39" s="927" t="s">
        <v>3816</v>
      </c>
      <c r="TVR39" s="927" t="s">
        <v>3816</v>
      </c>
      <c r="TVS39" s="927" t="s">
        <v>3816</v>
      </c>
      <c r="TVT39" s="927" t="s">
        <v>3816</v>
      </c>
      <c r="TVU39" s="927" t="s">
        <v>3816</v>
      </c>
      <c r="TVV39" s="927" t="s">
        <v>3816</v>
      </c>
      <c r="TVW39" s="927" t="s">
        <v>3816</v>
      </c>
      <c r="TVX39" s="927" t="s">
        <v>3816</v>
      </c>
      <c r="TVY39" s="927" t="s">
        <v>3816</v>
      </c>
      <c r="TVZ39" s="927" t="s">
        <v>3816</v>
      </c>
      <c r="TWA39" s="927" t="s">
        <v>3816</v>
      </c>
      <c r="TWB39" s="927" t="s">
        <v>3816</v>
      </c>
      <c r="TWC39" s="927" t="s">
        <v>3816</v>
      </c>
      <c r="TWD39" s="927" t="s">
        <v>3816</v>
      </c>
      <c r="TWE39" s="927" t="s">
        <v>3816</v>
      </c>
      <c r="TWF39" s="927" t="s">
        <v>3816</v>
      </c>
      <c r="TWG39" s="927" t="s">
        <v>3816</v>
      </c>
      <c r="TWH39" s="927" t="s">
        <v>3816</v>
      </c>
      <c r="TWI39" s="927" t="s">
        <v>3816</v>
      </c>
      <c r="TWJ39" s="927" t="s">
        <v>3816</v>
      </c>
      <c r="TWK39" s="927" t="s">
        <v>3816</v>
      </c>
      <c r="TWL39" s="927" t="s">
        <v>3816</v>
      </c>
      <c r="TWM39" s="927" t="s">
        <v>3816</v>
      </c>
      <c r="TWN39" s="927" t="s">
        <v>3816</v>
      </c>
      <c r="TWO39" s="927" t="s">
        <v>3816</v>
      </c>
      <c r="TWP39" s="927" t="s">
        <v>3816</v>
      </c>
      <c r="TWQ39" s="927" t="s">
        <v>3816</v>
      </c>
      <c r="TWR39" s="927" t="s">
        <v>3816</v>
      </c>
      <c r="TWS39" s="927" t="s">
        <v>3816</v>
      </c>
      <c r="TWT39" s="927" t="s">
        <v>3816</v>
      </c>
      <c r="TWU39" s="927" t="s">
        <v>3816</v>
      </c>
      <c r="TWV39" s="927" t="s">
        <v>3816</v>
      </c>
      <c r="TWW39" s="927" t="s">
        <v>3816</v>
      </c>
      <c r="TWX39" s="927" t="s">
        <v>3816</v>
      </c>
      <c r="TWY39" s="927" t="s">
        <v>3816</v>
      </c>
      <c r="TWZ39" s="927" t="s">
        <v>3816</v>
      </c>
      <c r="TXA39" s="927" t="s">
        <v>3816</v>
      </c>
      <c r="TXB39" s="927" t="s">
        <v>3816</v>
      </c>
      <c r="TXC39" s="927" t="s">
        <v>3816</v>
      </c>
      <c r="TXD39" s="927" t="s">
        <v>3816</v>
      </c>
      <c r="TXE39" s="927" t="s">
        <v>3816</v>
      </c>
      <c r="TXF39" s="927" t="s">
        <v>3816</v>
      </c>
      <c r="TXG39" s="927" t="s">
        <v>3816</v>
      </c>
      <c r="TXH39" s="927" t="s">
        <v>3816</v>
      </c>
      <c r="TXI39" s="927" t="s">
        <v>3816</v>
      </c>
      <c r="TXJ39" s="927" t="s">
        <v>3816</v>
      </c>
      <c r="TXK39" s="927" t="s">
        <v>3816</v>
      </c>
      <c r="TXL39" s="927" t="s">
        <v>3816</v>
      </c>
      <c r="TXM39" s="927" t="s">
        <v>3816</v>
      </c>
      <c r="TXN39" s="927" t="s">
        <v>3816</v>
      </c>
      <c r="TXO39" s="927" t="s">
        <v>3816</v>
      </c>
      <c r="TXP39" s="927" t="s">
        <v>3816</v>
      </c>
      <c r="TXQ39" s="927" t="s">
        <v>3816</v>
      </c>
      <c r="TXR39" s="927" t="s">
        <v>3816</v>
      </c>
      <c r="TXS39" s="927" t="s">
        <v>3816</v>
      </c>
      <c r="TXT39" s="927" t="s">
        <v>3816</v>
      </c>
      <c r="TXU39" s="927" t="s">
        <v>3816</v>
      </c>
      <c r="TXV39" s="927" t="s">
        <v>3816</v>
      </c>
      <c r="TXW39" s="927" t="s">
        <v>3816</v>
      </c>
      <c r="TXX39" s="927" t="s">
        <v>3816</v>
      </c>
      <c r="TXY39" s="927" t="s">
        <v>3816</v>
      </c>
      <c r="TXZ39" s="927" t="s">
        <v>3816</v>
      </c>
      <c r="TYA39" s="927" t="s">
        <v>3816</v>
      </c>
      <c r="TYB39" s="927" t="s">
        <v>3816</v>
      </c>
      <c r="TYC39" s="927" t="s">
        <v>3816</v>
      </c>
      <c r="TYD39" s="927" t="s">
        <v>3816</v>
      </c>
      <c r="TYE39" s="927" t="s">
        <v>3816</v>
      </c>
      <c r="TYF39" s="927" t="s">
        <v>3816</v>
      </c>
      <c r="TYG39" s="927" t="s">
        <v>3816</v>
      </c>
      <c r="TYH39" s="927" t="s">
        <v>3816</v>
      </c>
      <c r="TYI39" s="927" t="s">
        <v>3816</v>
      </c>
      <c r="TYJ39" s="927" t="s">
        <v>3816</v>
      </c>
      <c r="TYK39" s="927" t="s">
        <v>3816</v>
      </c>
      <c r="TYL39" s="927" t="s">
        <v>3816</v>
      </c>
      <c r="TYM39" s="927" t="s">
        <v>3816</v>
      </c>
      <c r="TYN39" s="927" t="s">
        <v>3816</v>
      </c>
      <c r="TYO39" s="927" t="s">
        <v>3816</v>
      </c>
      <c r="TYP39" s="927" t="s">
        <v>3816</v>
      </c>
      <c r="TYQ39" s="927" t="s">
        <v>3816</v>
      </c>
      <c r="TYR39" s="927" t="s">
        <v>3816</v>
      </c>
      <c r="TYS39" s="927" t="s">
        <v>3816</v>
      </c>
      <c r="TYT39" s="927" t="s">
        <v>3816</v>
      </c>
      <c r="TYU39" s="927" t="s">
        <v>3816</v>
      </c>
      <c r="TYV39" s="927" t="s">
        <v>3816</v>
      </c>
      <c r="TYW39" s="927" t="s">
        <v>3816</v>
      </c>
      <c r="TYX39" s="927" t="s">
        <v>3816</v>
      </c>
      <c r="TYY39" s="927" t="s">
        <v>3816</v>
      </c>
      <c r="TYZ39" s="927" t="s">
        <v>3816</v>
      </c>
      <c r="TZA39" s="927" t="s">
        <v>3816</v>
      </c>
      <c r="TZB39" s="927" t="s">
        <v>3816</v>
      </c>
      <c r="TZC39" s="927" t="s">
        <v>3816</v>
      </c>
      <c r="TZD39" s="927" t="s">
        <v>3816</v>
      </c>
      <c r="TZE39" s="927" t="s">
        <v>3816</v>
      </c>
      <c r="TZF39" s="927" t="s">
        <v>3816</v>
      </c>
      <c r="TZG39" s="927" t="s">
        <v>3816</v>
      </c>
      <c r="TZH39" s="927" t="s">
        <v>3816</v>
      </c>
      <c r="TZI39" s="927" t="s">
        <v>3816</v>
      </c>
      <c r="TZJ39" s="927" t="s">
        <v>3816</v>
      </c>
      <c r="TZK39" s="927" t="s">
        <v>3816</v>
      </c>
      <c r="TZL39" s="927" t="s">
        <v>3816</v>
      </c>
      <c r="TZM39" s="927" t="s">
        <v>3816</v>
      </c>
      <c r="TZN39" s="927" t="s">
        <v>3816</v>
      </c>
      <c r="TZO39" s="927" t="s">
        <v>3816</v>
      </c>
      <c r="TZP39" s="927" t="s">
        <v>3816</v>
      </c>
      <c r="TZQ39" s="927" t="s">
        <v>3816</v>
      </c>
      <c r="TZR39" s="927" t="s">
        <v>3816</v>
      </c>
      <c r="TZS39" s="927" t="s">
        <v>3816</v>
      </c>
      <c r="TZT39" s="927" t="s">
        <v>3816</v>
      </c>
      <c r="TZU39" s="927" t="s">
        <v>3816</v>
      </c>
      <c r="TZV39" s="927" t="s">
        <v>3816</v>
      </c>
      <c r="TZW39" s="927" t="s">
        <v>3816</v>
      </c>
      <c r="TZX39" s="927" t="s">
        <v>3816</v>
      </c>
      <c r="TZY39" s="927" t="s">
        <v>3816</v>
      </c>
      <c r="TZZ39" s="927" t="s">
        <v>3816</v>
      </c>
      <c r="UAA39" s="927" t="s">
        <v>3816</v>
      </c>
      <c r="UAB39" s="927" t="s">
        <v>3816</v>
      </c>
      <c r="UAC39" s="927" t="s">
        <v>3816</v>
      </c>
      <c r="UAD39" s="927" t="s">
        <v>3816</v>
      </c>
      <c r="UAE39" s="927" t="s">
        <v>3816</v>
      </c>
      <c r="UAF39" s="927" t="s">
        <v>3816</v>
      </c>
      <c r="UAG39" s="927" t="s">
        <v>3816</v>
      </c>
      <c r="UAH39" s="927" t="s">
        <v>3816</v>
      </c>
      <c r="UAI39" s="927" t="s">
        <v>3816</v>
      </c>
      <c r="UAJ39" s="927" t="s">
        <v>3816</v>
      </c>
      <c r="UAK39" s="927" t="s">
        <v>3816</v>
      </c>
      <c r="UAL39" s="927" t="s">
        <v>3816</v>
      </c>
      <c r="UAM39" s="927" t="s">
        <v>3816</v>
      </c>
      <c r="UAN39" s="927" t="s">
        <v>3816</v>
      </c>
      <c r="UAO39" s="927" t="s">
        <v>3816</v>
      </c>
      <c r="UAP39" s="927" t="s">
        <v>3816</v>
      </c>
      <c r="UAQ39" s="927" t="s">
        <v>3816</v>
      </c>
      <c r="UAR39" s="927" t="s">
        <v>3816</v>
      </c>
      <c r="UAS39" s="927" t="s">
        <v>3816</v>
      </c>
      <c r="UAT39" s="927" t="s">
        <v>3816</v>
      </c>
      <c r="UAU39" s="927" t="s">
        <v>3816</v>
      </c>
      <c r="UAV39" s="927" t="s">
        <v>3816</v>
      </c>
      <c r="UAW39" s="927" t="s">
        <v>3816</v>
      </c>
      <c r="UAX39" s="927" t="s">
        <v>3816</v>
      </c>
      <c r="UAY39" s="927" t="s">
        <v>3816</v>
      </c>
      <c r="UAZ39" s="927" t="s">
        <v>3816</v>
      </c>
      <c r="UBA39" s="927" t="s">
        <v>3816</v>
      </c>
      <c r="UBB39" s="927" t="s">
        <v>3816</v>
      </c>
      <c r="UBC39" s="927" t="s">
        <v>3816</v>
      </c>
      <c r="UBD39" s="927" t="s">
        <v>3816</v>
      </c>
      <c r="UBE39" s="927" t="s">
        <v>3816</v>
      </c>
      <c r="UBF39" s="927" t="s">
        <v>3816</v>
      </c>
      <c r="UBG39" s="927" t="s">
        <v>3816</v>
      </c>
      <c r="UBH39" s="927" t="s">
        <v>3816</v>
      </c>
      <c r="UBI39" s="927" t="s">
        <v>3816</v>
      </c>
      <c r="UBJ39" s="927" t="s">
        <v>3816</v>
      </c>
      <c r="UBK39" s="927" t="s">
        <v>3816</v>
      </c>
      <c r="UBL39" s="927" t="s">
        <v>3816</v>
      </c>
      <c r="UBM39" s="927" t="s">
        <v>3816</v>
      </c>
      <c r="UBN39" s="927" t="s">
        <v>3816</v>
      </c>
      <c r="UBO39" s="927" t="s">
        <v>3816</v>
      </c>
      <c r="UBP39" s="927" t="s">
        <v>3816</v>
      </c>
      <c r="UBQ39" s="927" t="s">
        <v>3816</v>
      </c>
      <c r="UBR39" s="927" t="s">
        <v>3816</v>
      </c>
      <c r="UBS39" s="927" t="s">
        <v>3816</v>
      </c>
      <c r="UBT39" s="927" t="s">
        <v>3816</v>
      </c>
      <c r="UBU39" s="927" t="s">
        <v>3816</v>
      </c>
      <c r="UBV39" s="927" t="s">
        <v>3816</v>
      </c>
      <c r="UBW39" s="927" t="s">
        <v>3816</v>
      </c>
      <c r="UBX39" s="927" t="s">
        <v>3816</v>
      </c>
      <c r="UBY39" s="927" t="s">
        <v>3816</v>
      </c>
      <c r="UBZ39" s="927" t="s">
        <v>3816</v>
      </c>
      <c r="UCA39" s="927" t="s">
        <v>3816</v>
      </c>
      <c r="UCB39" s="927" t="s">
        <v>3816</v>
      </c>
      <c r="UCC39" s="927" t="s">
        <v>3816</v>
      </c>
      <c r="UCD39" s="927" t="s">
        <v>3816</v>
      </c>
      <c r="UCE39" s="927" t="s">
        <v>3816</v>
      </c>
      <c r="UCF39" s="927" t="s">
        <v>3816</v>
      </c>
      <c r="UCG39" s="927" t="s">
        <v>3816</v>
      </c>
      <c r="UCH39" s="927" t="s">
        <v>3816</v>
      </c>
      <c r="UCI39" s="927" t="s">
        <v>3816</v>
      </c>
      <c r="UCJ39" s="927" t="s">
        <v>3816</v>
      </c>
      <c r="UCK39" s="927" t="s">
        <v>3816</v>
      </c>
      <c r="UCL39" s="927" t="s">
        <v>3816</v>
      </c>
      <c r="UCM39" s="927" t="s">
        <v>3816</v>
      </c>
      <c r="UCN39" s="927" t="s">
        <v>3816</v>
      </c>
      <c r="UCO39" s="927" t="s">
        <v>3816</v>
      </c>
      <c r="UCP39" s="927" t="s">
        <v>3816</v>
      </c>
      <c r="UCQ39" s="927" t="s">
        <v>3816</v>
      </c>
      <c r="UCR39" s="927" t="s">
        <v>3816</v>
      </c>
      <c r="UCS39" s="927" t="s">
        <v>3816</v>
      </c>
      <c r="UCT39" s="927" t="s">
        <v>3816</v>
      </c>
      <c r="UCU39" s="927" t="s">
        <v>3816</v>
      </c>
      <c r="UCV39" s="927" t="s">
        <v>3816</v>
      </c>
      <c r="UCW39" s="927" t="s">
        <v>3816</v>
      </c>
      <c r="UCX39" s="927" t="s">
        <v>3816</v>
      </c>
      <c r="UCY39" s="927" t="s">
        <v>3816</v>
      </c>
      <c r="UCZ39" s="927" t="s">
        <v>3816</v>
      </c>
      <c r="UDA39" s="927" t="s">
        <v>3816</v>
      </c>
      <c r="UDB39" s="927" t="s">
        <v>3816</v>
      </c>
      <c r="UDC39" s="927" t="s">
        <v>3816</v>
      </c>
      <c r="UDD39" s="927" t="s">
        <v>3816</v>
      </c>
      <c r="UDE39" s="927" t="s">
        <v>3816</v>
      </c>
      <c r="UDF39" s="927" t="s">
        <v>3816</v>
      </c>
      <c r="UDG39" s="927" t="s">
        <v>3816</v>
      </c>
      <c r="UDH39" s="927" t="s">
        <v>3816</v>
      </c>
      <c r="UDI39" s="927" t="s">
        <v>3816</v>
      </c>
      <c r="UDJ39" s="927" t="s">
        <v>3816</v>
      </c>
      <c r="UDK39" s="927" t="s">
        <v>3816</v>
      </c>
      <c r="UDL39" s="927" t="s">
        <v>3816</v>
      </c>
      <c r="UDM39" s="927" t="s">
        <v>3816</v>
      </c>
      <c r="UDN39" s="927" t="s">
        <v>3816</v>
      </c>
      <c r="UDO39" s="927" t="s">
        <v>3816</v>
      </c>
      <c r="UDP39" s="927" t="s">
        <v>3816</v>
      </c>
      <c r="UDQ39" s="927" t="s">
        <v>3816</v>
      </c>
      <c r="UDR39" s="927" t="s">
        <v>3816</v>
      </c>
      <c r="UDS39" s="927" t="s">
        <v>3816</v>
      </c>
      <c r="UDT39" s="927" t="s">
        <v>3816</v>
      </c>
      <c r="UDU39" s="927" t="s">
        <v>3816</v>
      </c>
      <c r="UDV39" s="927" t="s">
        <v>3816</v>
      </c>
      <c r="UDW39" s="927" t="s">
        <v>3816</v>
      </c>
      <c r="UDX39" s="927" t="s">
        <v>3816</v>
      </c>
      <c r="UDY39" s="927" t="s">
        <v>3816</v>
      </c>
      <c r="UDZ39" s="927" t="s">
        <v>3816</v>
      </c>
      <c r="UEA39" s="927" t="s">
        <v>3816</v>
      </c>
      <c r="UEB39" s="927" t="s">
        <v>3816</v>
      </c>
      <c r="UEC39" s="927" t="s">
        <v>3816</v>
      </c>
      <c r="UED39" s="927" t="s">
        <v>3816</v>
      </c>
      <c r="UEE39" s="927" t="s">
        <v>3816</v>
      </c>
      <c r="UEF39" s="927" t="s">
        <v>3816</v>
      </c>
      <c r="UEG39" s="927" t="s">
        <v>3816</v>
      </c>
      <c r="UEH39" s="927" t="s">
        <v>3816</v>
      </c>
      <c r="UEI39" s="927" t="s">
        <v>3816</v>
      </c>
      <c r="UEJ39" s="927" t="s">
        <v>3816</v>
      </c>
      <c r="UEK39" s="927" t="s">
        <v>3816</v>
      </c>
      <c r="UEL39" s="927" t="s">
        <v>3816</v>
      </c>
      <c r="UEM39" s="927" t="s">
        <v>3816</v>
      </c>
      <c r="UEN39" s="927" t="s">
        <v>3816</v>
      </c>
      <c r="UEO39" s="927" t="s">
        <v>3816</v>
      </c>
      <c r="UEP39" s="927" t="s">
        <v>3816</v>
      </c>
      <c r="UEQ39" s="927" t="s">
        <v>3816</v>
      </c>
      <c r="UER39" s="927" t="s">
        <v>3816</v>
      </c>
      <c r="UES39" s="927" t="s">
        <v>3816</v>
      </c>
      <c r="UET39" s="927" t="s">
        <v>3816</v>
      </c>
      <c r="UEU39" s="927" t="s">
        <v>3816</v>
      </c>
      <c r="UEV39" s="927" t="s">
        <v>3816</v>
      </c>
      <c r="UEW39" s="927" t="s">
        <v>3816</v>
      </c>
      <c r="UEX39" s="927" t="s">
        <v>3816</v>
      </c>
      <c r="UEY39" s="927" t="s">
        <v>3816</v>
      </c>
      <c r="UEZ39" s="927" t="s">
        <v>3816</v>
      </c>
      <c r="UFA39" s="927" t="s">
        <v>3816</v>
      </c>
      <c r="UFB39" s="927" t="s">
        <v>3816</v>
      </c>
      <c r="UFC39" s="927" t="s">
        <v>3816</v>
      </c>
      <c r="UFD39" s="927" t="s">
        <v>3816</v>
      </c>
      <c r="UFE39" s="927" t="s">
        <v>3816</v>
      </c>
      <c r="UFF39" s="927" t="s">
        <v>3816</v>
      </c>
      <c r="UFG39" s="927" t="s">
        <v>3816</v>
      </c>
      <c r="UFH39" s="927" t="s">
        <v>3816</v>
      </c>
      <c r="UFI39" s="927" t="s">
        <v>3816</v>
      </c>
      <c r="UFJ39" s="927" t="s">
        <v>3816</v>
      </c>
      <c r="UFK39" s="927" t="s">
        <v>3816</v>
      </c>
      <c r="UFL39" s="927" t="s">
        <v>3816</v>
      </c>
      <c r="UFM39" s="927" t="s">
        <v>3816</v>
      </c>
      <c r="UFN39" s="927" t="s">
        <v>3816</v>
      </c>
      <c r="UFO39" s="927" t="s">
        <v>3816</v>
      </c>
      <c r="UFP39" s="927" t="s">
        <v>3816</v>
      </c>
      <c r="UFQ39" s="927" t="s">
        <v>3816</v>
      </c>
      <c r="UFR39" s="927" t="s">
        <v>3816</v>
      </c>
      <c r="UFS39" s="927" t="s">
        <v>3816</v>
      </c>
      <c r="UFT39" s="927" t="s">
        <v>3816</v>
      </c>
      <c r="UFU39" s="927" t="s">
        <v>3816</v>
      </c>
      <c r="UFV39" s="927" t="s">
        <v>3816</v>
      </c>
      <c r="UFW39" s="927" t="s">
        <v>3816</v>
      </c>
      <c r="UFX39" s="927" t="s">
        <v>3816</v>
      </c>
      <c r="UFY39" s="927" t="s">
        <v>3816</v>
      </c>
      <c r="UFZ39" s="927" t="s">
        <v>3816</v>
      </c>
      <c r="UGA39" s="927" t="s">
        <v>3816</v>
      </c>
      <c r="UGB39" s="927" t="s">
        <v>3816</v>
      </c>
      <c r="UGC39" s="927" t="s">
        <v>3816</v>
      </c>
      <c r="UGD39" s="927" t="s">
        <v>3816</v>
      </c>
      <c r="UGE39" s="927" t="s">
        <v>3816</v>
      </c>
      <c r="UGF39" s="927" t="s">
        <v>3816</v>
      </c>
      <c r="UGG39" s="927" t="s">
        <v>3816</v>
      </c>
      <c r="UGH39" s="927" t="s">
        <v>3816</v>
      </c>
      <c r="UGI39" s="927" t="s">
        <v>3816</v>
      </c>
      <c r="UGJ39" s="927" t="s">
        <v>3816</v>
      </c>
      <c r="UGK39" s="927" t="s">
        <v>3816</v>
      </c>
      <c r="UGL39" s="927" t="s">
        <v>3816</v>
      </c>
      <c r="UGM39" s="927" t="s">
        <v>3816</v>
      </c>
      <c r="UGN39" s="927" t="s">
        <v>3816</v>
      </c>
      <c r="UGO39" s="927" t="s">
        <v>3816</v>
      </c>
      <c r="UGP39" s="927" t="s">
        <v>3816</v>
      </c>
      <c r="UGQ39" s="927" t="s">
        <v>3816</v>
      </c>
      <c r="UGR39" s="927" t="s">
        <v>3816</v>
      </c>
      <c r="UGS39" s="927" t="s">
        <v>3816</v>
      </c>
      <c r="UGT39" s="927" t="s">
        <v>3816</v>
      </c>
      <c r="UGU39" s="927" t="s">
        <v>3816</v>
      </c>
      <c r="UGV39" s="927" t="s">
        <v>3816</v>
      </c>
      <c r="UGW39" s="927" t="s">
        <v>3816</v>
      </c>
      <c r="UGX39" s="927" t="s">
        <v>3816</v>
      </c>
      <c r="UGY39" s="927" t="s">
        <v>3816</v>
      </c>
      <c r="UGZ39" s="927" t="s">
        <v>3816</v>
      </c>
      <c r="UHA39" s="927" t="s">
        <v>3816</v>
      </c>
      <c r="UHB39" s="927" t="s">
        <v>3816</v>
      </c>
      <c r="UHC39" s="927" t="s">
        <v>3816</v>
      </c>
      <c r="UHD39" s="927" t="s">
        <v>3816</v>
      </c>
      <c r="UHE39" s="927" t="s">
        <v>3816</v>
      </c>
      <c r="UHF39" s="927" t="s">
        <v>3816</v>
      </c>
      <c r="UHG39" s="927" t="s">
        <v>3816</v>
      </c>
      <c r="UHH39" s="927" t="s">
        <v>3816</v>
      </c>
      <c r="UHI39" s="927" t="s">
        <v>3816</v>
      </c>
      <c r="UHJ39" s="927" t="s">
        <v>3816</v>
      </c>
      <c r="UHK39" s="927" t="s">
        <v>3816</v>
      </c>
      <c r="UHL39" s="927" t="s">
        <v>3816</v>
      </c>
      <c r="UHM39" s="927" t="s">
        <v>3816</v>
      </c>
      <c r="UHN39" s="927" t="s">
        <v>3816</v>
      </c>
      <c r="UHO39" s="927" t="s">
        <v>3816</v>
      </c>
      <c r="UHP39" s="927" t="s">
        <v>3816</v>
      </c>
      <c r="UHQ39" s="927" t="s">
        <v>3816</v>
      </c>
      <c r="UHR39" s="927" t="s">
        <v>3816</v>
      </c>
      <c r="UHS39" s="927" t="s">
        <v>3816</v>
      </c>
      <c r="UHT39" s="927" t="s">
        <v>3816</v>
      </c>
      <c r="UHU39" s="927" t="s">
        <v>3816</v>
      </c>
      <c r="UHV39" s="927" t="s">
        <v>3816</v>
      </c>
      <c r="UHW39" s="927" t="s">
        <v>3816</v>
      </c>
      <c r="UHX39" s="927" t="s">
        <v>3816</v>
      </c>
      <c r="UHY39" s="927" t="s">
        <v>3816</v>
      </c>
      <c r="UHZ39" s="927" t="s">
        <v>3816</v>
      </c>
      <c r="UIA39" s="927" t="s">
        <v>3816</v>
      </c>
      <c r="UIB39" s="927" t="s">
        <v>3816</v>
      </c>
      <c r="UIC39" s="927" t="s">
        <v>3816</v>
      </c>
      <c r="UID39" s="927" t="s">
        <v>3816</v>
      </c>
      <c r="UIE39" s="927" t="s">
        <v>3816</v>
      </c>
      <c r="UIF39" s="927" t="s">
        <v>3816</v>
      </c>
      <c r="UIG39" s="927" t="s">
        <v>3816</v>
      </c>
      <c r="UIH39" s="927" t="s">
        <v>3816</v>
      </c>
      <c r="UII39" s="927" t="s">
        <v>3816</v>
      </c>
      <c r="UIJ39" s="927" t="s">
        <v>3816</v>
      </c>
      <c r="UIK39" s="927" t="s">
        <v>3816</v>
      </c>
      <c r="UIL39" s="927" t="s">
        <v>3816</v>
      </c>
      <c r="UIM39" s="927" t="s">
        <v>3816</v>
      </c>
      <c r="UIN39" s="927" t="s">
        <v>3816</v>
      </c>
      <c r="UIO39" s="927" t="s">
        <v>3816</v>
      </c>
      <c r="UIP39" s="927" t="s">
        <v>3816</v>
      </c>
      <c r="UIQ39" s="927" t="s">
        <v>3816</v>
      </c>
      <c r="UIR39" s="927" t="s">
        <v>3816</v>
      </c>
      <c r="UIS39" s="927" t="s">
        <v>3816</v>
      </c>
      <c r="UIT39" s="927" t="s">
        <v>3816</v>
      </c>
      <c r="UIU39" s="927" t="s">
        <v>3816</v>
      </c>
      <c r="UIV39" s="927" t="s">
        <v>3816</v>
      </c>
      <c r="UIW39" s="927" t="s">
        <v>3816</v>
      </c>
      <c r="UIX39" s="927" t="s">
        <v>3816</v>
      </c>
      <c r="UIY39" s="927" t="s">
        <v>3816</v>
      </c>
      <c r="UIZ39" s="927" t="s">
        <v>3816</v>
      </c>
      <c r="UJA39" s="927" t="s">
        <v>3816</v>
      </c>
      <c r="UJB39" s="927" t="s">
        <v>3816</v>
      </c>
      <c r="UJC39" s="927" t="s">
        <v>3816</v>
      </c>
      <c r="UJD39" s="927" t="s">
        <v>3816</v>
      </c>
      <c r="UJE39" s="927" t="s">
        <v>3816</v>
      </c>
      <c r="UJF39" s="927" t="s">
        <v>3816</v>
      </c>
      <c r="UJG39" s="927" t="s">
        <v>3816</v>
      </c>
      <c r="UJH39" s="927" t="s">
        <v>3816</v>
      </c>
      <c r="UJI39" s="927" t="s">
        <v>3816</v>
      </c>
      <c r="UJJ39" s="927" t="s">
        <v>3816</v>
      </c>
      <c r="UJK39" s="927" t="s">
        <v>3816</v>
      </c>
      <c r="UJL39" s="927" t="s">
        <v>3816</v>
      </c>
      <c r="UJM39" s="927" t="s">
        <v>3816</v>
      </c>
      <c r="UJN39" s="927" t="s">
        <v>3816</v>
      </c>
      <c r="UJO39" s="927" t="s">
        <v>3816</v>
      </c>
      <c r="UJP39" s="927" t="s">
        <v>3816</v>
      </c>
      <c r="UJQ39" s="927" t="s">
        <v>3816</v>
      </c>
      <c r="UJR39" s="927" t="s">
        <v>3816</v>
      </c>
      <c r="UJS39" s="927" t="s">
        <v>3816</v>
      </c>
      <c r="UJT39" s="927" t="s">
        <v>3816</v>
      </c>
      <c r="UJU39" s="927" t="s">
        <v>3816</v>
      </c>
      <c r="UJV39" s="927" t="s">
        <v>3816</v>
      </c>
      <c r="UJW39" s="927" t="s">
        <v>3816</v>
      </c>
      <c r="UJX39" s="927" t="s">
        <v>3816</v>
      </c>
      <c r="UJY39" s="927" t="s">
        <v>3816</v>
      </c>
      <c r="UJZ39" s="927" t="s">
        <v>3816</v>
      </c>
      <c r="UKA39" s="927" t="s">
        <v>3816</v>
      </c>
      <c r="UKB39" s="927" t="s">
        <v>3816</v>
      </c>
      <c r="UKC39" s="927" t="s">
        <v>3816</v>
      </c>
      <c r="UKD39" s="927" t="s">
        <v>3816</v>
      </c>
      <c r="UKE39" s="927" t="s">
        <v>3816</v>
      </c>
      <c r="UKF39" s="927" t="s">
        <v>3816</v>
      </c>
      <c r="UKG39" s="927" t="s">
        <v>3816</v>
      </c>
      <c r="UKH39" s="927" t="s">
        <v>3816</v>
      </c>
      <c r="UKI39" s="927" t="s">
        <v>3816</v>
      </c>
      <c r="UKJ39" s="927" t="s">
        <v>3816</v>
      </c>
      <c r="UKK39" s="927" t="s">
        <v>3816</v>
      </c>
      <c r="UKL39" s="927" t="s">
        <v>3816</v>
      </c>
      <c r="UKM39" s="927" t="s">
        <v>3816</v>
      </c>
      <c r="UKN39" s="927" t="s">
        <v>3816</v>
      </c>
      <c r="UKO39" s="927" t="s">
        <v>3816</v>
      </c>
      <c r="UKP39" s="927" t="s">
        <v>3816</v>
      </c>
      <c r="UKQ39" s="927" t="s">
        <v>3816</v>
      </c>
      <c r="UKR39" s="927" t="s">
        <v>3816</v>
      </c>
      <c r="UKS39" s="927" t="s">
        <v>3816</v>
      </c>
      <c r="UKT39" s="927" t="s">
        <v>3816</v>
      </c>
      <c r="UKU39" s="927" t="s">
        <v>3816</v>
      </c>
      <c r="UKV39" s="927" t="s">
        <v>3816</v>
      </c>
      <c r="UKW39" s="927" t="s">
        <v>3816</v>
      </c>
      <c r="UKX39" s="927" t="s">
        <v>3816</v>
      </c>
      <c r="UKY39" s="927" t="s">
        <v>3816</v>
      </c>
      <c r="UKZ39" s="927" t="s">
        <v>3816</v>
      </c>
      <c r="ULA39" s="927" t="s">
        <v>3816</v>
      </c>
      <c r="ULB39" s="927" t="s">
        <v>3816</v>
      </c>
      <c r="ULC39" s="927" t="s">
        <v>3816</v>
      </c>
      <c r="ULD39" s="927" t="s">
        <v>3816</v>
      </c>
      <c r="ULE39" s="927" t="s">
        <v>3816</v>
      </c>
      <c r="ULF39" s="927" t="s">
        <v>3816</v>
      </c>
      <c r="ULG39" s="927" t="s">
        <v>3816</v>
      </c>
      <c r="ULH39" s="927" t="s">
        <v>3816</v>
      </c>
      <c r="ULI39" s="927" t="s">
        <v>3816</v>
      </c>
      <c r="ULJ39" s="927" t="s">
        <v>3816</v>
      </c>
      <c r="ULK39" s="927" t="s">
        <v>3816</v>
      </c>
      <c r="ULL39" s="927" t="s">
        <v>3816</v>
      </c>
      <c r="ULM39" s="927" t="s">
        <v>3816</v>
      </c>
      <c r="ULN39" s="927" t="s">
        <v>3816</v>
      </c>
      <c r="ULO39" s="927" t="s">
        <v>3816</v>
      </c>
      <c r="ULP39" s="927" t="s">
        <v>3816</v>
      </c>
      <c r="ULQ39" s="927" t="s">
        <v>3816</v>
      </c>
      <c r="ULR39" s="927" t="s">
        <v>3816</v>
      </c>
      <c r="ULS39" s="927" t="s">
        <v>3816</v>
      </c>
      <c r="ULT39" s="927" t="s">
        <v>3816</v>
      </c>
      <c r="ULU39" s="927" t="s">
        <v>3816</v>
      </c>
      <c r="ULV39" s="927" t="s">
        <v>3816</v>
      </c>
      <c r="ULW39" s="927" t="s">
        <v>3816</v>
      </c>
      <c r="ULX39" s="927" t="s">
        <v>3816</v>
      </c>
      <c r="ULY39" s="927" t="s">
        <v>3816</v>
      </c>
      <c r="ULZ39" s="927" t="s">
        <v>3816</v>
      </c>
      <c r="UMA39" s="927" t="s">
        <v>3816</v>
      </c>
      <c r="UMB39" s="927" t="s">
        <v>3816</v>
      </c>
      <c r="UMC39" s="927" t="s">
        <v>3816</v>
      </c>
      <c r="UMD39" s="927" t="s">
        <v>3816</v>
      </c>
      <c r="UME39" s="927" t="s">
        <v>3816</v>
      </c>
      <c r="UMF39" s="927" t="s">
        <v>3816</v>
      </c>
      <c r="UMG39" s="927" t="s">
        <v>3816</v>
      </c>
      <c r="UMH39" s="927" t="s">
        <v>3816</v>
      </c>
      <c r="UMI39" s="927" t="s">
        <v>3816</v>
      </c>
      <c r="UMJ39" s="927" t="s">
        <v>3816</v>
      </c>
      <c r="UMK39" s="927" t="s">
        <v>3816</v>
      </c>
      <c r="UML39" s="927" t="s">
        <v>3816</v>
      </c>
      <c r="UMM39" s="927" t="s">
        <v>3816</v>
      </c>
      <c r="UMN39" s="927" t="s">
        <v>3816</v>
      </c>
      <c r="UMO39" s="927" t="s">
        <v>3816</v>
      </c>
      <c r="UMP39" s="927" t="s">
        <v>3816</v>
      </c>
      <c r="UMQ39" s="927" t="s">
        <v>3816</v>
      </c>
      <c r="UMR39" s="927" t="s">
        <v>3816</v>
      </c>
      <c r="UMS39" s="927" t="s">
        <v>3816</v>
      </c>
      <c r="UMT39" s="927" t="s">
        <v>3816</v>
      </c>
      <c r="UMU39" s="927" t="s">
        <v>3816</v>
      </c>
      <c r="UMV39" s="927" t="s">
        <v>3816</v>
      </c>
      <c r="UMW39" s="927" t="s">
        <v>3816</v>
      </c>
      <c r="UMX39" s="927" t="s">
        <v>3816</v>
      </c>
      <c r="UMY39" s="927" t="s">
        <v>3816</v>
      </c>
      <c r="UMZ39" s="927" t="s">
        <v>3816</v>
      </c>
      <c r="UNA39" s="927" t="s">
        <v>3816</v>
      </c>
      <c r="UNB39" s="927" t="s">
        <v>3816</v>
      </c>
      <c r="UNC39" s="927" t="s">
        <v>3816</v>
      </c>
      <c r="UND39" s="927" t="s">
        <v>3816</v>
      </c>
      <c r="UNE39" s="927" t="s">
        <v>3816</v>
      </c>
      <c r="UNF39" s="927" t="s">
        <v>3816</v>
      </c>
      <c r="UNG39" s="927" t="s">
        <v>3816</v>
      </c>
      <c r="UNH39" s="927" t="s">
        <v>3816</v>
      </c>
      <c r="UNI39" s="927" t="s">
        <v>3816</v>
      </c>
      <c r="UNJ39" s="927" t="s">
        <v>3816</v>
      </c>
      <c r="UNK39" s="927" t="s">
        <v>3816</v>
      </c>
      <c r="UNL39" s="927" t="s">
        <v>3816</v>
      </c>
      <c r="UNM39" s="927" t="s">
        <v>3816</v>
      </c>
      <c r="UNN39" s="927" t="s">
        <v>3816</v>
      </c>
      <c r="UNO39" s="927" t="s">
        <v>3816</v>
      </c>
      <c r="UNP39" s="927" t="s">
        <v>3816</v>
      </c>
      <c r="UNQ39" s="927" t="s">
        <v>3816</v>
      </c>
      <c r="UNR39" s="927" t="s">
        <v>3816</v>
      </c>
      <c r="UNS39" s="927" t="s">
        <v>3816</v>
      </c>
      <c r="UNT39" s="927" t="s">
        <v>3816</v>
      </c>
      <c r="UNU39" s="927" t="s">
        <v>3816</v>
      </c>
      <c r="UNV39" s="927" t="s">
        <v>3816</v>
      </c>
      <c r="UNW39" s="927" t="s">
        <v>3816</v>
      </c>
      <c r="UNX39" s="927" t="s">
        <v>3816</v>
      </c>
      <c r="UNY39" s="927" t="s">
        <v>3816</v>
      </c>
      <c r="UNZ39" s="927" t="s">
        <v>3816</v>
      </c>
      <c r="UOA39" s="927" t="s">
        <v>3816</v>
      </c>
      <c r="UOB39" s="927" t="s">
        <v>3816</v>
      </c>
      <c r="UOC39" s="927" t="s">
        <v>3816</v>
      </c>
      <c r="UOD39" s="927" t="s">
        <v>3816</v>
      </c>
      <c r="UOE39" s="927" t="s">
        <v>3816</v>
      </c>
      <c r="UOF39" s="927" t="s">
        <v>3816</v>
      </c>
      <c r="UOG39" s="927" t="s">
        <v>3816</v>
      </c>
      <c r="UOH39" s="927" t="s">
        <v>3816</v>
      </c>
      <c r="UOI39" s="927" t="s">
        <v>3816</v>
      </c>
      <c r="UOJ39" s="927" t="s">
        <v>3816</v>
      </c>
      <c r="UOK39" s="927" t="s">
        <v>3816</v>
      </c>
      <c r="UOL39" s="927" t="s">
        <v>3816</v>
      </c>
      <c r="UOM39" s="927" t="s">
        <v>3816</v>
      </c>
      <c r="UON39" s="927" t="s">
        <v>3816</v>
      </c>
      <c r="UOO39" s="927" t="s">
        <v>3816</v>
      </c>
      <c r="UOP39" s="927" t="s">
        <v>3816</v>
      </c>
      <c r="UOQ39" s="927" t="s">
        <v>3816</v>
      </c>
      <c r="UOR39" s="927" t="s">
        <v>3816</v>
      </c>
      <c r="UOS39" s="927" t="s">
        <v>3816</v>
      </c>
      <c r="UOT39" s="927" t="s">
        <v>3816</v>
      </c>
      <c r="UOU39" s="927" t="s">
        <v>3816</v>
      </c>
      <c r="UOV39" s="927" t="s">
        <v>3816</v>
      </c>
      <c r="UOW39" s="927" t="s">
        <v>3816</v>
      </c>
      <c r="UOX39" s="927" t="s">
        <v>3816</v>
      </c>
      <c r="UOY39" s="927" t="s">
        <v>3816</v>
      </c>
      <c r="UOZ39" s="927" t="s">
        <v>3816</v>
      </c>
      <c r="UPA39" s="927" t="s">
        <v>3816</v>
      </c>
      <c r="UPB39" s="927" t="s">
        <v>3816</v>
      </c>
      <c r="UPC39" s="927" t="s">
        <v>3816</v>
      </c>
      <c r="UPD39" s="927" t="s">
        <v>3816</v>
      </c>
      <c r="UPE39" s="927" t="s">
        <v>3816</v>
      </c>
      <c r="UPF39" s="927" t="s">
        <v>3816</v>
      </c>
      <c r="UPG39" s="927" t="s">
        <v>3816</v>
      </c>
      <c r="UPH39" s="927" t="s">
        <v>3816</v>
      </c>
      <c r="UPI39" s="927" t="s">
        <v>3816</v>
      </c>
      <c r="UPJ39" s="927" t="s">
        <v>3816</v>
      </c>
      <c r="UPK39" s="927" t="s">
        <v>3816</v>
      </c>
      <c r="UPL39" s="927" t="s">
        <v>3816</v>
      </c>
      <c r="UPM39" s="927" t="s">
        <v>3816</v>
      </c>
      <c r="UPN39" s="927" t="s">
        <v>3816</v>
      </c>
      <c r="UPO39" s="927" t="s">
        <v>3816</v>
      </c>
      <c r="UPP39" s="927" t="s">
        <v>3816</v>
      </c>
      <c r="UPQ39" s="927" t="s">
        <v>3816</v>
      </c>
      <c r="UPR39" s="927" t="s">
        <v>3816</v>
      </c>
      <c r="UPS39" s="927" t="s">
        <v>3816</v>
      </c>
      <c r="UPT39" s="927" t="s">
        <v>3816</v>
      </c>
      <c r="UPU39" s="927" t="s">
        <v>3816</v>
      </c>
      <c r="UPV39" s="927" t="s">
        <v>3816</v>
      </c>
      <c r="UPW39" s="927" t="s">
        <v>3816</v>
      </c>
      <c r="UPX39" s="927" t="s">
        <v>3816</v>
      </c>
      <c r="UPY39" s="927" t="s">
        <v>3816</v>
      </c>
      <c r="UPZ39" s="927" t="s">
        <v>3816</v>
      </c>
      <c r="UQA39" s="927" t="s">
        <v>3816</v>
      </c>
      <c r="UQB39" s="927" t="s">
        <v>3816</v>
      </c>
      <c r="UQC39" s="927" t="s">
        <v>3816</v>
      </c>
      <c r="UQD39" s="927" t="s">
        <v>3816</v>
      </c>
      <c r="UQE39" s="927" t="s">
        <v>3816</v>
      </c>
      <c r="UQF39" s="927" t="s">
        <v>3816</v>
      </c>
      <c r="UQG39" s="927" t="s">
        <v>3816</v>
      </c>
      <c r="UQH39" s="927" t="s">
        <v>3816</v>
      </c>
      <c r="UQI39" s="927" t="s">
        <v>3816</v>
      </c>
      <c r="UQJ39" s="927" t="s">
        <v>3816</v>
      </c>
      <c r="UQK39" s="927" t="s">
        <v>3816</v>
      </c>
      <c r="UQL39" s="927" t="s">
        <v>3816</v>
      </c>
      <c r="UQM39" s="927" t="s">
        <v>3816</v>
      </c>
      <c r="UQN39" s="927" t="s">
        <v>3816</v>
      </c>
      <c r="UQO39" s="927" t="s">
        <v>3816</v>
      </c>
      <c r="UQP39" s="927" t="s">
        <v>3816</v>
      </c>
      <c r="UQQ39" s="927" t="s">
        <v>3816</v>
      </c>
      <c r="UQR39" s="927" t="s">
        <v>3816</v>
      </c>
      <c r="UQS39" s="927" t="s">
        <v>3816</v>
      </c>
      <c r="UQT39" s="927" t="s">
        <v>3816</v>
      </c>
      <c r="UQU39" s="927" t="s">
        <v>3816</v>
      </c>
      <c r="UQV39" s="927" t="s">
        <v>3816</v>
      </c>
      <c r="UQW39" s="927" t="s">
        <v>3816</v>
      </c>
      <c r="UQX39" s="927" t="s">
        <v>3816</v>
      </c>
      <c r="UQY39" s="927" t="s">
        <v>3816</v>
      </c>
      <c r="UQZ39" s="927" t="s">
        <v>3816</v>
      </c>
      <c r="URA39" s="927" t="s">
        <v>3816</v>
      </c>
      <c r="URB39" s="927" t="s">
        <v>3816</v>
      </c>
      <c r="URC39" s="927" t="s">
        <v>3816</v>
      </c>
      <c r="URD39" s="927" t="s">
        <v>3816</v>
      </c>
      <c r="URE39" s="927" t="s">
        <v>3816</v>
      </c>
      <c r="URF39" s="927" t="s">
        <v>3816</v>
      </c>
      <c r="URG39" s="927" t="s">
        <v>3816</v>
      </c>
      <c r="URH39" s="927" t="s">
        <v>3816</v>
      </c>
      <c r="URI39" s="927" t="s">
        <v>3816</v>
      </c>
      <c r="URJ39" s="927" t="s">
        <v>3816</v>
      </c>
      <c r="URK39" s="927" t="s">
        <v>3816</v>
      </c>
      <c r="URL39" s="927" t="s">
        <v>3816</v>
      </c>
      <c r="URM39" s="927" t="s">
        <v>3816</v>
      </c>
      <c r="URN39" s="927" t="s">
        <v>3816</v>
      </c>
      <c r="URO39" s="927" t="s">
        <v>3816</v>
      </c>
      <c r="URP39" s="927" t="s">
        <v>3816</v>
      </c>
      <c r="URQ39" s="927" t="s">
        <v>3816</v>
      </c>
      <c r="URR39" s="927" t="s">
        <v>3816</v>
      </c>
      <c r="URS39" s="927" t="s">
        <v>3816</v>
      </c>
      <c r="URT39" s="927" t="s">
        <v>3816</v>
      </c>
      <c r="URU39" s="927" t="s">
        <v>3816</v>
      </c>
      <c r="URV39" s="927" t="s">
        <v>3816</v>
      </c>
      <c r="URW39" s="927" t="s">
        <v>3816</v>
      </c>
      <c r="URX39" s="927" t="s">
        <v>3816</v>
      </c>
      <c r="URY39" s="927" t="s">
        <v>3816</v>
      </c>
      <c r="URZ39" s="927" t="s">
        <v>3816</v>
      </c>
      <c r="USA39" s="927" t="s">
        <v>3816</v>
      </c>
      <c r="USB39" s="927" t="s">
        <v>3816</v>
      </c>
      <c r="USC39" s="927" t="s">
        <v>3816</v>
      </c>
      <c r="USD39" s="927" t="s">
        <v>3816</v>
      </c>
      <c r="USE39" s="927" t="s">
        <v>3816</v>
      </c>
      <c r="USF39" s="927" t="s">
        <v>3816</v>
      </c>
      <c r="USG39" s="927" t="s">
        <v>3816</v>
      </c>
      <c r="USH39" s="927" t="s">
        <v>3816</v>
      </c>
      <c r="USI39" s="927" t="s">
        <v>3816</v>
      </c>
      <c r="USJ39" s="927" t="s">
        <v>3816</v>
      </c>
      <c r="USK39" s="927" t="s">
        <v>3816</v>
      </c>
      <c r="USL39" s="927" t="s">
        <v>3816</v>
      </c>
      <c r="USM39" s="927" t="s">
        <v>3816</v>
      </c>
      <c r="USN39" s="927" t="s">
        <v>3816</v>
      </c>
      <c r="USO39" s="927" t="s">
        <v>3816</v>
      </c>
      <c r="USP39" s="927" t="s">
        <v>3816</v>
      </c>
      <c r="USQ39" s="927" t="s">
        <v>3816</v>
      </c>
      <c r="USR39" s="927" t="s">
        <v>3816</v>
      </c>
      <c r="USS39" s="927" t="s">
        <v>3816</v>
      </c>
      <c r="UST39" s="927" t="s">
        <v>3816</v>
      </c>
      <c r="USU39" s="927" t="s">
        <v>3816</v>
      </c>
      <c r="USV39" s="927" t="s">
        <v>3816</v>
      </c>
      <c r="USW39" s="927" t="s">
        <v>3816</v>
      </c>
      <c r="USX39" s="927" t="s">
        <v>3816</v>
      </c>
      <c r="USY39" s="927" t="s">
        <v>3816</v>
      </c>
      <c r="USZ39" s="927" t="s">
        <v>3816</v>
      </c>
      <c r="UTA39" s="927" t="s">
        <v>3816</v>
      </c>
      <c r="UTB39" s="927" t="s">
        <v>3816</v>
      </c>
      <c r="UTC39" s="927" t="s">
        <v>3816</v>
      </c>
      <c r="UTD39" s="927" t="s">
        <v>3816</v>
      </c>
      <c r="UTE39" s="927" t="s">
        <v>3816</v>
      </c>
      <c r="UTF39" s="927" t="s">
        <v>3816</v>
      </c>
      <c r="UTG39" s="927" t="s">
        <v>3816</v>
      </c>
      <c r="UTH39" s="927" t="s">
        <v>3816</v>
      </c>
      <c r="UTI39" s="927" t="s">
        <v>3816</v>
      </c>
      <c r="UTJ39" s="927" t="s">
        <v>3816</v>
      </c>
      <c r="UTK39" s="927" t="s">
        <v>3816</v>
      </c>
      <c r="UTL39" s="927" t="s">
        <v>3816</v>
      </c>
      <c r="UTM39" s="927" t="s">
        <v>3816</v>
      </c>
      <c r="UTN39" s="927" t="s">
        <v>3816</v>
      </c>
      <c r="UTO39" s="927" t="s">
        <v>3816</v>
      </c>
      <c r="UTP39" s="927" t="s">
        <v>3816</v>
      </c>
      <c r="UTQ39" s="927" t="s">
        <v>3816</v>
      </c>
      <c r="UTR39" s="927" t="s">
        <v>3816</v>
      </c>
      <c r="UTS39" s="927" t="s">
        <v>3816</v>
      </c>
      <c r="UTT39" s="927" t="s">
        <v>3816</v>
      </c>
      <c r="UTU39" s="927" t="s">
        <v>3816</v>
      </c>
      <c r="UTV39" s="927" t="s">
        <v>3816</v>
      </c>
      <c r="UTW39" s="927" t="s">
        <v>3816</v>
      </c>
      <c r="UTX39" s="927" t="s">
        <v>3816</v>
      </c>
      <c r="UTY39" s="927" t="s">
        <v>3816</v>
      </c>
      <c r="UTZ39" s="927" t="s">
        <v>3816</v>
      </c>
      <c r="UUA39" s="927" t="s">
        <v>3816</v>
      </c>
      <c r="UUB39" s="927" t="s">
        <v>3816</v>
      </c>
      <c r="UUC39" s="927" t="s">
        <v>3816</v>
      </c>
      <c r="UUD39" s="927" t="s">
        <v>3816</v>
      </c>
      <c r="UUE39" s="927" t="s">
        <v>3816</v>
      </c>
      <c r="UUF39" s="927" t="s">
        <v>3816</v>
      </c>
      <c r="UUG39" s="927" t="s">
        <v>3816</v>
      </c>
      <c r="UUH39" s="927" t="s">
        <v>3816</v>
      </c>
      <c r="UUI39" s="927" t="s">
        <v>3816</v>
      </c>
      <c r="UUJ39" s="927" t="s">
        <v>3816</v>
      </c>
      <c r="UUK39" s="927" t="s">
        <v>3816</v>
      </c>
      <c r="UUL39" s="927" t="s">
        <v>3816</v>
      </c>
      <c r="UUM39" s="927" t="s">
        <v>3816</v>
      </c>
      <c r="UUN39" s="927" t="s">
        <v>3816</v>
      </c>
      <c r="UUO39" s="927" t="s">
        <v>3816</v>
      </c>
      <c r="UUP39" s="927" t="s">
        <v>3816</v>
      </c>
      <c r="UUQ39" s="927" t="s">
        <v>3816</v>
      </c>
      <c r="UUR39" s="927" t="s">
        <v>3816</v>
      </c>
      <c r="UUS39" s="927" t="s">
        <v>3816</v>
      </c>
      <c r="UUT39" s="927" t="s">
        <v>3816</v>
      </c>
      <c r="UUU39" s="927" t="s">
        <v>3816</v>
      </c>
      <c r="UUV39" s="927" t="s">
        <v>3816</v>
      </c>
      <c r="UUW39" s="927" t="s">
        <v>3816</v>
      </c>
      <c r="UUX39" s="927" t="s">
        <v>3816</v>
      </c>
      <c r="UUY39" s="927" t="s">
        <v>3816</v>
      </c>
      <c r="UUZ39" s="927" t="s">
        <v>3816</v>
      </c>
      <c r="UVA39" s="927" t="s">
        <v>3816</v>
      </c>
      <c r="UVB39" s="927" t="s">
        <v>3816</v>
      </c>
      <c r="UVC39" s="927" t="s">
        <v>3816</v>
      </c>
      <c r="UVD39" s="927" t="s">
        <v>3816</v>
      </c>
      <c r="UVE39" s="927" t="s">
        <v>3816</v>
      </c>
      <c r="UVF39" s="927" t="s">
        <v>3816</v>
      </c>
      <c r="UVG39" s="927" t="s">
        <v>3816</v>
      </c>
      <c r="UVH39" s="927" t="s">
        <v>3816</v>
      </c>
      <c r="UVI39" s="927" t="s">
        <v>3816</v>
      </c>
      <c r="UVJ39" s="927" t="s">
        <v>3816</v>
      </c>
      <c r="UVK39" s="927" t="s">
        <v>3816</v>
      </c>
      <c r="UVL39" s="927" t="s">
        <v>3816</v>
      </c>
      <c r="UVM39" s="927" t="s">
        <v>3816</v>
      </c>
      <c r="UVN39" s="927" t="s">
        <v>3816</v>
      </c>
      <c r="UVO39" s="927" t="s">
        <v>3816</v>
      </c>
      <c r="UVP39" s="927" t="s">
        <v>3816</v>
      </c>
      <c r="UVQ39" s="927" t="s">
        <v>3816</v>
      </c>
      <c r="UVR39" s="927" t="s">
        <v>3816</v>
      </c>
      <c r="UVS39" s="927" t="s">
        <v>3816</v>
      </c>
      <c r="UVT39" s="927" t="s">
        <v>3816</v>
      </c>
      <c r="UVU39" s="927" t="s">
        <v>3816</v>
      </c>
      <c r="UVV39" s="927" t="s">
        <v>3816</v>
      </c>
      <c r="UVW39" s="927" t="s">
        <v>3816</v>
      </c>
      <c r="UVX39" s="927" t="s">
        <v>3816</v>
      </c>
      <c r="UVY39" s="927" t="s">
        <v>3816</v>
      </c>
      <c r="UVZ39" s="927" t="s">
        <v>3816</v>
      </c>
      <c r="UWA39" s="927" t="s">
        <v>3816</v>
      </c>
      <c r="UWB39" s="927" t="s">
        <v>3816</v>
      </c>
      <c r="UWC39" s="927" t="s">
        <v>3816</v>
      </c>
      <c r="UWD39" s="927" t="s">
        <v>3816</v>
      </c>
      <c r="UWE39" s="927" t="s">
        <v>3816</v>
      </c>
      <c r="UWF39" s="927" t="s">
        <v>3816</v>
      </c>
      <c r="UWG39" s="927" t="s">
        <v>3816</v>
      </c>
      <c r="UWH39" s="927" t="s">
        <v>3816</v>
      </c>
      <c r="UWI39" s="927" t="s">
        <v>3816</v>
      </c>
      <c r="UWJ39" s="927" t="s">
        <v>3816</v>
      </c>
      <c r="UWK39" s="927" t="s">
        <v>3816</v>
      </c>
      <c r="UWL39" s="927" t="s">
        <v>3816</v>
      </c>
      <c r="UWM39" s="927" t="s">
        <v>3816</v>
      </c>
      <c r="UWN39" s="927" t="s">
        <v>3816</v>
      </c>
      <c r="UWO39" s="927" t="s">
        <v>3816</v>
      </c>
      <c r="UWP39" s="927" t="s">
        <v>3816</v>
      </c>
      <c r="UWQ39" s="927" t="s">
        <v>3816</v>
      </c>
      <c r="UWR39" s="927" t="s">
        <v>3816</v>
      </c>
      <c r="UWS39" s="927" t="s">
        <v>3816</v>
      </c>
      <c r="UWT39" s="927" t="s">
        <v>3816</v>
      </c>
      <c r="UWU39" s="927" t="s">
        <v>3816</v>
      </c>
      <c r="UWV39" s="927" t="s">
        <v>3816</v>
      </c>
      <c r="UWW39" s="927" t="s">
        <v>3816</v>
      </c>
      <c r="UWX39" s="927" t="s">
        <v>3816</v>
      </c>
      <c r="UWY39" s="927" t="s">
        <v>3816</v>
      </c>
      <c r="UWZ39" s="927" t="s">
        <v>3816</v>
      </c>
      <c r="UXA39" s="927" t="s">
        <v>3816</v>
      </c>
      <c r="UXB39" s="927" t="s">
        <v>3816</v>
      </c>
      <c r="UXC39" s="927" t="s">
        <v>3816</v>
      </c>
      <c r="UXD39" s="927" t="s">
        <v>3816</v>
      </c>
      <c r="UXE39" s="927" t="s">
        <v>3816</v>
      </c>
      <c r="UXF39" s="927" t="s">
        <v>3816</v>
      </c>
      <c r="UXG39" s="927" t="s">
        <v>3816</v>
      </c>
      <c r="UXH39" s="927" t="s">
        <v>3816</v>
      </c>
      <c r="UXI39" s="927" t="s">
        <v>3816</v>
      </c>
      <c r="UXJ39" s="927" t="s">
        <v>3816</v>
      </c>
      <c r="UXK39" s="927" t="s">
        <v>3816</v>
      </c>
      <c r="UXL39" s="927" t="s">
        <v>3816</v>
      </c>
      <c r="UXM39" s="927" t="s">
        <v>3816</v>
      </c>
      <c r="UXN39" s="927" t="s">
        <v>3816</v>
      </c>
      <c r="UXO39" s="927" t="s">
        <v>3816</v>
      </c>
      <c r="UXP39" s="927" t="s">
        <v>3816</v>
      </c>
      <c r="UXQ39" s="927" t="s">
        <v>3816</v>
      </c>
      <c r="UXR39" s="927" t="s">
        <v>3816</v>
      </c>
      <c r="UXS39" s="927" t="s">
        <v>3816</v>
      </c>
      <c r="UXT39" s="927" t="s">
        <v>3816</v>
      </c>
      <c r="UXU39" s="927" t="s">
        <v>3816</v>
      </c>
      <c r="UXV39" s="927" t="s">
        <v>3816</v>
      </c>
      <c r="UXW39" s="927" t="s">
        <v>3816</v>
      </c>
      <c r="UXX39" s="927" t="s">
        <v>3816</v>
      </c>
      <c r="UXY39" s="927" t="s">
        <v>3816</v>
      </c>
      <c r="UXZ39" s="927" t="s">
        <v>3816</v>
      </c>
      <c r="UYA39" s="927" t="s">
        <v>3816</v>
      </c>
      <c r="UYB39" s="927" t="s">
        <v>3816</v>
      </c>
      <c r="UYC39" s="927" t="s">
        <v>3816</v>
      </c>
      <c r="UYD39" s="927" t="s">
        <v>3816</v>
      </c>
      <c r="UYE39" s="927" t="s">
        <v>3816</v>
      </c>
      <c r="UYF39" s="927" t="s">
        <v>3816</v>
      </c>
      <c r="UYG39" s="927" t="s">
        <v>3816</v>
      </c>
      <c r="UYH39" s="927" t="s">
        <v>3816</v>
      </c>
      <c r="UYI39" s="927" t="s">
        <v>3816</v>
      </c>
      <c r="UYJ39" s="927" t="s">
        <v>3816</v>
      </c>
      <c r="UYK39" s="927" t="s">
        <v>3816</v>
      </c>
      <c r="UYL39" s="927" t="s">
        <v>3816</v>
      </c>
      <c r="UYM39" s="927" t="s">
        <v>3816</v>
      </c>
      <c r="UYN39" s="927" t="s">
        <v>3816</v>
      </c>
      <c r="UYO39" s="927" t="s">
        <v>3816</v>
      </c>
      <c r="UYP39" s="927" t="s">
        <v>3816</v>
      </c>
      <c r="UYQ39" s="927" t="s">
        <v>3816</v>
      </c>
      <c r="UYR39" s="927" t="s">
        <v>3816</v>
      </c>
      <c r="UYS39" s="927" t="s">
        <v>3816</v>
      </c>
      <c r="UYT39" s="927" t="s">
        <v>3816</v>
      </c>
      <c r="UYU39" s="927" t="s">
        <v>3816</v>
      </c>
      <c r="UYV39" s="927" t="s">
        <v>3816</v>
      </c>
      <c r="UYW39" s="927" t="s">
        <v>3816</v>
      </c>
      <c r="UYX39" s="927" t="s">
        <v>3816</v>
      </c>
      <c r="UYY39" s="927" t="s">
        <v>3816</v>
      </c>
      <c r="UYZ39" s="927" t="s">
        <v>3816</v>
      </c>
      <c r="UZA39" s="927" t="s">
        <v>3816</v>
      </c>
      <c r="UZB39" s="927" t="s">
        <v>3816</v>
      </c>
      <c r="UZC39" s="927" t="s">
        <v>3816</v>
      </c>
      <c r="UZD39" s="927" t="s">
        <v>3816</v>
      </c>
      <c r="UZE39" s="927" t="s">
        <v>3816</v>
      </c>
      <c r="UZF39" s="927" t="s">
        <v>3816</v>
      </c>
      <c r="UZG39" s="927" t="s">
        <v>3816</v>
      </c>
      <c r="UZH39" s="927" t="s">
        <v>3816</v>
      </c>
      <c r="UZI39" s="927" t="s">
        <v>3816</v>
      </c>
      <c r="UZJ39" s="927" t="s">
        <v>3816</v>
      </c>
      <c r="UZK39" s="927" t="s">
        <v>3816</v>
      </c>
      <c r="UZL39" s="927" t="s">
        <v>3816</v>
      </c>
      <c r="UZM39" s="927" t="s">
        <v>3816</v>
      </c>
      <c r="UZN39" s="927" t="s">
        <v>3816</v>
      </c>
      <c r="UZO39" s="927" t="s">
        <v>3816</v>
      </c>
      <c r="UZP39" s="927" t="s">
        <v>3816</v>
      </c>
      <c r="UZQ39" s="927" t="s">
        <v>3816</v>
      </c>
      <c r="UZR39" s="927" t="s">
        <v>3816</v>
      </c>
      <c r="UZS39" s="927" t="s">
        <v>3816</v>
      </c>
      <c r="UZT39" s="927" t="s">
        <v>3816</v>
      </c>
      <c r="UZU39" s="927" t="s">
        <v>3816</v>
      </c>
      <c r="UZV39" s="927" t="s">
        <v>3816</v>
      </c>
      <c r="UZW39" s="927" t="s">
        <v>3816</v>
      </c>
      <c r="UZX39" s="927" t="s">
        <v>3816</v>
      </c>
      <c r="UZY39" s="927" t="s">
        <v>3816</v>
      </c>
      <c r="UZZ39" s="927" t="s">
        <v>3816</v>
      </c>
      <c r="VAA39" s="927" t="s">
        <v>3816</v>
      </c>
      <c r="VAB39" s="927" t="s">
        <v>3816</v>
      </c>
      <c r="VAC39" s="927" t="s">
        <v>3816</v>
      </c>
      <c r="VAD39" s="927" t="s">
        <v>3816</v>
      </c>
      <c r="VAE39" s="927" t="s">
        <v>3816</v>
      </c>
      <c r="VAF39" s="927" t="s">
        <v>3816</v>
      </c>
      <c r="VAG39" s="927" t="s">
        <v>3816</v>
      </c>
      <c r="VAH39" s="927" t="s">
        <v>3816</v>
      </c>
      <c r="VAI39" s="927" t="s">
        <v>3816</v>
      </c>
      <c r="VAJ39" s="927" t="s">
        <v>3816</v>
      </c>
      <c r="VAK39" s="927" t="s">
        <v>3816</v>
      </c>
      <c r="VAL39" s="927" t="s">
        <v>3816</v>
      </c>
      <c r="VAM39" s="927" t="s">
        <v>3816</v>
      </c>
      <c r="VAN39" s="927" t="s">
        <v>3816</v>
      </c>
      <c r="VAO39" s="927" t="s">
        <v>3816</v>
      </c>
      <c r="VAP39" s="927" t="s">
        <v>3816</v>
      </c>
      <c r="VAQ39" s="927" t="s">
        <v>3816</v>
      </c>
      <c r="VAR39" s="927" t="s">
        <v>3816</v>
      </c>
      <c r="VAS39" s="927" t="s">
        <v>3816</v>
      </c>
      <c r="VAT39" s="927" t="s">
        <v>3816</v>
      </c>
      <c r="VAU39" s="927" t="s">
        <v>3816</v>
      </c>
      <c r="VAV39" s="927" t="s">
        <v>3816</v>
      </c>
      <c r="VAW39" s="927" t="s">
        <v>3816</v>
      </c>
      <c r="VAX39" s="927" t="s">
        <v>3816</v>
      </c>
      <c r="VAY39" s="927" t="s">
        <v>3816</v>
      </c>
      <c r="VAZ39" s="927" t="s">
        <v>3816</v>
      </c>
      <c r="VBA39" s="927" t="s">
        <v>3816</v>
      </c>
      <c r="VBB39" s="927" t="s">
        <v>3816</v>
      </c>
      <c r="VBC39" s="927" t="s">
        <v>3816</v>
      </c>
      <c r="VBD39" s="927" t="s">
        <v>3816</v>
      </c>
      <c r="VBE39" s="927" t="s">
        <v>3816</v>
      </c>
      <c r="VBF39" s="927" t="s">
        <v>3816</v>
      </c>
      <c r="VBG39" s="927" t="s">
        <v>3816</v>
      </c>
      <c r="VBH39" s="927" t="s">
        <v>3816</v>
      </c>
      <c r="VBI39" s="927" t="s">
        <v>3816</v>
      </c>
      <c r="VBJ39" s="927" t="s">
        <v>3816</v>
      </c>
      <c r="VBK39" s="927" t="s">
        <v>3816</v>
      </c>
      <c r="VBL39" s="927" t="s">
        <v>3816</v>
      </c>
      <c r="VBM39" s="927" t="s">
        <v>3816</v>
      </c>
      <c r="VBN39" s="927" t="s">
        <v>3816</v>
      </c>
      <c r="VBO39" s="927" t="s">
        <v>3816</v>
      </c>
      <c r="VBP39" s="927" t="s">
        <v>3816</v>
      </c>
      <c r="VBQ39" s="927" t="s">
        <v>3816</v>
      </c>
      <c r="VBR39" s="927" t="s">
        <v>3816</v>
      </c>
      <c r="VBS39" s="927" t="s">
        <v>3816</v>
      </c>
      <c r="VBT39" s="927" t="s">
        <v>3816</v>
      </c>
      <c r="VBU39" s="927" t="s">
        <v>3816</v>
      </c>
      <c r="VBV39" s="927" t="s">
        <v>3816</v>
      </c>
      <c r="VBW39" s="927" t="s">
        <v>3816</v>
      </c>
      <c r="VBX39" s="927" t="s">
        <v>3816</v>
      </c>
      <c r="VBY39" s="927" t="s">
        <v>3816</v>
      </c>
      <c r="VBZ39" s="927" t="s">
        <v>3816</v>
      </c>
      <c r="VCA39" s="927" t="s">
        <v>3816</v>
      </c>
      <c r="VCB39" s="927" t="s">
        <v>3816</v>
      </c>
      <c r="VCC39" s="927" t="s">
        <v>3816</v>
      </c>
      <c r="VCD39" s="927" t="s">
        <v>3816</v>
      </c>
      <c r="VCE39" s="927" t="s">
        <v>3816</v>
      </c>
      <c r="VCF39" s="927" t="s">
        <v>3816</v>
      </c>
      <c r="VCG39" s="927" t="s">
        <v>3816</v>
      </c>
      <c r="VCH39" s="927" t="s">
        <v>3816</v>
      </c>
      <c r="VCI39" s="927" t="s">
        <v>3816</v>
      </c>
      <c r="VCJ39" s="927" t="s">
        <v>3816</v>
      </c>
      <c r="VCK39" s="927" t="s">
        <v>3816</v>
      </c>
      <c r="VCL39" s="927" t="s">
        <v>3816</v>
      </c>
      <c r="VCM39" s="927" t="s">
        <v>3816</v>
      </c>
      <c r="VCN39" s="927" t="s">
        <v>3816</v>
      </c>
      <c r="VCO39" s="927" t="s">
        <v>3816</v>
      </c>
      <c r="VCP39" s="927" t="s">
        <v>3816</v>
      </c>
      <c r="VCQ39" s="927" t="s">
        <v>3816</v>
      </c>
      <c r="VCR39" s="927" t="s">
        <v>3816</v>
      </c>
      <c r="VCS39" s="927" t="s">
        <v>3816</v>
      </c>
      <c r="VCT39" s="927" t="s">
        <v>3816</v>
      </c>
      <c r="VCU39" s="927" t="s">
        <v>3816</v>
      </c>
      <c r="VCV39" s="927" t="s">
        <v>3816</v>
      </c>
      <c r="VCW39" s="927" t="s">
        <v>3816</v>
      </c>
      <c r="VCX39" s="927" t="s">
        <v>3816</v>
      </c>
      <c r="VCY39" s="927" t="s">
        <v>3816</v>
      </c>
      <c r="VCZ39" s="927" t="s">
        <v>3816</v>
      </c>
      <c r="VDA39" s="927" t="s">
        <v>3816</v>
      </c>
      <c r="VDB39" s="927" t="s">
        <v>3816</v>
      </c>
      <c r="VDC39" s="927" t="s">
        <v>3816</v>
      </c>
      <c r="VDD39" s="927" t="s">
        <v>3816</v>
      </c>
      <c r="VDE39" s="927" t="s">
        <v>3816</v>
      </c>
      <c r="VDF39" s="927" t="s">
        <v>3816</v>
      </c>
      <c r="VDG39" s="927" t="s">
        <v>3816</v>
      </c>
      <c r="VDH39" s="927" t="s">
        <v>3816</v>
      </c>
      <c r="VDI39" s="927" t="s">
        <v>3816</v>
      </c>
      <c r="VDJ39" s="927" t="s">
        <v>3816</v>
      </c>
      <c r="VDK39" s="927" t="s">
        <v>3816</v>
      </c>
      <c r="VDL39" s="927" t="s">
        <v>3816</v>
      </c>
      <c r="VDM39" s="927" t="s">
        <v>3816</v>
      </c>
      <c r="VDN39" s="927" t="s">
        <v>3816</v>
      </c>
      <c r="VDO39" s="927" t="s">
        <v>3816</v>
      </c>
      <c r="VDP39" s="927" t="s">
        <v>3816</v>
      </c>
      <c r="VDQ39" s="927" t="s">
        <v>3816</v>
      </c>
      <c r="VDR39" s="927" t="s">
        <v>3816</v>
      </c>
      <c r="VDS39" s="927" t="s">
        <v>3816</v>
      </c>
      <c r="VDT39" s="927" t="s">
        <v>3816</v>
      </c>
      <c r="VDU39" s="927" t="s">
        <v>3816</v>
      </c>
      <c r="VDV39" s="927" t="s">
        <v>3816</v>
      </c>
      <c r="VDW39" s="927" t="s">
        <v>3816</v>
      </c>
      <c r="VDX39" s="927" t="s">
        <v>3816</v>
      </c>
      <c r="VDY39" s="927" t="s">
        <v>3816</v>
      </c>
      <c r="VDZ39" s="927" t="s">
        <v>3816</v>
      </c>
      <c r="VEA39" s="927" t="s">
        <v>3816</v>
      </c>
      <c r="VEB39" s="927" t="s">
        <v>3816</v>
      </c>
      <c r="VEC39" s="927" t="s">
        <v>3816</v>
      </c>
      <c r="VED39" s="927" t="s">
        <v>3816</v>
      </c>
      <c r="VEE39" s="927" t="s">
        <v>3816</v>
      </c>
      <c r="VEF39" s="927" t="s">
        <v>3816</v>
      </c>
      <c r="VEG39" s="927" t="s">
        <v>3816</v>
      </c>
      <c r="VEH39" s="927" t="s">
        <v>3816</v>
      </c>
      <c r="VEI39" s="927" t="s">
        <v>3816</v>
      </c>
      <c r="VEJ39" s="927" t="s">
        <v>3816</v>
      </c>
      <c r="VEK39" s="927" t="s">
        <v>3816</v>
      </c>
      <c r="VEL39" s="927" t="s">
        <v>3816</v>
      </c>
      <c r="VEM39" s="927" t="s">
        <v>3816</v>
      </c>
      <c r="VEN39" s="927" t="s">
        <v>3816</v>
      </c>
      <c r="VEO39" s="927" t="s">
        <v>3816</v>
      </c>
      <c r="VEP39" s="927" t="s">
        <v>3816</v>
      </c>
      <c r="VEQ39" s="927" t="s">
        <v>3816</v>
      </c>
      <c r="VER39" s="927" t="s">
        <v>3816</v>
      </c>
      <c r="VES39" s="927" t="s">
        <v>3816</v>
      </c>
      <c r="VET39" s="927" t="s">
        <v>3816</v>
      </c>
      <c r="VEU39" s="927" t="s">
        <v>3816</v>
      </c>
      <c r="VEV39" s="927" t="s">
        <v>3816</v>
      </c>
      <c r="VEW39" s="927" t="s">
        <v>3816</v>
      </c>
      <c r="VEX39" s="927" t="s">
        <v>3816</v>
      </c>
      <c r="VEY39" s="927" t="s">
        <v>3816</v>
      </c>
      <c r="VEZ39" s="927" t="s">
        <v>3816</v>
      </c>
      <c r="VFA39" s="927" t="s">
        <v>3816</v>
      </c>
      <c r="VFB39" s="927" t="s">
        <v>3816</v>
      </c>
      <c r="VFC39" s="927" t="s">
        <v>3816</v>
      </c>
      <c r="VFD39" s="927" t="s">
        <v>3816</v>
      </c>
      <c r="VFE39" s="927" t="s">
        <v>3816</v>
      </c>
      <c r="VFF39" s="927" t="s">
        <v>3816</v>
      </c>
      <c r="VFG39" s="927" t="s">
        <v>3816</v>
      </c>
      <c r="VFH39" s="927" t="s">
        <v>3816</v>
      </c>
      <c r="VFI39" s="927" t="s">
        <v>3816</v>
      </c>
      <c r="VFJ39" s="927" t="s">
        <v>3816</v>
      </c>
      <c r="VFK39" s="927" t="s">
        <v>3816</v>
      </c>
      <c r="VFL39" s="927" t="s">
        <v>3816</v>
      </c>
      <c r="VFM39" s="927" t="s">
        <v>3816</v>
      </c>
      <c r="VFN39" s="927" t="s">
        <v>3816</v>
      </c>
      <c r="VFO39" s="927" t="s">
        <v>3816</v>
      </c>
      <c r="VFP39" s="927" t="s">
        <v>3816</v>
      </c>
      <c r="VFQ39" s="927" t="s">
        <v>3816</v>
      </c>
      <c r="VFR39" s="927" t="s">
        <v>3816</v>
      </c>
      <c r="VFS39" s="927" t="s">
        <v>3816</v>
      </c>
      <c r="VFT39" s="927" t="s">
        <v>3816</v>
      </c>
      <c r="VFU39" s="927" t="s">
        <v>3816</v>
      </c>
      <c r="VFV39" s="927" t="s">
        <v>3816</v>
      </c>
      <c r="VFW39" s="927" t="s">
        <v>3816</v>
      </c>
      <c r="VFX39" s="927" t="s">
        <v>3816</v>
      </c>
      <c r="VFY39" s="927" t="s">
        <v>3816</v>
      </c>
      <c r="VFZ39" s="927" t="s">
        <v>3816</v>
      </c>
      <c r="VGA39" s="927" t="s">
        <v>3816</v>
      </c>
      <c r="VGB39" s="927" t="s">
        <v>3816</v>
      </c>
      <c r="VGC39" s="927" t="s">
        <v>3816</v>
      </c>
      <c r="VGD39" s="927" t="s">
        <v>3816</v>
      </c>
      <c r="VGE39" s="927" t="s">
        <v>3816</v>
      </c>
      <c r="VGF39" s="927" t="s">
        <v>3816</v>
      </c>
      <c r="VGG39" s="927" t="s">
        <v>3816</v>
      </c>
      <c r="VGH39" s="927" t="s">
        <v>3816</v>
      </c>
      <c r="VGI39" s="927" t="s">
        <v>3816</v>
      </c>
      <c r="VGJ39" s="927" t="s">
        <v>3816</v>
      </c>
      <c r="VGK39" s="927" t="s">
        <v>3816</v>
      </c>
      <c r="VGL39" s="927" t="s">
        <v>3816</v>
      </c>
      <c r="VGM39" s="927" t="s">
        <v>3816</v>
      </c>
      <c r="VGN39" s="927" t="s">
        <v>3816</v>
      </c>
      <c r="VGO39" s="927" t="s">
        <v>3816</v>
      </c>
      <c r="VGP39" s="927" t="s">
        <v>3816</v>
      </c>
      <c r="VGQ39" s="927" t="s">
        <v>3816</v>
      </c>
      <c r="VGR39" s="927" t="s">
        <v>3816</v>
      </c>
      <c r="VGS39" s="927" t="s">
        <v>3816</v>
      </c>
      <c r="VGT39" s="927" t="s">
        <v>3816</v>
      </c>
      <c r="VGU39" s="927" t="s">
        <v>3816</v>
      </c>
      <c r="VGV39" s="927" t="s">
        <v>3816</v>
      </c>
      <c r="VGW39" s="927" t="s">
        <v>3816</v>
      </c>
      <c r="VGX39" s="927" t="s">
        <v>3816</v>
      </c>
      <c r="VGY39" s="927" t="s">
        <v>3816</v>
      </c>
      <c r="VGZ39" s="927" t="s">
        <v>3816</v>
      </c>
      <c r="VHA39" s="927" t="s">
        <v>3816</v>
      </c>
      <c r="VHB39" s="927" t="s">
        <v>3816</v>
      </c>
      <c r="VHC39" s="927" t="s">
        <v>3816</v>
      </c>
      <c r="VHD39" s="927" t="s">
        <v>3816</v>
      </c>
      <c r="VHE39" s="927" t="s">
        <v>3816</v>
      </c>
      <c r="VHF39" s="927" t="s">
        <v>3816</v>
      </c>
      <c r="VHG39" s="927" t="s">
        <v>3816</v>
      </c>
      <c r="VHH39" s="927" t="s">
        <v>3816</v>
      </c>
      <c r="VHI39" s="927" t="s">
        <v>3816</v>
      </c>
      <c r="VHJ39" s="927" t="s">
        <v>3816</v>
      </c>
      <c r="VHK39" s="927" t="s">
        <v>3816</v>
      </c>
      <c r="VHL39" s="927" t="s">
        <v>3816</v>
      </c>
      <c r="VHM39" s="927" t="s">
        <v>3816</v>
      </c>
      <c r="VHN39" s="927" t="s">
        <v>3816</v>
      </c>
      <c r="VHO39" s="927" t="s">
        <v>3816</v>
      </c>
      <c r="VHP39" s="927" t="s">
        <v>3816</v>
      </c>
      <c r="VHQ39" s="927" t="s">
        <v>3816</v>
      </c>
      <c r="VHR39" s="927" t="s">
        <v>3816</v>
      </c>
      <c r="VHS39" s="927" t="s">
        <v>3816</v>
      </c>
      <c r="VHT39" s="927" t="s">
        <v>3816</v>
      </c>
      <c r="VHU39" s="927" t="s">
        <v>3816</v>
      </c>
      <c r="VHV39" s="927" t="s">
        <v>3816</v>
      </c>
      <c r="VHW39" s="927" t="s">
        <v>3816</v>
      </c>
      <c r="VHX39" s="927" t="s">
        <v>3816</v>
      </c>
      <c r="VHY39" s="927" t="s">
        <v>3816</v>
      </c>
      <c r="VHZ39" s="927" t="s">
        <v>3816</v>
      </c>
      <c r="VIA39" s="927" t="s">
        <v>3816</v>
      </c>
      <c r="VIB39" s="927" t="s">
        <v>3816</v>
      </c>
      <c r="VIC39" s="927" t="s">
        <v>3816</v>
      </c>
      <c r="VID39" s="927" t="s">
        <v>3816</v>
      </c>
      <c r="VIE39" s="927" t="s">
        <v>3816</v>
      </c>
      <c r="VIF39" s="927" t="s">
        <v>3816</v>
      </c>
      <c r="VIG39" s="927" t="s">
        <v>3816</v>
      </c>
      <c r="VIH39" s="927" t="s">
        <v>3816</v>
      </c>
      <c r="VII39" s="927" t="s">
        <v>3816</v>
      </c>
      <c r="VIJ39" s="927" t="s">
        <v>3816</v>
      </c>
      <c r="VIK39" s="927" t="s">
        <v>3816</v>
      </c>
      <c r="VIL39" s="927" t="s">
        <v>3816</v>
      </c>
      <c r="VIM39" s="927" t="s">
        <v>3816</v>
      </c>
      <c r="VIN39" s="927" t="s">
        <v>3816</v>
      </c>
      <c r="VIO39" s="927" t="s">
        <v>3816</v>
      </c>
      <c r="VIP39" s="927" t="s">
        <v>3816</v>
      </c>
      <c r="VIQ39" s="927" t="s">
        <v>3816</v>
      </c>
      <c r="VIR39" s="927" t="s">
        <v>3816</v>
      </c>
      <c r="VIS39" s="927" t="s">
        <v>3816</v>
      </c>
      <c r="VIT39" s="927" t="s">
        <v>3816</v>
      </c>
      <c r="VIU39" s="927" t="s">
        <v>3816</v>
      </c>
      <c r="VIV39" s="927" t="s">
        <v>3816</v>
      </c>
      <c r="VIW39" s="927" t="s">
        <v>3816</v>
      </c>
      <c r="VIX39" s="927" t="s">
        <v>3816</v>
      </c>
      <c r="VIY39" s="927" t="s">
        <v>3816</v>
      </c>
      <c r="VIZ39" s="927" t="s">
        <v>3816</v>
      </c>
      <c r="VJA39" s="927" t="s">
        <v>3816</v>
      </c>
      <c r="VJB39" s="927" t="s">
        <v>3816</v>
      </c>
      <c r="VJC39" s="927" t="s">
        <v>3816</v>
      </c>
      <c r="VJD39" s="927" t="s">
        <v>3816</v>
      </c>
      <c r="VJE39" s="927" t="s">
        <v>3816</v>
      </c>
      <c r="VJF39" s="927" t="s">
        <v>3816</v>
      </c>
      <c r="VJG39" s="927" t="s">
        <v>3816</v>
      </c>
      <c r="VJH39" s="927" t="s">
        <v>3816</v>
      </c>
      <c r="VJI39" s="927" t="s">
        <v>3816</v>
      </c>
      <c r="VJJ39" s="927" t="s">
        <v>3816</v>
      </c>
      <c r="VJK39" s="927" t="s">
        <v>3816</v>
      </c>
      <c r="VJL39" s="927" t="s">
        <v>3816</v>
      </c>
      <c r="VJM39" s="927" t="s">
        <v>3816</v>
      </c>
      <c r="VJN39" s="927" t="s">
        <v>3816</v>
      </c>
      <c r="VJO39" s="927" t="s">
        <v>3816</v>
      </c>
      <c r="VJP39" s="927" t="s">
        <v>3816</v>
      </c>
      <c r="VJQ39" s="927" t="s">
        <v>3816</v>
      </c>
      <c r="VJR39" s="927" t="s">
        <v>3816</v>
      </c>
      <c r="VJS39" s="927" t="s">
        <v>3816</v>
      </c>
      <c r="VJT39" s="927" t="s">
        <v>3816</v>
      </c>
      <c r="VJU39" s="927" t="s">
        <v>3816</v>
      </c>
      <c r="VJV39" s="927" t="s">
        <v>3816</v>
      </c>
      <c r="VJW39" s="927" t="s">
        <v>3816</v>
      </c>
      <c r="VJX39" s="927" t="s">
        <v>3816</v>
      </c>
      <c r="VJY39" s="927" t="s">
        <v>3816</v>
      </c>
      <c r="VJZ39" s="927" t="s">
        <v>3816</v>
      </c>
      <c r="VKA39" s="927" t="s">
        <v>3816</v>
      </c>
      <c r="VKB39" s="927" t="s">
        <v>3816</v>
      </c>
      <c r="VKC39" s="927" t="s">
        <v>3816</v>
      </c>
      <c r="VKD39" s="927" t="s">
        <v>3816</v>
      </c>
      <c r="VKE39" s="927" t="s">
        <v>3816</v>
      </c>
      <c r="VKF39" s="927" t="s">
        <v>3816</v>
      </c>
      <c r="VKG39" s="927" t="s">
        <v>3816</v>
      </c>
      <c r="VKH39" s="927" t="s">
        <v>3816</v>
      </c>
      <c r="VKI39" s="927" t="s">
        <v>3816</v>
      </c>
      <c r="VKJ39" s="927" t="s">
        <v>3816</v>
      </c>
      <c r="VKK39" s="927" t="s">
        <v>3816</v>
      </c>
      <c r="VKL39" s="927" t="s">
        <v>3816</v>
      </c>
      <c r="VKM39" s="927" t="s">
        <v>3816</v>
      </c>
      <c r="VKN39" s="927" t="s">
        <v>3816</v>
      </c>
      <c r="VKO39" s="927" t="s">
        <v>3816</v>
      </c>
      <c r="VKP39" s="927" t="s">
        <v>3816</v>
      </c>
      <c r="VKQ39" s="927" t="s">
        <v>3816</v>
      </c>
      <c r="VKR39" s="927" t="s">
        <v>3816</v>
      </c>
      <c r="VKS39" s="927" t="s">
        <v>3816</v>
      </c>
      <c r="VKT39" s="927" t="s">
        <v>3816</v>
      </c>
      <c r="VKU39" s="927" t="s">
        <v>3816</v>
      </c>
      <c r="VKV39" s="927" t="s">
        <v>3816</v>
      </c>
      <c r="VKW39" s="927" t="s">
        <v>3816</v>
      </c>
      <c r="VKX39" s="927" t="s">
        <v>3816</v>
      </c>
      <c r="VKY39" s="927" t="s">
        <v>3816</v>
      </c>
      <c r="VKZ39" s="927" t="s">
        <v>3816</v>
      </c>
      <c r="VLA39" s="927" t="s">
        <v>3816</v>
      </c>
      <c r="VLB39" s="927" t="s">
        <v>3816</v>
      </c>
      <c r="VLC39" s="927" t="s">
        <v>3816</v>
      </c>
      <c r="VLD39" s="927" t="s">
        <v>3816</v>
      </c>
      <c r="VLE39" s="927" t="s">
        <v>3816</v>
      </c>
      <c r="VLF39" s="927" t="s">
        <v>3816</v>
      </c>
      <c r="VLG39" s="927" t="s">
        <v>3816</v>
      </c>
      <c r="VLH39" s="927" t="s">
        <v>3816</v>
      </c>
      <c r="VLI39" s="927" t="s">
        <v>3816</v>
      </c>
      <c r="VLJ39" s="927" t="s">
        <v>3816</v>
      </c>
      <c r="VLK39" s="927" t="s">
        <v>3816</v>
      </c>
      <c r="VLL39" s="927" t="s">
        <v>3816</v>
      </c>
      <c r="VLM39" s="927" t="s">
        <v>3816</v>
      </c>
      <c r="VLN39" s="927" t="s">
        <v>3816</v>
      </c>
      <c r="VLO39" s="927" t="s">
        <v>3816</v>
      </c>
      <c r="VLP39" s="927" t="s">
        <v>3816</v>
      </c>
      <c r="VLQ39" s="927" t="s">
        <v>3816</v>
      </c>
      <c r="VLR39" s="927" t="s">
        <v>3816</v>
      </c>
      <c r="VLS39" s="927" t="s">
        <v>3816</v>
      </c>
      <c r="VLT39" s="927" t="s">
        <v>3816</v>
      </c>
      <c r="VLU39" s="927" t="s">
        <v>3816</v>
      </c>
      <c r="VLV39" s="927" t="s">
        <v>3816</v>
      </c>
      <c r="VLW39" s="927" t="s">
        <v>3816</v>
      </c>
      <c r="VLX39" s="927" t="s">
        <v>3816</v>
      </c>
      <c r="VLY39" s="927" t="s">
        <v>3816</v>
      </c>
      <c r="VLZ39" s="927" t="s">
        <v>3816</v>
      </c>
      <c r="VMA39" s="927" t="s">
        <v>3816</v>
      </c>
      <c r="VMB39" s="927" t="s">
        <v>3816</v>
      </c>
      <c r="VMC39" s="927" t="s">
        <v>3816</v>
      </c>
      <c r="VMD39" s="927" t="s">
        <v>3816</v>
      </c>
      <c r="VME39" s="927" t="s">
        <v>3816</v>
      </c>
      <c r="VMF39" s="927" t="s">
        <v>3816</v>
      </c>
      <c r="VMG39" s="927" t="s">
        <v>3816</v>
      </c>
      <c r="VMH39" s="927" t="s">
        <v>3816</v>
      </c>
      <c r="VMI39" s="927" t="s">
        <v>3816</v>
      </c>
      <c r="VMJ39" s="927" t="s">
        <v>3816</v>
      </c>
      <c r="VMK39" s="927" t="s">
        <v>3816</v>
      </c>
      <c r="VML39" s="927" t="s">
        <v>3816</v>
      </c>
      <c r="VMM39" s="927" t="s">
        <v>3816</v>
      </c>
      <c r="VMN39" s="927" t="s">
        <v>3816</v>
      </c>
      <c r="VMO39" s="927" t="s">
        <v>3816</v>
      </c>
      <c r="VMP39" s="927" t="s">
        <v>3816</v>
      </c>
      <c r="VMQ39" s="927" t="s">
        <v>3816</v>
      </c>
      <c r="VMR39" s="927" t="s">
        <v>3816</v>
      </c>
      <c r="VMS39" s="927" t="s">
        <v>3816</v>
      </c>
      <c r="VMT39" s="927" t="s">
        <v>3816</v>
      </c>
      <c r="VMU39" s="927" t="s">
        <v>3816</v>
      </c>
      <c r="VMV39" s="927" t="s">
        <v>3816</v>
      </c>
      <c r="VMW39" s="927" t="s">
        <v>3816</v>
      </c>
      <c r="VMX39" s="927" t="s">
        <v>3816</v>
      </c>
      <c r="VMY39" s="927" t="s">
        <v>3816</v>
      </c>
      <c r="VMZ39" s="927" t="s">
        <v>3816</v>
      </c>
      <c r="VNA39" s="927" t="s">
        <v>3816</v>
      </c>
      <c r="VNB39" s="927" t="s">
        <v>3816</v>
      </c>
      <c r="VNC39" s="927" t="s">
        <v>3816</v>
      </c>
      <c r="VND39" s="927" t="s">
        <v>3816</v>
      </c>
      <c r="VNE39" s="927" t="s">
        <v>3816</v>
      </c>
      <c r="VNF39" s="927" t="s">
        <v>3816</v>
      </c>
      <c r="VNG39" s="927" t="s">
        <v>3816</v>
      </c>
      <c r="VNH39" s="927" t="s">
        <v>3816</v>
      </c>
      <c r="VNI39" s="927" t="s">
        <v>3816</v>
      </c>
      <c r="VNJ39" s="927" t="s">
        <v>3816</v>
      </c>
      <c r="VNK39" s="927" t="s">
        <v>3816</v>
      </c>
      <c r="VNL39" s="927" t="s">
        <v>3816</v>
      </c>
      <c r="VNM39" s="927" t="s">
        <v>3816</v>
      </c>
      <c r="VNN39" s="927" t="s">
        <v>3816</v>
      </c>
      <c r="VNO39" s="927" t="s">
        <v>3816</v>
      </c>
      <c r="VNP39" s="927" t="s">
        <v>3816</v>
      </c>
      <c r="VNQ39" s="927" t="s">
        <v>3816</v>
      </c>
      <c r="VNR39" s="927" t="s">
        <v>3816</v>
      </c>
      <c r="VNS39" s="927" t="s">
        <v>3816</v>
      </c>
      <c r="VNT39" s="927" t="s">
        <v>3816</v>
      </c>
      <c r="VNU39" s="927" t="s">
        <v>3816</v>
      </c>
      <c r="VNV39" s="927" t="s">
        <v>3816</v>
      </c>
      <c r="VNW39" s="927" t="s">
        <v>3816</v>
      </c>
      <c r="VNX39" s="927" t="s">
        <v>3816</v>
      </c>
      <c r="VNY39" s="927" t="s">
        <v>3816</v>
      </c>
      <c r="VNZ39" s="927" t="s">
        <v>3816</v>
      </c>
      <c r="VOA39" s="927" t="s">
        <v>3816</v>
      </c>
      <c r="VOB39" s="927" t="s">
        <v>3816</v>
      </c>
      <c r="VOC39" s="927" t="s">
        <v>3816</v>
      </c>
      <c r="VOD39" s="927" t="s">
        <v>3816</v>
      </c>
      <c r="VOE39" s="927" t="s">
        <v>3816</v>
      </c>
      <c r="VOF39" s="927" t="s">
        <v>3816</v>
      </c>
      <c r="VOG39" s="927" t="s">
        <v>3816</v>
      </c>
      <c r="VOH39" s="927" t="s">
        <v>3816</v>
      </c>
      <c r="VOI39" s="927" t="s">
        <v>3816</v>
      </c>
      <c r="VOJ39" s="927" t="s">
        <v>3816</v>
      </c>
      <c r="VOK39" s="927" t="s">
        <v>3816</v>
      </c>
      <c r="VOL39" s="927" t="s">
        <v>3816</v>
      </c>
      <c r="VOM39" s="927" t="s">
        <v>3816</v>
      </c>
      <c r="VON39" s="927" t="s">
        <v>3816</v>
      </c>
      <c r="VOO39" s="927" t="s">
        <v>3816</v>
      </c>
      <c r="VOP39" s="927" t="s">
        <v>3816</v>
      </c>
      <c r="VOQ39" s="927" t="s">
        <v>3816</v>
      </c>
      <c r="VOR39" s="927" t="s">
        <v>3816</v>
      </c>
      <c r="VOS39" s="927" t="s">
        <v>3816</v>
      </c>
      <c r="VOT39" s="927" t="s">
        <v>3816</v>
      </c>
      <c r="VOU39" s="927" t="s">
        <v>3816</v>
      </c>
      <c r="VOV39" s="927" t="s">
        <v>3816</v>
      </c>
      <c r="VOW39" s="927" t="s">
        <v>3816</v>
      </c>
      <c r="VOX39" s="927" t="s">
        <v>3816</v>
      </c>
      <c r="VOY39" s="927" t="s">
        <v>3816</v>
      </c>
      <c r="VOZ39" s="927" t="s">
        <v>3816</v>
      </c>
      <c r="VPA39" s="927" t="s">
        <v>3816</v>
      </c>
      <c r="VPB39" s="927" t="s">
        <v>3816</v>
      </c>
      <c r="VPC39" s="927" t="s">
        <v>3816</v>
      </c>
      <c r="VPD39" s="927" t="s">
        <v>3816</v>
      </c>
      <c r="VPE39" s="927" t="s">
        <v>3816</v>
      </c>
      <c r="VPF39" s="927" t="s">
        <v>3816</v>
      </c>
      <c r="VPG39" s="927" t="s">
        <v>3816</v>
      </c>
      <c r="VPH39" s="927" t="s">
        <v>3816</v>
      </c>
      <c r="VPI39" s="927" t="s">
        <v>3816</v>
      </c>
      <c r="VPJ39" s="927" t="s">
        <v>3816</v>
      </c>
      <c r="VPK39" s="927" t="s">
        <v>3816</v>
      </c>
      <c r="VPL39" s="927" t="s">
        <v>3816</v>
      </c>
      <c r="VPM39" s="927" t="s">
        <v>3816</v>
      </c>
      <c r="VPN39" s="927" t="s">
        <v>3816</v>
      </c>
      <c r="VPO39" s="927" t="s">
        <v>3816</v>
      </c>
      <c r="VPP39" s="927" t="s">
        <v>3816</v>
      </c>
      <c r="VPQ39" s="927" t="s">
        <v>3816</v>
      </c>
      <c r="VPR39" s="927" t="s">
        <v>3816</v>
      </c>
      <c r="VPS39" s="927" t="s">
        <v>3816</v>
      </c>
      <c r="VPT39" s="927" t="s">
        <v>3816</v>
      </c>
      <c r="VPU39" s="927" t="s">
        <v>3816</v>
      </c>
      <c r="VPV39" s="927" t="s">
        <v>3816</v>
      </c>
      <c r="VPW39" s="927" t="s">
        <v>3816</v>
      </c>
      <c r="VPX39" s="927" t="s">
        <v>3816</v>
      </c>
      <c r="VPY39" s="927" t="s">
        <v>3816</v>
      </c>
      <c r="VPZ39" s="927" t="s">
        <v>3816</v>
      </c>
      <c r="VQA39" s="927" t="s">
        <v>3816</v>
      </c>
      <c r="VQB39" s="927" t="s">
        <v>3816</v>
      </c>
      <c r="VQC39" s="927" t="s">
        <v>3816</v>
      </c>
      <c r="VQD39" s="927" t="s">
        <v>3816</v>
      </c>
      <c r="VQE39" s="927" t="s">
        <v>3816</v>
      </c>
      <c r="VQF39" s="927" t="s">
        <v>3816</v>
      </c>
      <c r="VQG39" s="927" t="s">
        <v>3816</v>
      </c>
      <c r="VQH39" s="927" t="s">
        <v>3816</v>
      </c>
      <c r="VQI39" s="927" t="s">
        <v>3816</v>
      </c>
      <c r="VQJ39" s="927" t="s">
        <v>3816</v>
      </c>
      <c r="VQK39" s="927" t="s">
        <v>3816</v>
      </c>
      <c r="VQL39" s="927" t="s">
        <v>3816</v>
      </c>
      <c r="VQM39" s="927" t="s">
        <v>3816</v>
      </c>
      <c r="VQN39" s="927" t="s">
        <v>3816</v>
      </c>
      <c r="VQO39" s="927" t="s">
        <v>3816</v>
      </c>
      <c r="VQP39" s="927" t="s">
        <v>3816</v>
      </c>
      <c r="VQQ39" s="927" t="s">
        <v>3816</v>
      </c>
      <c r="VQR39" s="927" t="s">
        <v>3816</v>
      </c>
      <c r="VQS39" s="927" t="s">
        <v>3816</v>
      </c>
      <c r="VQT39" s="927" t="s">
        <v>3816</v>
      </c>
      <c r="VQU39" s="927" t="s">
        <v>3816</v>
      </c>
      <c r="VQV39" s="927" t="s">
        <v>3816</v>
      </c>
      <c r="VQW39" s="927" t="s">
        <v>3816</v>
      </c>
      <c r="VQX39" s="927" t="s">
        <v>3816</v>
      </c>
      <c r="VQY39" s="927" t="s">
        <v>3816</v>
      </c>
      <c r="VQZ39" s="927" t="s">
        <v>3816</v>
      </c>
      <c r="VRA39" s="927" t="s">
        <v>3816</v>
      </c>
      <c r="VRB39" s="927" t="s">
        <v>3816</v>
      </c>
      <c r="VRC39" s="927" t="s">
        <v>3816</v>
      </c>
      <c r="VRD39" s="927" t="s">
        <v>3816</v>
      </c>
      <c r="VRE39" s="927" t="s">
        <v>3816</v>
      </c>
      <c r="VRF39" s="927" t="s">
        <v>3816</v>
      </c>
      <c r="VRG39" s="927" t="s">
        <v>3816</v>
      </c>
      <c r="VRH39" s="927" t="s">
        <v>3816</v>
      </c>
      <c r="VRI39" s="927" t="s">
        <v>3816</v>
      </c>
      <c r="VRJ39" s="927" t="s">
        <v>3816</v>
      </c>
      <c r="VRK39" s="927" t="s">
        <v>3816</v>
      </c>
      <c r="VRL39" s="927" t="s">
        <v>3816</v>
      </c>
      <c r="VRM39" s="927" t="s">
        <v>3816</v>
      </c>
      <c r="VRN39" s="927" t="s">
        <v>3816</v>
      </c>
      <c r="VRO39" s="927" t="s">
        <v>3816</v>
      </c>
      <c r="VRP39" s="927" t="s">
        <v>3816</v>
      </c>
      <c r="VRQ39" s="927" t="s">
        <v>3816</v>
      </c>
      <c r="VRR39" s="927" t="s">
        <v>3816</v>
      </c>
      <c r="VRS39" s="927" t="s">
        <v>3816</v>
      </c>
      <c r="VRT39" s="927" t="s">
        <v>3816</v>
      </c>
      <c r="VRU39" s="927" t="s">
        <v>3816</v>
      </c>
      <c r="VRV39" s="927" t="s">
        <v>3816</v>
      </c>
      <c r="VRW39" s="927" t="s">
        <v>3816</v>
      </c>
      <c r="VRX39" s="927" t="s">
        <v>3816</v>
      </c>
      <c r="VRY39" s="927" t="s">
        <v>3816</v>
      </c>
      <c r="VRZ39" s="927" t="s">
        <v>3816</v>
      </c>
      <c r="VSA39" s="927" t="s">
        <v>3816</v>
      </c>
      <c r="VSB39" s="927" t="s">
        <v>3816</v>
      </c>
      <c r="VSC39" s="927" t="s">
        <v>3816</v>
      </c>
      <c r="VSD39" s="927" t="s">
        <v>3816</v>
      </c>
      <c r="VSE39" s="927" t="s">
        <v>3816</v>
      </c>
      <c r="VSF39" s="927" t="s">
        <v>3816</v>
      </c>
      <c r="VSG39" s="927" t="s">
        <v>3816</v>
      </c>
      <c r="VSH39" s="927" t="s">
        <v>3816</v>
      </c>
      <c r="VSI39" s="927" t="s">
        <v>3816</v>
      </c>
      <c r="VSJ39" s="927" t="s">
        <v>3816</v>
      </c>
      <c r="VSK39" s="927" t="s">
        <v>3816</v>
      </c>
      <c r="VSL39" s="927" t="s">
        <v>3816</v>
      </c>
      <c r="VSM39" s="927" t="s">
        <v>3816</v>
      </c>
      <c r="VSN39" s="927" t="s">
        <v>3816</v>
      </c>
      <c r="VSO39" s="927" t="s">
        <v>3816</v>
      </c>
      <c r="VSP39" s="927" t="s">
        <v>3816</v>
      </c>
      <c r="VSQ39" s="927" t="s">
        <v>3816</v>
      </c>
      <c r="VSR39" s="927" t="s">
        <v>3816</v>
      </c>
      <c r="VSS39" s="927" t="s">
        <v>3816</v>
      </c>
      <c r="VST39" s="927" t="s">
        <v>3816</v>
      </c>
      <c r="VSU39" s="927" t="s">
        <v>3816</v>
      </c>
      <c r="VSV39" s="927" t="s">
        <v>3816</v>
      </c>
      <c r="VSW39" s="927" t="s">
        <v>3816</v>
      </c>
      <c r="VSX39" s="927" t="s">
        <v>3816</v>
      </c>
      <c r="VSY39" s="927" t="s">
        <v>3816</v>
      </c>
      <c r="VSZ39" s="927" t="s">
        <v>3816</v>
      </c>
      <c r="VTA39" s="927" t="s">
        <v>3816</v>
      </c>
      <c r="VTB39" s="927" t="s">
        <v>3816</v>
      </c>
      <c r="VTC39" s="927" t="s">
        <v>3816</v>
      </c>
      <c r="VTD39" s="927" t="s">
        <v>3816</v>
      </c>
      <c r="VTE39" s="927" t="s">
        <v>3816</v>
      </c>
      <c r="VTF39" s="927" t="s">
        <v>3816</v>
      </c>
      <c r="VTG39" s="927" t="s">
        <v>3816</v>
      </c>
      <c r="VTH39" s="927" t="s">
        <v>3816</v>
      </c>
      <c r="VTI39" s="927" t="s">
        <v>3816</v>
      </c>
      <c r="VTJ39" s="927" t="s">
        <v>3816</v>
      </c>
      <c r="VTK39" s="927" t="s">
        <v>3816</v>
      </c>
      <c r="VTL39" s="927" t="s">
        <v>3816</v>
      </c>
      <c r="VTM39" s="927" t="s">
        <v>3816</v>
      </c>
      <c r="VTN39" s="927" t="s">
        <v>3816</v>
      </c>
      <c r="VTO39" s="927" t="s">
        <v>3816</v>
      </c>
      <c r="VTP39" s="927" t="s">
        <v>3816</v>
      </c>
      <c r="VTQ39" s="927" t="s">
        <v>3816</v>
      </c>
      <c r="VTR39" s="927" t="s">
        <v>3816</v>
      </c>
      <c r="VTS39" s="927" t="s">
        <v>3816</v>
      </c>
      <c r="VTT39" s="927" t="s">
        <v>3816</v>
      </c>
      <c r="VTU39" s="927" t="s">
        <v>3816</v>
      </c>
      <c r="VTV39" s="927" t="s">
        <v>3816</v>
      </c>
      <c r="VTW39" s="927" t="s">
        <v>3816</v>
      </c>
      <c r="VTX39" s="927" t="s">
        <v>3816</v>
      </c>
      <c r="VTY39" s="927" t="s">
        <v>3816</v>
      </c>
      <c r="VTZ39" s="927" t="s">
        <v>3816</v>
      </c>
      <c r="VUA39" s="927" t="s">
        <v>3816</v>
      </c>
      <c r="VUB39" s="927" t="s">
        <v>3816</v>
      </c>
      <c r="VUC39" s="927" t="s">
        <v>3816</v>
      </c>
      <c r="VUD39" s="927" t="s">
        <v>3816</v>
      </c>
      <c r="VUE39" s="927" t="s">
        <v>3816</v>
      </c>
      <c r="VUF39" s="927" t="s">
        <v>3816</v>
      </c>
      <c r="VUG39" s="927" t="s">
        <v>3816</v>
      </c>
      <c r="VUH39" s="927" t="s">
        <v>3816</v>
      </c>
      <c r="VUI39" s="927" t="s">
        <v>3816</v>
      </c>
      <c r="VUJ39" s="927" t="s">
        <v>3816</v>
      </c>
      <c r="VUK39" s="927" t="s">
        <v>3816</v>
      </c>
      <c r="VUL39" s="927" t="s">
        <v>3816</v>
      </c>
      <c r="VUM39" s="927" t="s">
        <v>3816</v>
      </c>
      <c r="VUN39" s="927" t="s">
        <v>3816</v>
      </c>
      <c r="VUO39" s="927" t="s">
        <v>3816</v>
      </c>
      <c r="VUP39" s="927" t="s">
        <v>3816</v>
      </c>
      <c r="VUQ39" s="927" t="s">
        <v>3816</v>
      </c>
      <c r="VUR39" s="927" t="s">
        <v>3816</v>
      </c>
      <c r="VUS39" s="927" t="s">
        <v>3816</v>
      </c>
      <c r="VUT39" s="927" t="s">
        <v>3816</v>
      </c>
      <c r="VUU39" s="927" t="s">
        <v>3816</v>
      </c>
      <c r="VUV39" s="927" t="s">
        <v>3816</v>
      </c>
      <c r="VUW39" s="927" t="s">
        <v>3816</v>
      </c>
      <c r="VUX39" s="927" t="s">
        <v>3816</v>
      </c>
      <c r="VUY39" s="927" t="s">
        <v>3816</v>
      </c>
      <c r="VUZ39" s="927" t="s">
        <v>3816</v>
      </c>
      <c r="VVA39" s="927" t="s">
        <v>3816</v>
      </c>
      <c r="VVB39" s="927" t="s">
        <v>3816</v>
      </c>
      <c r="VVC39" s="927" t="s">
        <v>3816</v>
      </c>
      <c r="VVD39" s="927" t="s">
        <v>3816</v>
      </c>
      <c r="VVE39" s="927" t="s">
        <v>3816</v>
      </c>
      <c r="VVF39" s="927" t="s">
        <v>3816</v>
      </c>
      <c r="VVG39" s="927" t="s">
        <v>3816</v>
      </c>
      <c r="VVH39" s="927" t="s">
        <v>3816</v>
      </c>
      <c r="VVI39" s="927" t="s">
        <v>3816</v>
      </c>
      <c r="VVJ39" s="927" t="s">
        <v>3816</v>
      </c>
      <c r="VVK39" s="927" t="s">
        <v>3816</v>
      </c>
      <c r="VVL39" s="927" t="s">
        <v>3816</v>
      </c>
      <c r="VVM39" s="927" t="s">
        <v>3816</v>
      </c>
      <c r="VVN39" s="927" t="s">
        <v>3816</v>
      </c>
      <c r="VVO39" s="927" t="s">
        <v>3816</v>
      </c>
      <c r="VVP39" s="927" t="s">
        <v>3816</v>
      </c>
      <c r="VVQ39" s="927" t="s">
        <v>3816</v>
      </c>
      <c r="VVR39" s="927" t="s">
        <v>3816</v>
      </c>
      <c r="VVS39" s="927" t="s">
        <v>3816</v>
      </c>
      <c r="VVT39" s="927" t="s">
        <v>3816</v>
      </c>
      <c r="VVU39" s="927" t="s">
        <v>3816</v>
      </c>
      <c r="VVV39" s="927" t="s">
        <v>3816</v>
      </c>
      <c r="VVW39" s="927" t="s">
        <v>3816</v>
      </c>
      <c r="VVX39" s="927" t="s">
        <v>3816</v>
      </c>
      <c r="VVY39" s="927" t="s">
        <v>3816</v>
      </c>
      <c r="VVZ39" s="927" t="s">
        <v>3816</v>
      </c>
      <c r="VWA39" s="927" t="s">
        <v>3816</v>
      </c>
      <c r="VWB39" s="927" t="s">
        <v>3816</v>
      </c>
      <c r="VWC39" s="927" t="s">
        <v>3816</v>
      </c>
      <c r="VWD39" s="927" t="s">
        <v>3816</v>
      </c>
      <c r="VWE39" s="927" t="s">
        <v>3816</v>
      </c>
      <c r="VWF39" s="927" t="s">
        <v>3816</v>
      </c>
      <c r="VWG39" s="927" t="s">
        <v>3816</v>
      </c>
      <c r="VWH39" s="927" t="s">
        <v>3816</v>
      </c>
      <c r="VWI39" s="927" t="s">
        <v>3816</v>
      </c>
      <c r="VWJ39" s="927" t="s">
        <v>3816</v>
      </c>
      <c r="VWK39" s="927" t="s">
        <v>3816</v>
      </c>
      <c r="VWL39" s="927" t="s">
        <v>3816</v>
      </c>
      <c r="VWM39" s="927" t="s">
        <v>3816</v>
      </c>
      <c r="VWN39" s="927" t="s">
        <v>3816</v>
      </c>
      <c r="VWO39" s="927" t="s">
        <v>3816</v>
      </c>
      <c r="VWP39" s="927" t="s">
        <v>3816</v>
      </c>
      <c r="VWQ39" s="927" t="s">
        <v>3816</v>
      </c>
      <c r="VWR39" s="927" t="s">
        <v>3816</v>
      </c>
      <c r="VWS39" s="927" t="s">
        <v>3816</v>
      </c>
      <c r="VWT39" s="927" t="s">
        <v>3816</v>
      </c>
      <c r="VWU39" s="927" t="s">
        <v>3816</v>
      </c>
      <c r="VWV39" s="927" t="s">
        <v>3816</v>
      </c>
      <c r="VWW39" s="927" t="s">
        <v>3816</v>
      </c>
      <c r="VWX39" s="927" t="s">
        <v>3816</v>
      </c>
      <c r="VWY39" s="927" t="s">
        <v>3816</v>
      </c>
      <c r="VWZ39" s="927" t="s">
        <v>3816</v>
      </c>
      <c r="VXA39" s="927" t="s">
        <v>3816</v>
      </c>
      <c r="VXB39" s="927" t="s">
        <v>3816</v>
      </c>
      <c r="VXC39" s="927" t="s">
        <v>3816</v>
      </c>
      <c r="VXD39" s="927" t="s">
        <v>3816</v>
      </c>
      <c r="VXE39" s="927" t="s">
        <v>3816</v>
      </c>
      <c r="VXF39" s="927" t="s">
        <v>3816</v>
      </c>
      <c r="VXG39" s="927" t="s">
        <v>3816</v>
      </c>
      <c r="VXH39" s="927" t="s">
        <v>3816</v>
      </c>
      <c r="VXI39" s="927" t="s">
        <v>3816</v>
      </c>
      <c r="VXJ39" s="927" t="s">
        <v>3816</v>
      </c>
      <c r="VXK39" s="927" t="s">
        <v>3816</v>
      </c>
      <c r="VXL39" s="927" t="s">
        <v>3816</v>
      </c>
      <c r="VXM39" s="927" t="s">
        <v>3816</v>
      </c>
      <c r="VXN39" s="927" t="s">
        <v>3816</v>
      </c>
      <c r="VXO39" s="927" t="s">
        <v>3816</v>
      </c>
      <c r="VXP39" s="927" t="s">
        <v>3816</v>
      </c>
      <c r="VXQ39" s="927" t="s">
        <v>3816</v>
      </c>
      <c r="VXR39" s="927" t="s">
        <v>3816</v>
      </c>
      <c r="VXS39" s="927" t="s">
        <v>3816</v>
      </c>
      <c r="VXT39" s="927" t="s">
        <v>3816</v>
      </c>
      <c r="VXU39" s="927" t="s">
        <v>3816</v>
      </c>
      <c r="VXV39" s="927" t="s">
        <v>3816</v>
      </c>
      <c r="VXW39" s="927" t="s">
        <v>3816</v>
      </c>
      <c r="VXX39" s="927" t="s">
        <v>3816</v>
      </c>
      <c r="VXY39" s="927" t="s">
        <v>3816</v>
      </c>
      <c r="VXZ39" s="927" t="s">
        <v>3816</v>
      </c>
      <c r="VYA39" s="927" t="s">
        <v>3816</v>
      </c>
      <c r="VYB39" s="927" t="s">
        <v>3816</v>
      </c>
      <c r="VYC39" s="927" t="s">
        <v>3816</v>
      </c>
      <c r="VYD39" s="927" t="s">
        <v>3816</v>
      </c>
      <c r="VYE39" s="927" t="s">
        <v>3816</v>
      </c>
      <c r="VYF39" s="927" t="s">
        <v>3816</v>
      </c>
      <c r="VYG39" s="927" t="s">
        <v>3816</v>
      </c>
      <c r="VYH39" s="927" t="s">
        <v>3816</v>
      </c>
      <c r="VYI39" s="927" t="s">
        <v>3816</v>
      </c>
      <c r="VYJ39" s="927" t="s">
        <v>3816</v>
      </c>
      <c r="VYK39" s="927" t="s">
        <v>3816</v>
      </c>
      <c r="VYL39" s="927" t="s">
        <v>3816</v>
      </c>
      <c r="VYM39" s="927" t="s">
        <v>3816</v>
      </c>
      <c r="VYN39" s="927" t="s">
        <v>3816</v>
      </c>
      <c r="VYO39" s="927" t="s">
        <v>3816</v>
      </c>
      <c r="VYP39" s="927" t="s">
        <v>3816</v>
      </c>
      <c r="VYQ39" s="927" t="s">
        <v>3816</v>
      </c>
      <c r="VYR39" s="927" t="s">
        <v>3816</v>
      </c>
      <c r="VYS39" s="927" t="s">
        <v>3816</v>
      </c>
      <c r="VYT39" s="927" t="s">
        <v>3816</v>
      </c>
      <c r="VYU39" s="927" t="s">
        <v>3816</v>
      </c>
      <c r="VYV39" s="927" t="s">
        <v>3816</v>
      </c>
      <c r="VYW39" s="927" t="s">
        <v>3816</v>
      </c>
      <c r="VYX39" s="927" t="s">
        <v>3816</v>
      </c>
      <c r="VYY39" s="927" t="s">
        <v>3816</v>
      </c>
      <c r="VYZ39" s="927" t="s">
        <v>3816</v>
      </c>
      <c r="VZA39" s="927" t="s">
        <v>3816</v>
      </c>
      <c r="VZB39" s="927" t="s">
        <v>3816</v>
      </c>
      <c r="VZC39" s="927" t="s">
        <v>3816</v>
      </c>
      <c r="VZD39" s="927" t="s">
        <v>3816</v>
      </c>
      <c r="VZE39" s="927" t="s">
        <v>3816</v>
      </c>
      <c r="VZF39" s="927" t="s">
        <v>3816</v>
      </c>
      <c r="VZG39" s="927" t="s">
        <v>3816</v>
      </c>
      <c r="VZH39" s="927" t="s">
        <v>3816</v>
      </c>
      <c r="VZI39" s="927" t="s">
        <v>3816</v>
      </c>
      <c r="VZJ39" s="927" t="s">
        <v>3816</v>
      </c>
      <c r="VZK39" s="927" t="s">
        <v>3816</v>
      </c>
      <c r="VZL39" s="927" t="s">
        <v>3816</v>
      </c>
      <c r="VZM39" s="927" t="s">
        <v>3816</v>
      </c>
      <c r="VZN39" s="927" t="s">
        <v>3816</v>
      </c>
      <c r="VZO39" s="927" t="s">
        <v>3816</v>
      </c>
      <c r="VZP39" s="927" t="s">
        <v>3816</v>
      </c>
      <c r="VZQ39" s="927" t="s">
        <v>3816</v>
      </c>
      <c r="VZR39" s="927" t="s">
        <v>3816</v>
      </c>
      <c r="VZS39" s="927" t="s">
        <v>3816</v>
      </c>
      <c r="VZT39" s="927" t="s">
        <v>3816</v>
      </c>
      <c r="VZU39" s="927" t="s">
        <v>3816</v>
      </c>
      <c r="VZV39" s="927" t="s">
        <v>3816</v>
      </c>
      <c r="VZW39" s="927" t="s">
        <v>3816</v>
      </c>
      <c r="VZX39" s="927" t="s">
        <v>3816</v>
      </c>
      <c r="VZY39" s="927" t="s">
        <v>3816</v>
      </c>
      <c r="VZZ39" s="927" t="s">
        <v>3816</v>
      </c>
      <c r="WAA39" s="927" t="s">
        <v>3816</v>
      </c>
      <c r="WAB39" s="927" t="s">
        <v>3816</v>
      </c>
      <c r="WAC39" s="927" t="s">
        <v>3816</v>
      </c>
      <c r="WAD39" s="927" t="s">
        <v>3816</v>
      </c>
      <c r="WAE39" s="927" t="s">
        <v>3816</v>
      </c>
      <c r="WAF39" s="927" t="s">
        <v>3816</v>
      </c>
      <c r="WAG39" s="927" t="s">
        <v>3816</v>
      </c>
      <c r="WAH39" s="927" t="s">
        <v>3816</v>
      </c>
      <c r="WAI39" s="927" t="s">
        <v>3816</v>
      </c>
      <c r="WAJ39" s="927" t="s">
        <v>3816</v>
      </c>
      <c r="WAK39" s="927" t="s">
        <v>3816</v>
      </c>
      <c r="WAL39" s="927" t="s">
        <v>3816</v>
      </c>
      <c r="WAM39" s="927" t="s">
        <v>3816</v>
      </c>
      <c r="WAN39" s="927" t="s">
        <v>3816</v>
      </c>
      <c r="WAO39" s="927" t="s">
        <v>3816</v>
      </c>
      <c r="WAP39" s="927" t="s">
        <v>3816</v>
      </c>
      <c r="WAQ39" s="927" t="s">
        <v>3816</v>
      </c>
      <c r="WAR39" s="927" t="s">
        <v>3816</v>
      </c>
      <c r="WAS39" s="927" t="s">
        <v>3816</v>
      </c>
      <c r="WAT39" s="927" t="s">
        <v>3816</v>
      </c>
      <c r="WAU39" s="927" t="s">
        <v>3816</v>
      </c>
      <c r="WAV39" s="927" t="s">
        <v>3816</v>
      </c>
      <c r="WAW39" s="927" t="s">
        <v>3816</v>
      </c>
      <c r="WAX39" s="927" t="s">
        <v>3816</v>
      </c>
      <c r="WAY39" s="927" t="s">
        <v>3816</v>
      </c>
      <c r="WAZ39" s="927" t="s">
        <v>3816</v>
      </c>
      <c r="WBA39" s="927" t="s">
        <v>3816</v>
      </c>
      <c r="WBB39" s="927" t="s">
        <v>3816</v>
      </c>
      <c r="WBC39" s="927" t="s">
        <v>3816</v>
      </c>
      <c r="WBD39" s="927" t="s">
        <v>3816</v>
      </c>
      <c r="WBE39" s="927" t="s">
        <v>3816</v>
      </c>
      <c r="WBF39" s="927" t="s">
        <v>3816</v>
      </c>
      <c r="WBG39" s="927" t="s">
        <v>3816</v>
      </c>
      <c r="WBH39" s="927" t="s">
        <v>3816</v>
      </c>
      <c r="WBI39" s="927" t="s">
        <v>3816</v>
      </c>
      <c r="WBJ39" s="927" t="s">
        <v>3816</v>
      </c>
      <c r="WBK39" s="927" t="s">
        <v>3816</v>
      </c>
      <c r="WBL39" s="927" t="s">
        <v>3816</v>
      </c>
      <c r="WBM39" s="927" t="s">
        <v>3816</v>
      </c>
      <c r="WBN39" s="927" t="s">
        <v>3816</v>
      </c>
      <c r="WBO39" s="927" t="s">
        <v>3816</v>
      </c>
      <c r="WBP39" s="927" t="s">
        <v>3816</v>
      </c>
      <c r="WBQ39" s="927" t="s">
        <v>3816</v>
      </c>
      <c r="WBR39" s="927" t="s">
        <v>3816</v>
      </c>
      <c r="WBS39" s="927" t="s">
        <v>3816</v>
      </c>
      <c r="WBT39" s="927" t="s">
        <v>3816</v>
      </c>
      <c r="WBU39" s="927" t="s">
        <v>3816</v>
      </c>
      <c r="WBV39" s="927" t="s">
        <v>3816</v>
      </c>
      <c r="WBW39" s="927" t="s">
        <v>3816</v>
      </c>
      <c r="WBX39" s="927" t="s">
        <v>3816</v>
      </c>
      <c r="WBY39" s="927" t="s">
        <v>3816</v>
      </c>
      <c r="WBZ39" s="927" t="s">
        <v>3816</v>
      </c>
      <c r="WCA39" s="927" t="s">
        <v>3816</v>
      </c>
      <c r="WCB39" s="927" t="s">
        <v>3816</v>
      </c>
      <c r="WCC39" s="927" t="s">
        <v>3816</v>
      </c>
      <c r="WCD39" s="927" t="s">
        <v>3816</v>
      </c>
      <c r="WCE39" s="927" t="s">
        <v>3816</v>
      </c>
      <c r="WCF39" s="927" t="s">
        <v>3816</v>
      </c>
      <c r="WCG39" s="927" t="s">
        <v>3816</v>
      </c>
      <c r="WCH39" s="927" t="s">
        <v>3816</v>
      </c>
      <c r="WCI39" s="927" t="s">
        <v>3816</v>
      </c>
      <c r="WCJ39" s="927" t="s">
        <v>3816</v>
      </c>
      <c r="WCK39" s="927" t="s">
        <v>3816</v>
      </c>
      <c r="WCL39" s="927" t="s">
        <v>3816</v>
      </c>
      <c r="WCM39" s="927" t="s">
        <v>3816</v>
      </c>
      <c r="WCN39" s="927" t="s">
        <v>3816</v>
      </c>
      <c r="WCO39" s="927" t="s">
        <v>3816</v>
      </c>
      <c r="WCP39" s="927" t="s">
        <v>3816</v>
      </c>
      <c r="WCQ39" s="927" t="s">
        <v>3816</v>
      </c>
      <c r="WCR39" s="927" t="s">
        <v>3816</v>
      </c>
      <c r="WCS39" s="927" t="s">
        <v>3816</v>
      </c>
      <c r="WCT39" s="927" t="s">
        <v>3816</v>
      </c>
      <c r="WCU39" s="927" t="s">
        <v>3816</v>
      </c>
      <c r="WCV39" s="927" t="s">
        <v>3816</v>
      </c>
      <c r="WCW39" s="927" t="s">
        <v>3816</v>
      </c>
      <c r="WCX39" s="927" t="s">
        <v>3816</v>
      </c>
      <c r="WCY39" s="927" t="s">
        <v>3816</v>
      </c>
      <c r="WCZ39" s="927" t="s">
        <v>3816</v>
      </c>
      <c r="WDA39" s="927" t="s">
        <v>3816</v>
      </c>
      <c r="WDB39" s="927" t="s">
        <v>3816</v>
      </c>
      <c r="WDC39" s="927" t="s">
        <v>3816</v>
      </c>
      <c r="WDD39" s="927" t="s">
        <v>3816</v>
      </c>
      <c r="WDE39" s="927" t="s">
        <v>3816</v>
      </c>
      <c r="WDF39" s="927" t="s">
        <v>3816</v>
      </c>
      <c r="WDG39" s="927" t="s">
        <v>3816</v>
      </c>
      <c r="WDH39" s="927" t="s">
        <v>3816</v>
      </c>
      <c r="WDI39" s="927" t="s">
        <v>3816</v>
      </c>
      <c r="WDJ39" s="927" t="s">
        <v>3816</v>
      </c>
      <c r="WDK39" s="927" t="s">
        <v>3816</v>
      </c>
      <c r="WDL39" s="927" t="s">
        <v>3816</v>
      </c>
      <c r="WDM39" s="927" t="s">
        <v>3816</v>
      </c>
      <c r="WDN39" s="927" t="s">
        <v>3816</v>
      </c>
      <c r="WDO39" s="927" t="s">
        <v>3816</v>
      </c>
      <c r="WDP39" s="927" t="s">
        <v>3816</v>
      </c>
      <c r="WDQ39" s="927" t="s">
        <v>3816</v>
      </c>
      <c r="WDR39" s="927" t="s">
        <v>3816</v>
      </c>
      <c r="WDS39" s="927" t="s">
        <v>3816</v>
      </c>
      <c r="WDT39" s="927" t="s">
        <v>3816</v>
      </c>
      <c r="WDU39" s="927" t="s">
        <v>3816</v>
      </c>
      <c r="WDV39" s="927" t="s">
        <v>3816</v>
      </c>
      <c r="WDW39" s="927" t="s">
        <v>3816</v>
      </c>
      <c r="WDX39" s="927" t="s">
        <v>3816</v>
      </c>
      <c r="WDY39" s="927" t="s">
        <v>3816</v>
      </c>
      <c r="WDZ39" s="927" t="s">
        <v>3816</v>
      </c>
      <c r="WEA39" s="927" t="s">
        <v>3816</v>
      </c>
      <c r="WEB39" s="927" t="s">
        <v>3816</v>
      </c>
      <c r="WEC39" s="927" t="s">
        <v>3816</v>
      </c>
      <c r="WED39" s="927" t="s">
        <v>3816</v>
      </c>
      <c r="WEE39" s="927" t="s">
        <v>3816</v>
      </c>
      <c r="WEF39" s="927" t="s">
        <v>3816</v>
      </c>
      <c r="WEG39" s="927" t="s">
        <v>3816</v>
      </c>
      <c r="WEH39" s="927" t="s">
        <v>3816</v>
      </c>
      <c r="WEI39" s="927" t="s">
        <v>3816</v>
      </c>
      <c r="WEJ39" s="927" t="s">
        <v>3816</v>
      </c>
      <c r="WEK39" s="927" t="s">
        <v>3816</v>
      </c>
      <c r="WEL39" s="927" t="s">
        <v>3816</v>
      </c>
      <c r="WEM39" s="927" t="s">
        <v>3816</v>
      </c>
      <c r="WEN39" s="927" t="s">
        <v>3816</v>
      </c>
      <c r="WEO39" s="927" t="s">
        <v>3816</v>
      </c>
      <c r="WEP39" s="927" t="s">
        <v>3816</v>
      </c>
      <c r="WEQ39" s="927" t="s">
        <v>3816</v>
      </c>
      <c r="WER39" s="927" t="s">
        <v>3816</v>
      </c>
      <c r="WES39" s="927" t="s">
        <v>3816</v>
      </c>
      <c r="WET39" s="927" t="s">
        <v>3816</v>
      </c>
      <c r="WEU39" s="927" t="s">
        <v>3816</v>
      </c>
      <c r="WEV39" s="927" t="s">
        <v>3816</v>
      </c>
      <c r="WEW39" s="927" t="s">
        <v>3816</v>
      </c>
      <c r="WEX39" s="927" t="s">
        <v>3816</v>
      </c>
      <c r="WEY39" s="927" t="s">
        <v>3816</v>
      </c>
      <c r="WEZ39" s="927" t="s">
        <v>3816</v>
      </c>
      <c r="WFA39" s="927" t="s">
        <v>3816</v>
      </c>
      <c r="WFB39" s="927" t="s">
        <v>3816</v>
      </c>
      <c r="WFC39" s="927" t="s">
        <v>3816</v>
      </c>
      <c r="WFD39" s="927" t="s">
        <v>3816</v>
      </c>
      <c r="WFE39" s="927" t="s">
        <v>3816</v>
      </c>
      <c r="WFF39" s="927" t="s">
        <v>3816</v>
      </c>
      <c r="WFG39" s="927" t="s">
        <v>3816</v>
      </c>
      <c r="WFH39" s="927" t="s">
        <v>3816</v>
      </c>
      <c r="WFI39" s="927" t="s">
        <v>3816</v>
      </c>
      <c r="WFJ39" s="927" t="s">
        <v>3816</v>
      </c>
      <c r="WFK39" s="927" t="s">
        <v>3816</v>
      </c>
      <c r="WFL39" s="927" t="s">
        <v>3816</v>
      </c>
      <c r="WFM39" s="927" t="s">
        <v>3816</v>
      </c>
      <c r="WFN39" s="927" t="s">
        <v>3816</v>
      </c>
      <c r="WFO39" s="927" t="s">
        <v>3816</v>
      </c>
      <c r="WFP39" s="927" t="s">
        <v>3816</v>
      </c>
      <c r="WFQ39" s="927" t="s">
        <v>3816</v>
      </c>
      <c r="WFR39" s="927" t="s">
        <v>3816</v>
      </c>
      <c r="WFS39" s="927" t="s">
        <v>3816</v>
      </c>
      <c r="WFT39" s="927" t="s">
        <v>3816</v>
      </c>
      <c r="WFU39" s="927" t="s">
        <v>3816</v>
      </c>
      <c r="WFV39" s="927" t="s">
        <v>3816</v>
      </c>
      <c r="WFW39" s="927" t="s">
        <v>3816</v>
      </c>
      <c r="WFX39" s="927" t="s">
        <v>3816</v>
      </c>
      <c r="WFY39" s="927" t="s">
        <v>3816</v>
      </c>
      <c r="WFZ39" s="927" t="s">
        <v>3816</v>
      </c>
      <c r="WGA39" s="927" t="s">
        <v>3816</v>
      </c>
      <c r="WGB39" s="927" t="s">
        <v>3816</v>
      </c>
      <c r="WGC39" s="927" t="s">
        <v>3816</v>
      </c>
      <c r="WGD39" s="927" t="s">
        <v>3816</v>
      </c>
      <c r="WGE39" s="927" t="s">
        <v>3816</v>
      </c>
      <c r="WGF39" s="927" t="s">
        <v>3816</v>
      </c>
      <c r="WGG39" s="927" t="s">
        <v>3816</v>
      </c>
      <c r="WGH39" s="927" t="s">
        <v>3816</v>
      </c>
      <c r="WGI39" s="927" t="s">
        <v>3816</v>
      </c>
      <c r="WGJ39" s="927" t="s">
        <v>3816</v>
      </c>
      <c r="WGK39" s="927" t="s">
        <v>3816</v>
      </c>
      <c r="WGL39" s="927" t="s">
        <v>3816</v>
      </c>
      <c r="WGM39" s="927" t="s">
        <v>3816</v>
      </c>
      <c r="WGN39" s="927" t="s">
        <v>3816</v>
      </c>
      <c r="WGO39" s="927" t="s">
        <v>3816</v>
      </c>
      <c r="WGP39" s="927" t="s">
        <v>3816</v>
      </c>
      <c r="WGQ39" s="927" t="s">
        <v>3816</v>
      </c>
      <c r="WGR39" s="927" t="s">
        <v>3816</v>
      </c>
      <c r="WGS39" s="927" t="s">
        <v>3816</v>
      </c>
      <c r="WGT39" s="927" t="s">
        <v>3816</v>
      </c>
      <c r="WGU39" s="927" t="s">
        <v>3816</v>
      </c>
      <c r="WGV39" s="927" t="s">
        <v>3816</v>
      </c>
      <c r="WGW39" s="927" t="s">
        <v>3816</v>
      </c>
      <c r="WGX39" s="927" t="s">
        <v>3816</v>
      </c>
      <c r="WGY39" s="927" t="s">
        <v>3816</v>
      </c>
      <c r="WGZ39" s="927" t="s">
        <v>3816</v>
      </c>
      <c r="WHA39" s="927" t="s">
        <v>3816</v>
      </c>
      <c r="WHB39" s="927" t="s">
        <v>3816</v>
      </c>
      <c r="WHC39" s="927" t="s">
        <v>3816</v>
      </c>
      <c r="WHD39" s="927" t="s">
        <v>3816</v>
      </c>
      <c r="WHE39" s="927" t="s">
        <v>3816</v>
      </c>
      <c r="WHF39" s="927" t="s">
        <v>3816</v>
      </c>
      <c r="WHG39" s="927" t="s">
        <v>3816</v>
      </c>
      <c r="WHH39" s="927" t="s">
        <v>3816</v>
      </c>
      <c r="WHI39" s="927" t="s">
        <v>3816</v>
      </c>
      <c r="WHJ39" s="927" t="s">
        <v>3816</v>
      </c>
      <c r="WHK39" s="927" t="s">
        <v>3816</v>
      </c>
      <c r="WHL39" s="927" t="s">
        <v>3816</v>
      </c>
      <c r="WHM39" s="927" t="s">
        <v>3816</v>
      </c>
      <c r="WHN39" s="927" t="s">
        <v>3816</v>
      </c>
      <c r="WHO39" s="927" t="s">
        <v>3816</v>
      </c>
      <c r="WHP39" s="927" t="s">
        <v>3816</v>
      </c>
      <c r="WHQ39" s="927" t="s">
        <v>3816</v>
      </c>
      <c r="WHR39" s="927" t="s">
        <v>3816</v>
      </c>
      <c r="WHS39" s="927" t="s">
        <v>3816</v>
      </c>
      <c r="WHT39" s="927" t="s">
        <v>3816</v>
      </c>
      <c r="WHU39" s="927" t="s">
        <v>3816</v>
      </c>
      <c r="WHV39" s="927" t="s">
        <v>3816</v>
      </c>
      <c r="WHW39" s="927" t="s">
        <v>3816</v>
      </c>
      <c r="WHX39" s="927" t="s">
        <v>3816</v>
      </c>
      <c r="WHY39" s="927" t="s">
        <v>3816</v>
      </c>
      <c r="WHZ39" s="927" t="s">
        <v>3816</v>
      </c>
      <c r="WIA39" s="927" t="s">
        <v>3816</v>
      </c>
      <c r="WIB39" s="927" t="s">
        <v>3816</v>
      </c>
      <c r="WIC39" s="927" t="s">
        <v>3816</v>
      </c>
      <c r="WID39" s="927" t="s">
        <v>3816</v>
      </c>
      <c r="WIE39" s="927" t="s">
        <v>3816</v>
      </c>
      <c r="WIF39" s="927" t="s">
        <v>3816</v>
      </c>
      <c r="WIG39" s="927" t="s">
        <v>3816</v>
      </c>
      <c r="WIH39" s="927" t="s">
        <v>3816</v>
      </c>
      <c r="WII39" s="927" t="s">
        <v>3816</v>
      </c>
      <c r="WIJ39" s="927" t="s">
        <v>3816</v>
      </c>
      <c r="WIK39" s="927" t="s">
        <v>3816</v>
      </c>
      <c r="WIL39" s="927" t="s">
        <v>3816</v>
      </c>
      <c r="WIM39" s="927" t="s">
        <v>3816</v>
      </c>
      <c r="WIN39" s="927" t="s">
        <v>3816</v>
      </c>
      <c r="WIO39" s="927" t="s">
        <v>3816</v>
      </c>
      <c r="WIP39" s="927" t="s">
        <v>3816</v>
      </c>
      <c r="WIQ39" s="927" t="s">
        <v>3816</v>
      </c>
      <c r="WIR39" s="927" t="s">
        <v>3816</v>
      </c>
      <c r="WIS39" s="927" t="s">
        <v>3816</v>
      </c>
      <c r="WIT39" s="927" t="s">
        <v>3816</v>
      </c>
      <c r="WIU39" s="927" t="s">
        <v>3816</v>
      </c>
      <c r="WIV39" s="927" t="s">
        <v>3816</v>
      </c>
      <c r="WIW39" s="927" t="s">
        <v>3816</v>
      </c>
      <c r="WIX39" s="927" t="s">
        <v>3816</v>
      </c>
      <c r="WIY39" s="927" t="s">
        <v>3816</v>
      </c>
      <c r="WIZ39" s="927" t="s">
        <v>3816</v>
      </c>
      <c r="WJA39" s="927" t="s">
        <v>3816</v>
      </c>
      <c r="WJB39" s="927" t="s">
        <v>3816</v>
      </c>
      <c r="WJC39" s="927" t="s">
        <v>3816</v>
      </c>
      <c r="WJD39" s="927" t="s">
        <v>3816</v>
      </c>
      <c r="WJE39" s="927" t="s">
        <v>3816</v>
      </c>
      <c r="WJF39" s="927" t="s">
        <v>3816</v>
      </c>
      <c r="WJG39" s="927" t="s">
        <v>3816</v>
      </c>
      <c r="WJH39" s="927" t="s">
        <v>3816</v>
      </c>
      <c r="WJI39" s="927" t="s">
        <v>3816</v>
      </c>
      <c r="WJJ39" s="927" t="s">
        <v>3816</v>
      </c>
      <c r="WJK39" s="927" t="s">
        <v>3816</v>
      </c>
      <c r="WJL39" s="927" t="s">
        <v>3816</v>
      </c>
      <c r="WJM39" s="927" t="s">
        <v>3816</v>
      </c>
      <c r="WJN39" s="927" t="s">
        <v>3816</v>
      </c>
      <c r="WJO39" s="927" t="s">
        <v>3816</v>
      </c>
      <c r="WJP39" s="927" t="s">
        <v>3816</v>
      </c>
      <c r="WJQ39" s="927" t="s">
        <v>3816</v>
      </c>
      <c r="WJR39" s="927" t="s">
        <v>3816</v>
      </c>
      <c r="WJS39" s="927" t="s">
        <v>3816</v>
      </c>
      <c r="WJT39" s="927" t="s">
        <v>3816</v>
      </c>
      <c r="WJU39" s="927" t="s">
        <v>3816</v>
      </c>
      <c r="WJV39" s="927" t="s">
        <v>3816</v>
      </c>
      <c r="WJW39" s="927" t="s">
        <v>3816</v>
      </c>
      <c r="WJX39" s="927" t="s">
        <v>3816</v>
      </c>
      <c r="WJY39" s="927" t="s">
        <v>3816</v>
      </c>
      <c r="WJZ39" s="927" t="s">
        <v>3816</v>
      </c>
      <c r="WKA39" s="927" t="s">
        <v>3816</v>
      </c>
      <c r="WKB39" s="927" t="s">
        <v>3816</v>
      </c>
      <c r="WKC39" s="927" t="s">
        <v>3816</v>
      </c>
      <c r="WKD39" s="927" t="s">
        <v>3816</v>
      </c>
      <c r="WKE39" s="927" t="s">
        <v>3816</v>
      </c>
      <c r="WKF39" s="927" t="s">
        <v>3816</v>
      </c>
      <c r="WKG39" s="927" t="s">
        <v>3816</v>
      </c>
      <c r="WKH39" s="927" t="s">
        <v>3816</v>
      </c>
      <c r="WKI39" s="927" t="s">
        <v>3816</v>
      </c>
      <c r="WKJ39" s="927" t="s">
        <v>3816</v>
      </c>
      <c r="WKK39" s="927" t="s">
        <v>3816</v>
      </c>
      <c r="WKL39" s="927" t="s">
        <v>3816</v>
      </c>
      <c r="WKM39" s="927" t="s">
        <v>3816</v>
      </c>
      <c r="WKN39" s="927" t="s">
        <v>3816</v>
      </c>
      <c r="WKO39" s="927" t="s">
        <v>3816</v>
      </c>
      <c r="WKP39" s="927" t="s">
        <v>3816</v>
      </c>
      <c r="WKQ39" s="927" t="s">
        <v>3816</v>
      </c>
      <c r="WKR39" s="927" t="s">
        <v>3816</v>
      </c>
      <c r="WKS39" s="927" t="s">
        <v>3816</v>
      </c>
      <c r="WKT39" s="927" t="s">
        <v>3816</v>
      </c>
      <c r="WKU39" s="927" t="s">
        <v>3816</v>
      </c>
      <c r="WKV39" s="927" t="s">
        <v>3816</v>
      </c>
      <c r="WKW39" s="927" t="s">
        <v>3816</v>
      </c>
      <c r="WKX39" s="927" t="s">
        <v>3816</v>
      </c>
      <c r="WKY39" s="927" t="s">
        <v>3816</v>
      </c>
      <c r="WKZ39" s="927" t="s">
        <v>3816</v>
      </c>
      <c r="WLA39" s="927" t="s">
        <v>3816</v>
      </c>
      <c r="WLB39" s="927" t="s">
        <v>3816</v>
      </c>
      <c r="WLC39" s="927" t="s">
        <v>3816</v>
      </c>
      <c r="WLD39" s="927" t="s">
        <v>3816</v>
      </c>
      <c r="WLE39" s="927" t="s">
        <v>3816</v>
      </c>
      <c r="WLF39" s="927" t="s">
        <v>3816</v>
      </c>
      <c r="WLG39" s="927" t="s">
        <v>3816</v>
      </c>
      <c r="WLH39" s="927" t="s">
        <v>3816</v>
      </c>
      <c r="WLI39" s="927" t="s">
        <v>3816</v>
      </c>
      <c r="WLJ39" s="927" t="s">
        <v>3816</v>
      </c>
      <c r="WLK39" s="927" t="s">
        <v>3816</v>
      </c>
      <c r="WLL39" s="927" t="s">
        <v>3816</v>
      </c>
      <c r="WLM39" s="927" t="s">
        <v>3816</v>
      </c>
      <c r="WLN39" s="927" t="s">
        <v>3816</v>
      </c>
      <c r="WLO39" s="927" t="s">
        <v>3816</v>
      </c>
      <c r="WLP39" s="927" t="s">
        <v>3816</v>
      </c>
      <c r="WLQ39" s="927" t="s">
        <v>3816</v>
      </c>
      <c r="WLR39" s="927" t="s">
        <v>3816</v>
      </c>
      <c r="WLS39" s="927" t="s">
        <v>3816</v>
      </c>
      <c r="WLT39" s="927" t="s">
        <v>3816</v>
      </c>
      <c r="WLU39" s="927" t="s">
        <v>3816</v>
      </c>
      <c r="WLV39" s="927" t="s">
        <v>3816</v>
      </c>
      <c r="WLW39" s="927" t="s">
        <v>3816</v>
      </c>
      <c r="WLX39" s="927" t="s">
        <v>3816</v>
      </c>
      <c r="WLY39" s="927" t="s">
        <v>3816</v>
      </c>
      <c r="WLZ39" s="927" t="s">
        <v>3816</v>
      </c>
      <c r="WMA39" s="927" t="s">
        <v>3816</v>
      </c>
      <c r="WMB39" s="927" t="s">
        <v>3816</v>
      </c>
      <c r="WMC39" s="927" t="s">
        <v>3816</v>
      </c>
      <c r="WMD39" s="927" t="s">
        <v>3816</v>
      </c>
      <c r="WME39" s="927" t="s">
        <v>3816</v>
      </c>
      <c r="WMF39" s="927" t="s">
        <v>3816</v>
      </c>
      <c r="WMG39" s="927" t="s">
        <v>3816</v>
      </c>
      <c r="WMH39" s="927" t="s">
        <v>3816</v>
      </c>
      <c r="WMI39" s="927" t="s">
        <v>3816</v>
      </c>
      <c r="WMJ39" s="927" t="s">
        <v>3816</v>
      </c>
      <c r="WMK39" s="927" t="s">
        <v>3816</v>
      </c>
      <c r="WML39" s="927" t="s">
        <v>3816</v>
      </c>
      <c r="WMM39" s="927" t="s">
        <v>3816</v>
      </c>
      <c r="WMN39" s="927" t="s">
        <v>3816</v>
      </c>
      <c r="WMO39" s="927" t="s">
        <v>3816</v>
      </c>
      <c r="WMP39" s="927" t="s">
        <v>3816</v>
      </c>
      <c r="WMQ39" s="927" t="s">
        <v>3816</v>
      </c>
      <c r="WMR39" s="927" t="s">
        <v>3816</v>
      </c>
      <c r="WMS39" s="927" t="s">
        <v>3816</v>
      </c>
      <c r="WMT39" s="927" t="s">
        <v>3816</v>
      </c>
      <c r="WMU39" s="927" t="s">
        <v>3816</v>
      </c>
      <c r="WMV39" s="927" t="s">
        <v>3816</v>
      </c>
      <c r="WMW39" s="927" t="s">
        <v>3816</v>
      </c>
      <c r="WMX39" s="927" t="s">
        <v>3816</v>
      </c>
      <c r="WMY39" s="927" t="s">
        <v>3816</v>
      </c>
      <c r="WMZ39" s="927" t="s">
        <v>3816</v>
      </c>
      <c r="WNA39" s="927" t="s">
        <v>3816</v>
      </c>
      <c r="WNB39" s="927" t="s">
        <v>3816</v>
      </c>
      <c r="WNC39" s="927" t="s">
        <v>3816</v>
      </c>
      <c r="WND39" s="927" t="s">
        <v>3816</v>
      </c>
      <c r="WNE39" s="927" t="s">
        <v>3816</v>
      </c>
      <c r="WNF39" s="927" t="s">
        <v>3816</v>
      </c>
      <c r="WNG39" s="927" t="s">
        <v>3816</v>
      </c>
      <c r="WNH39" s="927" t="s">
        <v>3816</v>
      </c>
      <c r="WNI39" s="927" t="s">
        <v>3816</v>
      </c>
      <c r="WNJ39" s="927" t="s">
        <v>3816</v>
      </c>
      <c r="WNK39" s="927" t="s">
        <v>3816</v>
      </c>
      <c r="WNL39" s="927" t="s">
        <v>3816</v>
      </c>
      <c r="WNM39" s="927" t="s">
        <v>3816</v>
      </c>
      <c r="WNN39" s="927" t="s">
        <v>3816</v>
      </c>
      <c r="WNO39" s="927" t="s">
        <v>3816</v>
      </c>
      <c r="WNP39" s="927" t="s">
        <v>3816</v>
      </c>
      <c r="WNQ39" s="927" t="s">
        <v>3816</v>
      </c>
      <c r="WNR39" s="927" t="s">
        <v>3816</v>
      </c>
      <c r="WNS39" s="927" t="s">
        <v>3816</v>
      </c>
      <c r="WNT39" s="927" t="s">
        <v>3816</v>
      </c>
      <c r="WNU39" s="927" t="s">
        <v>3816</v>
      </c>
      <c r="WNV39" s="927" t="s">
        <v>3816</v>
      </c>
      <c r="WNW39" s="927" t="s">
        <v>3816</v>
      </c>
      <c r="WNX39" s="927" t="s">
        <v>3816</v>
      </c>
      <c r="WNY39" s="927" t="s">
        <v>3816</v>
      </c>
      <c r="WNZ39" s="927" t="s">
        <v>3816</v>
      </c>
      <c r="WOA39" s="927" t="s">
        <v>3816</v>
      </c>
      <c r="WOB39" s="927" t="s">
        <v>3816</v>
      </c>
      <c r="WOC39" s="927" t="s">
        <v>3816</v>
      </c>
      <c r="WOD39" s="927" t="s">
        <v>3816</v>
      </c>
      <c r="WOE39" s="927" t="s">
        <v>3816</v>
      </c>
      <c r="WOF39" s="927" t="s">
        <v>3816</v>
      </c>
      <c r="WOG39" s="927" t="s">
        <v>3816</v>
      </c>
      <c r="WOH39" s="927" t="s">
        <v>3816</v>
      </c>
      <c r="WOI39" s="927" t="s">
        <v>3816</v>
      </c>
      <c r="WOJ39" s="927" t="s">
        <v>3816</v>
      </c>
      <c r="WOK39" s="927" t="s">
        <v>3816</v>
      </c>
      <c r="WOL39" s="927" t="s">
        <v>3816</v>
      </c>
      <c r="WOM39" s="927" t="s">
        <v>3816</v>
      </c>
      <c r="WON39" s="927" t="s">
        <v>3816</v>
      </c>
      <c r="WOO39" s="927" t="s">
        <v>3816</v>
      </c>
      <c r="WOP39" s="927" t="s">
        <v>3816</v>
      </c>
      <c r="WOQ39" s="927" t="s">
        <v>3816</v>
      </c>
      <c r="WOR39" s="927" t="s">
        <v>3816</v>
      </c>
      <c r="WOS39" s="927" t="s">
        <v>3816</v>
      </c>
      <c r="WOT39" s="927" t="s">
        <v>3816</v>
      </c>
      <c r="WOU39" s="927" t="s">
        <v>3816</v>
      </c>
      <c r="WOV39" s="927" t="s">
        <v>3816</v>
      </c>
      <c r="WOW39" s="927" t="s">
        <v>3816</v>
      </c>
      <c r="WOX39" s="927" t="s">
        <v>3816</v>
      </c>
      <c r="WOY39" s="927" t="s">
        <v>3816</v>
      </c>
      <c r="WOZ39" s="927" t="s">
        <v>3816</v>
      </c>
      <c r="WPA39" s="927" t="s">
        <v>3816</v>
      </c>
      <c r="WPB39" s="927" t="s">
        <v>3816</v>
      </c>
      <c r="WPC39" s="927" t="s">
        <v>3816</v>
      </c>
      <c r="WPD39" s="927" t="s">
        <v>3816</v>
      </c>
      <c r="WPE39" s="927" t="s">
        <v>3816</v>
      </c>
      <c r="WPF39" s="927" t="s">
        <v>3816</v>
      </c>
      <c r="WPG39" s="927" t="s">
        <v>3816</v>
      </c>
      <c r="WPH39" s="927" t="s">
        <v>3816</v>
      </c>
      <c r="WPI39" s="927" t="s">
        <v>3816</v>
      </c>
      <c r="WPJ39" s="927" t="s">
        <v>3816</v>
      </c>
      <c r="WPK39" s="927" t="s">
        <v>3816</v>
      </c>
      <c r="WPL39" s="927" t="s">
        <v>3816</v>
      </c>
      <c r="WPM39" s="927" t="s">
        <v>3816</v>
      </c>
      <c r="WPN39" s="927" t="s">
        <v>3816</v>
      </c>
      <c r="WPO39" s="927" t="s">
        <v>3816</v>
      </c>
      <c r="WPP39" s="927" t="s">
        <v>3816</v>
      </c>
      <c r="WPQ39" s="927" t="s">
        <v>3816</v>
      </c>
      <c r="WPR39" s="927" t="s">
        <v>3816</v>
      </c>
      <c r="WPS39" s="927" t="s">
        <v>3816</v>
      </c>
      <c r="WPT39" s="927" t="s">
        <v>3816</v>
      </c>
      <c r="WPU39" s="927" t="s">
        <v>3816</v>
      </c>
      <c r="WPV39" s="927" t="s">
        <v>3816</v>
      </c>
      <c r="WPW39" s="927" t="s">
        <v>3816</v>
      </c>
      <c r="WPX39" s="927" t="s">
        <v>3816</v>
      </c>
      <c r="WPY39" s="927" t="s">
        <v>3816</v>
      </c>
      <c r="WPZ39" s="927" t="s">
        <v>3816</v>
      </c>
      <c r="WQA39" s="927" t="s">
        <v>3816</v>
      </c>
      <c r="WQB39" s="927" t="s">
        <v>3816</v>
      </c>
      <c r="WQC39" s="927" t="s">
        <v>3816</v>
      </c>
      <c r="WQD39" s="927" t="s">
        <v>3816</v>
      </c>
      <c r="WQE39" s="927" t="s">
        <v>3816</v>
      </c>
      <c r="WQF39" s="927" t="s">
        <v>3816</v>
      </c>
      <c r="WQG39" s="927" t="s">
        <v>3816</v>
      </c>
      <c r="WQH39" s="927" t="s">
        <v>3816</v>
      </c>
      <c r="WQI39" s="927" t="s">
        <v>3816</v>
      </c>
      <c r="WQJ39" s="927" t="s">
        <v>3816</v>
      </c>
      <c r="WQK39" s="927" t="s">
        <v>3816</v>
      </c>
      <c r="WQL39" s="927" t="s">
        <v>3816</v>
      </c>
      <c r="WQM39" s="927" t="s">
        <v>3816</v>
      </c>
      <c r="WQN39" s="927" t="s">
        <v>3816</v>
      </c>
      <c r="WQO39" s="927" t="s">
        <v>3816</v>
      </c>
      <c r="WQP39" s="927" t="s">
        <v>3816</v>
      </c>
      <c r="WQQ39" s="927" t="s">
        <v>3816</v>
      </c>
      <c r="WQR39" s="927" t="s">
        <v>3816</v>
      </c>
      <c r="WQS39" s="927" t="s">
        <v>3816</v>
      </c>
      <c r="WQT39" s="927" t="s">
        <v>3816</v>
      </c>
      <c r="WQU39" s="927" t="s">
        <v>3816</v>
      </c>
      <c r="WQV39" s="927" t="s">
        <v>3816</v>
      </c>
      <c r="WQW39" s="927" t="s">
        <v>3816</v>
      </c>
      <c r="WQX39" s="927" t="s">
        <v>3816</v>
      </c>
      <c r="WQY39" s="927" t="s">
        <v>3816</v>
      </c>
      <c r="WQZ39" s="927" t="s">
        <v>3816</v>
      </c>
      <c r="WRA39" s="927" t="s">
        <v>3816</v>
      </c>
      <c r="WRB39" s="927" t="s">
        <v>3816</v>
      </c>
      <c r="WRC39" s="927" t="s">
        <v>3816</v>
      </c>
      <c r="WRD39" s="927" t="s">
        <v>3816</v>
      </c>
      <c r="WRE39" s="927" t="s">
        <v>3816</v>
      </c>
      <c r="WRF39" s="927" t="s">
        <v>3816</v>
      </c>
      <c r="WRG39" s="927" t="s">
        <v>3816</v>
      </c>
      <c r="WRH39" s="927" t="s">
        <v>3816</v>
      </c>
      <c r="WRI39" s="927" t="s">
        <v>3816</v>
      </c>
      <c r="WRJ39" s="927" t="s">
        <v>3816</v>
      </c>
      <c r="WRK39" s="927" t="s">
        <v>3816</v>
      </c>
      <c r="WRL39" s="927" t="s">
        <v>3816</v>
      </c>
      <c r="WRM39" s="927" t="s">
        <v>3816</v>
      </c>
      <c r="WRN39" s="927" t="s">
        <v>3816</v>
      </c>
      <c r="WRO39" s="927" t="s">
        <v>3816</v>
      </c>
      <c r="WRP39" s="927" t="s">
        <v>3816</v>
      </c>
      <c r="WRQ39" s="927" t="s">
        <v>3816</v>
      </c>
      <c r="WRR39" s="927" t="s">
        <v>3816</v>
      </c>
      <c r="WRS39" s="927" t="s">
        <v>3816</v>
      </c>
      <c r="WRT39" s="927" t="s">
        <v>3816</v>
      </c>
      <c r="WRU39" s="927" t="s">
        <v>3816</v>
      </c>
      <c r="WRV39" s="927" t="s">
        <v>3816</v>
      </c>
      <c r="WRW39" s="927" t="s">
        <v>3816</v>
      </c>
      <c r="WRX39" s="927" t="s">
        <v>3816</v>
      </c>
      <c r="WRY39" s="927" t="s">
        <v>3816</v>
      </c>
      <c r="WRZ39" s="927" t="s">
        <v>3816</v>
      </c>
      <c r="WSA39" s="927" t="s">
        <v>3816</v>
      </c>
      <c r="WSB39" s="927" t="s">
        <v>3816</v>
      </c>
      <c r="WSC39" s="927" t="s">
        <v>3816</v>
      </c>
      <c r="WSD39" s="927" t="s">
        <v>3816</v>
      </c>
      <c r="WSE39" s="927" t="s">
        <v>3816</v>
      </c>
      <c r="WSF39" s="927" t="s">
        <v>3816</v>
      </c>
      <c r="WSG39" s="927" t="s">
        <v>3816</v>
      </c>
      <c r="WSH39" s="927" t="s">
        <v>3816</v>
      </c>
      <c r="WSI39" s="927" t="s">
        <v>3816</v>
      </c>
      <c r="WSJ39" s="927" t="s">
        <v>3816</v>
      </c>
      <c r="WSK39" s="927" t="s">
        <v>3816</v>
      </c>
      <c r="WSL39" s="927" t="s">
        <v>3816</v>
      </c>
      <c r="WSM39" s="927" t="s">
        <v>3816</v>
      </c>
      <c r="WSN39" s="927" t="s">
        <v>3816</v>
      </c>
      <c r="WSO39" s="927" t="s">
        <v>3816</v>
      </c>
      <c r="WSP39" s="927" t="s">
        <v>3816</v>
      </c>
      <c r="WSQ39" s="927" t="s">
        <v>3816</v>
      </c>
      <c r="WSR39" s="927" t="s">
        <v>3816</v>
      </c>
      <c r="WSS39" s="927" t="s">
        <v>3816</v>
      </c>
      <c r="WST39" s="927" t="s">
        <v>3816</v>
      </c>
      <c r="WSU39" s="927" t="s">
        <v>3816</v>
      </c>
      <c r="WSV39" s="927" t="s">
        <v>3816</v>
      </c>
      <c r="WSW39" s="927" t="s">
        <v>3816</v>
      </c>
      <c r="WSX39" s="927" t="s">
        <v>3816</v>
      </c>
      <c r="WSY39" s="927" t="s">
        <v>3816</v>
      </c>
      <c r="WSZ39" s="927" t="s">
        <v>3816</v>
      </c>
      <c r="WTA39" s="927" t="s">
        <v>3816</v>
      </c>
      <c r="WTB39" s="927" t="s">
        <v>3816</v>
      </c>
      <c r="WTC39" s="927" t="s">
        <v>3816</v>
      </c>
      <c r="WTD39" s="927" t="s">
        <v>3816</v>
      </c>
      <c r="WTE39" s="927" t="s">
        <v>3816</v>
      </c>
      <c r="WTF39" s="927" t="s">
        <v>3816</v>
      </c>
      <c r="WTG39" s="927" t="s">
        <v>3816</v>
      </c>
      <c r="WTH39" s="927" t="s">
        <v>3816</v>
      </c>
      <c r="WTI39" s="927" t="s">
        <v>3816</v>
      </c>
      <c r="WTJ39" s="927" t="s">
        <v>3816</v>
      </c>
      <c r="WTK39" s="927" t="s">
        <v>3816</v>
      </c>
      <c r="WTL39" s="927" t="s">
        <v>3816</v>
      </c>
      <c r="WTM39" s="927" t="s">
        <v>3816</v>
      </c>
      <c r="WTN39" s="927" t="s">
        <v>3816</v>
      </c>
      <c r="WTO39" s="927" t="s">
        <v>3816</v>
      </c>
      <c r="WTP39" s="927" t="s">
        <v>3816</v>
      </c>
      <c r="WTQ39" s="927" t="s">
        <v>3816</v>
      </c>
      <c r="WTR39" s="927" t="s">
        <v>3816</v>
      </c>
      <c r="WTS39" s="927" t="s">
        <v>3816</v>
      </c>
      <c r="WTT39" s="927" t="s">
        <v>3816</v>
      </c>
      <c r="WTU39" s="927" t="s">
        <v>3816</v>
      </c>
      <c r="WTV39" s="927" t="s">
        <v>3816</v>
      </c>
      <c r="WTW39" s="927" t="s">
        <v>3816</v>
      </c>
      <c r="WTX39" s="927" t="s">
        <v>3816</v>
      </c>
      <c r="WTY39" s="927" t="s">
        <v>3816</v>
      </c>
      <c r="WTZ39" s="927" t="s">
        <v>3816</v>
      </c>
      <c r="WUA39" s="927" t="s">
        <v>3816</v>
      </c>
      <c r="WUB39" s="927" t="s">
        <v>3816</v>
      </c>
      <c r="WUC39" s="927" t="s">
        <v>3816</v>
      </c>
      <c r="WUD39" s="927" t="s">
        <v>3816</v>
      </c>
      <c r="WUE39" s="927" t="s">
        <v>3816</v>
      </c>
      <c r="WUF39" s="927" t="s">
        <v>3816</v>
      </c>
      <c r="WUG39" s="927" t="s">
        <v>3816</v>
      </c>
      <c r="WUH39" s="927" t="s">
        <v>3816</v>
      </c>
      <c r="WUI39" s="927" t="s">
        <v>3816</v>
      </c>
      <c r="WUJ39" s="927" t="s">
        <v>3816</v>
      </c>
      <c r="WUK39" s="927" t="s">
        <v>3816</v>
      </c>
      <c r="WUL39" s="927" t="s">
        <v>3816</v>
      </c>
      <c r="WUM39" s="927" t="s">
        <v>3816</v>
      </c>
      <c r="WUN39" s="927" t="s">
        <v>3816</v>
      </c>
      <c r="WUO39" s="927" t="s">
        <v>3816</v>
      </c>
      <c r="WUP39" s="927" t="s">
        <v>3816</v>
      </c>
      <c r="WUQ39" s="927" t="s">
        <v>3816</v>
      </c>
      <c r="WUR39" s="927" t="s">
        <v>3816</v>
      </c>
      <c r="WUS39" s="927" t="s">
        <v>3816</v>
      </c>
      <c r="WUT39" s="927" t="s">
        <v>3816</v>
      </c>
      <c r="WUU39" s="927" t="s">
        <v>3816</v>
      </c>
      <c r="WUV39" s="927" t="s">
        <v>3816</v>
      </c>
      <c r="WUW39" s="927" t="s">
        <v>3816</v>
      </c>
      <c r="WUX39" s="927" t="s">
        <v>3816</v>
      </c>
      <c r="WUY39" s="927" t="s">
        <v>3816</v>
      </c>
      <c r="WUZ39" s="927" t="s">
        <v>3816</v>
      </c>
      <c r="WVA39" s="927" t="s">
        <v>3816</v>
      </c>
      <c r="WVB39" s="927" t="s">
        <v>3816</v>
      </c>
      <c r="WVC39" s="927" t="s">
        <v>3816</v>
      </c>
      <c r="WVD39" s="927" t="s">
        <v>3816</v>
      </c>
      <c r="WVE39" s="927" t="s">
        <v>3816</v>
      </c>
      <c r="WVF39" s="927" t="s">
        <v>3816</v>
      </c>
      <c r="WVG39" s="927" t="s">
        <v>3816</v>
      </c>
      <c r="WVH39" s="927" t="s">
        <v>3816</v>
      </c>
      <c r="WVI39" s="927" t="s">
        <v>3816</v>
      </c>
      <c r="WVJ39" s="927" t="s">
        <v>3816</v>
      </c>
      <c r="WVK39" s="927" t="s">
        <v>3816</v>
      </c>
      <c r="WVL39" s="927" t="s">
        <v>3816</v>
      </c>
      <c r="WVM39" s="927" t="s">
        <v>3816</v>
      </c>
      <c r="WVN39" s="927" t="s">
        <v>3816</v>
      </c>
      <c r="WVO39" s="927" t="s">
        <v>3816</v>
      </c>
      <c r="WVP39" s="927" t="s">
        <v>3816</v>
      </c>
      <c r="WVQ39" s="927" t="s">
        <v>3816</v>
      </c>
      <c r="WVR39" s="927" t="s">
        <v>3816</v>
      </c>
      <c r="WVS39" s="927" t="s">
        <v>3816</v>
      </c>
      <c r="WVT39" s="927" t="s">
        <v>3816</v>
      </c>
      <c r="WVU39" s="927" t="s">
        <v>3816</v>
      </c>
      <c r="WVV39" s="927" t="s">
        <v>3816</v>
      </c>
      <c r="WVW39" s="927" t="s">
        <v>3816</v>
      </c>
      <c r="WVX39" s="927" t="s">
        <v>3816</v>
      </c>
      <c r="WVY39" s="927" t="s">
        <v>3816</v>
      </c>
      <c r="WVZ39" s="927" t="s">
        <v>3816</v>
      </c>
      <c r="WWA39" s="927" t="s">
        <v>3816</v>
      </c>
      <c r="WWB39" s="927" t="s">
        <v>3816</v>
      </c>
      <c r="WWC39" s="927" t="s">
        <v>3816</v>
      </c>
      <c r="WWD39" s="927" t="s">
        <v>3816</v>
      </c>
      <c r="WWE39" s="927" t="s">
        <v>3816</v>
      </c>
      <c r="WWF39" s="927" t="s">
        <v>3816</v>
      </c>
      <c r="WWG39" s="927" t="s">
        <v>3816</v>
      </c>
      <c r="WWH39" s="927" t="s">
        <v>3816</v>
      </c>
      <c r="WWI39" s="927" t="s">
        <v>3816</v>
      </c>
      <c r="WWJ39" s="927" t="s">
        <v>3816</v>
      </c>
      <c r="WWK39" s="927" t="s">
        <v>3816</v>
      </c>
      <c r="WWL39" s="927" t="s">
        <v>3816</v>
      </c>
      <c r="WWM39" s="927" t="s">
        <v>3816</v>
      </c>
      <c r="WWN39" s="927" t="s">
        <v>3816</v>
      </c>
      <c r="WWO39" s="927" t="s">
        <v>3816</v>
      </c>
      <c r="WWP39" s="927" t="s">
        <v>3816</v>
      </c>
      <c r="WWQ39" s="927" t="s">
        <v>3816</v>
      </c>
      <c r="WWR39" s="927" t="s">
        <v>3816</v>
      </c>
      <c r="WWS39" s="927" t="s">
        <v>3816</v>
      </c>
      <c r="WWT39" s="927" t="s">
        <v>3816</v>
      </c>
      <c r="WWU39" s="927" t="s">
        <v>3816</v>
      </c>
      <c r="WWV39" s="927" t="s">
        <v>3816</v>
      </c>
      <c r="WWW39" s="927" t="s">
        <v>3816</v>
      </c>
      <c r="WWX39" s="927" t="s">
        <v>3816</v>
      </c>
      <c r="WWY39" s="927" t="s">
        <v>3816</v>
      </c>
      <c r="WWZ39" s="927" t="s">
        <v>3816</v>
      </c>
      <c r="WXA39" s="927" t="s">
        <v>3816</v>
      </c>
      <c r="WXB39" s="927" t="s">
        <v>3816</v>
      </c>
      <c r="WXC39" s="927" t="s">
        <v>3816</v>
      </c>
      <c r="WXD39" s="927" t="s">
        <v>3816</v>
      </c>
      <c r="WXE39" s="927" t="s">
        <v>3816</v>
      </c>
      <c r="WXF39" s="927" t="s">
        <v>3816</v>
      </c>
      <c r="WXG39" s="927" t="s">
        <v>3816</v>
      </c>
      <c r="WXH39" s="927" t="s">
        <v>3816</v>
      </c>
      <c r="WXI39" s="927" t="s">
        <v>3816</v>
      </c>
      <c r="WXJ39" s="927" t="s">
        <v>3816</v>
      </c>
      <c r="WXK39" s="927" t="s">
        <v>3816</v>
      </c>
      <c r="WXL39" s="927" t="s">
        <v>3816</v>
      </c>
      <c r="WXM39" s="927" t="s">
        <v>3816</v>
      </c>
      <c r="WXN39" s="927" t="s">
        <v>3816</v>
      </c>
      <c r="WXO39" s="927" t="s">
        <v>3816</v>
      </c>
      <c r="WXP39" s="927" t="s">
        <v>3816</v>
      </c>
      <c r="WXQ39" s="927" t="s">
        <v>3816</v>
      </c>
      <c r="WXR39" s="927" t="s">
        <v>3816</v>
      </c>
      <c r="WXS39" s="927" t="s">
        <v>3816</v>
      </c>
      <c r="WXT39" s="927" t="s">
        <v>3816</v>
      </c>
      <c r="WXU39" s="927" t="s">
        <v>3816</v>
      </c>
      <c r="WXV39" s="927" t="s">
        <v>3816</v>
      </c>
      <c r="WXW39" s="927" t="s">
        <v>3816</v>
      </c>
      <c r="WXX39" s="927" t="s">
        <v>3816</v>
      </c>
      <c r="WXY39" s="927" t="s">
        <v>3816</v>
      </c>
      <c r="WXZ39" s="927" t="s">
        <v>3816</v>
      </c>
      <c r="WYA39" s="927" t="s">
        <v>3816</v>
      </c>
      <c r="WYB39" s="927" t="s">
        <v>3816</v>
      </c>
      <c r="WYC39" s="927" t="s">
        <v>3816</v>
      </c>
      <c r="WYD39" s="927" t="s">
        <v>3816</v>
      </c>
      <c r="WYE39" s="927" t="s">
        <v>3816</v>
      </c>
      <c r="WYF39" s="927" t="s">
        <v>3816</v>
      </c>
      <c r="WYG39" s="927" t="s">
        <v>3816</v>
      </c>
      <c r="WYH39" s="927" t="s">
        <v>3816</v>
      </c>
      <c r="WYI39" s="927" t="s">
        <v>3816</v>
      </c>
      <c r="WYJ39" s="927" t="s">
        <v>3816</v>
      </c>
      <c r="WYK39" s="927" t="s">
        <v>3816</v>
      </c>
      <c r="WYL39" s="927" t="s">
        <v>3816</v>
      </c>
      <c r="WYM39" s="927" t="s">
        <v>3816</v>
      </c>
      <c r="WYN39" s="927" t="s">
        <v>3816</v>
      </c>
      <c r="WYO39" s="927" t="s">
        <v>3816</v>
      </c>
      <c r="WYP39" s="927" t="s">
        <v>3816</v>
      </c>
      <c r="WYQ39" s="927" t="s">
        <v>3816</v>
      </c>
      <c r="WYR39" s="927" t="s">
        <v>3816</v>
      </c>
      <c r="WYS39" s="927" t="s">
        <v>3816</v>
      </c>
      <c r="WYT39" s="927" t="s">
        <v>3816</v>
      </c>
      <c r="WYU39" s="927" t="s">
        <v>3816</v>
      </c>
      <c r="WYV39" s="927" t="s">
        <v>3816</v>
      </c>
      <c r="WYW39" s="927" t="s">
        <v>3816</v>
      </c>
      <c r="WYX39" s="927" t="s">
        <v>3816</v>
      </c>
      <c r="WYY39" s="927" t="s">
        <v>3816</v>
      </c>
      <c r="WYZ39" s="927" t="s">
        <v>3816</v>
      </c>
      <c r="WZA39" s="927" t="s">
        <v>3816</v>
      </c>
      <c r="WZB39" s="927" t="s">
        <v>3816</v>
      </c>
      <c r="WZC39" s="927" t="s">
        <v>3816</v>
      </c>
      <c r="WZD39" s="927" t="s">
        <v>3816</v>
      </c>
      <c r="WZE39" s="927" t="s">
        <v>3816</v>
      </c>
      <c r="WZF39" s="927" t="s">
        <v>3816</v>
      </c>
      <c r="WZG39" s="927" t="s">
        <v>3816</v>
      </c>
      <c r="WZH39" s="927" t="s">
        <v>3816</v>
      </c>
      <c r="WZI39" s="927" t="s">
        <v>3816</v>
      </c>
      <c r="WZJ39" s="927" t="s">
        <v>3816</v>
      </c>
      <c r="WZK39" s="927" t="s">
        <v>3816</v>
      </c>
      <c r="WZL39" s="927" t="s">
        <v>3816</v>
      </c>
      <c r="WZM39" s="927" t="s">
        <v>3816</v>
      </c>
      <c r="WZN39" s="927" t="s">
        <v>3816</v>
      </c>
      <c r="WZO39" s="927" t="s">
        <v>3816</v>
      </c>
      <c r="WZP39" s="927" t="s">
        <v>3816</v>
      </c>
      <c r="WZQ39" s="927" t="s">
        <v>3816</v>
      </c>
      <c r="WZR39" s="927" t="s">
        <v>3816</v>
      </c>
      <c r="WZS39" s="927" t="s">
        <v>3816</v>
      </c>
      <c r="WZT39" s="927" t="s">
        <v>3816</v>
      </c>
      <c r="WZU39" s="927" t="s">
        <v>3816</v>
      </c>
      <c r="WZV39" s="927" t="s">
        <v>3816</v>
      </c>
      <c r="WZW39" s="927" t="s">
        <v>3816</v>
      </c>
      <c r="WZX39" s="927" t="s">
        <v>3816</v>
      </c>
      <c r="WZY39" s="927" t="s">
        <v>3816</v>
      </c>
      <c r="WZZ39" s="927" t="s">
        <v>3816</v>
      </c>
      <c r="XAA39" s="927" t="s">
        <v>3816</v>
      </c>
      <c r="XAB39" s="927" t="s">
        <v>3816</v>
      </c>
      <c r="XAC39" s="927" t="s">
        <v>3816</v>
      </c>
      <c r="XAD39" s="927" t="s">
        <v>3816</v>
      </c>
      <c r="XAE39" s="927" t="s">
        <v>3816</v>
      </c>
      <c r="XAF39" s="927" t="s">
        <v>3816</v>
      </c>
      <c r="XAG39" s="927" t="s">
        <v>3816</v>
      </c>
      <c r="XAH39" s="927" t="s">
        <v>3816</v>
      </c>
      <c r="XAI39" s="927" t="s">
        <v>3816</v>
      </c>
      <c r="XAJ39" s="927" t="s">
        <v>3816</v>
      </c>
      <c r="XAK39" s="927" t="s">
        <v>3816</v>
      </c>
      <c r="XAL39" s="927" t="s">
        <v>3816</v>
      </c>
      <c r="XAM39" s="927" t="s">
        <v>3816</v>
      </c>
      <c r="XAN39" s="927" t="s">
        <v>3816</v>
      </c>
      <c r="XAO39" s="927" t="s">
        <v>3816</v>
      </c>
      <c r="XAP39" s="927" t="s">
        <v>3816</v>
      </c>
      <c r="XAQ39" s="927" t="s">
        <v>3816</v>
      </c>
      <c r="XAR39" s="927" t="s">
        <v>3816</v>
      </c>
      <c r="XAS39" s="927" t="s">
        <v>3816</v>
      </c>
      <c r="XAT39" s="927" t="s">
        <v>3816</v>
      </c>
      <c r="XAU39" s="927" t="s">
        <v>3816</v>
      </c>
      <c r="XAV39" s="927" t="s">
        <v>3816</v>
      </c>
      <c r="XAW39" s="927" t="s">
        <v>3816</v>
      </c>
      <c r="XAX39" s="927" t="s">
        <v>3816</v>
      </c>
      <c r="XAY39" s="927" t="s">
        <v>3816</v>
      </c>
      <c r="XAZ39" s="927" t="s">
        <v>3816</v>
      </c>
      <c r="XBA39" s="927" t="s">
        <v>3816</v>
      </c>
      <c r="XBB39" s="927" t="s">
        <v>3816</v>
      </c>
      <c r="XBC39" s="927" t="s">
        <v>3816</v>
      </c>
      <c r="XBD39" s="927" t="s">
        <v>3816</v>
      </c>
      <c r="XBE39" s="927" t="s">
        <v>3816</v>
      </c>
      <c r="XBF39" s="927" t="s">
        <v>3816</v>
      </c>
      <c r="XBG39" s="927" t="s">
        <v>3816</v>
      </c>
      <c r="XBH39" s="927" t="s">
        <v>3816</v>
      </c>
      <c r="XBI39" s="927" t="s">
        <v>3816</v>
      </c>
      <c r="XBJ39" s="927" t="s">
        <v>3816</v>
      </c>
      <c r="XBK39" s="927" t="s">
        <v>3816</v>
      </c>
      <c r="XBL39" s="927" t="s">
        <v>3816</v>
      </c>
      <c r="XBM39" s="927" t="s">
        <v>3816</v>
      </c>
      <c r="XBN39" s="927" t="s">
        <v>3816</v>
      </c>
      <c r="XBO39" s="927" t="s">
        <v>3816</v>
      </c>
      <c r="XBP39" s="927" t="s">
        <v>3816</v>
      </c>
      <c r="XBQ39" s="927" t="s">
        <v>3816</v>
      </c>
      <c r="XBR39" s="927" t="s">
        <v>3816</v>
      </c>
      <c r="XBS39" s="927" t="s">
        <v>3816</v>
      </c>
      <c r="XBT39" s="927" t="s">
        <v>3816</v>
      </c>
      <c r="XBU39" s="927" t="s">
        <v>3816</v>
      </c>
      <c r="XBV39" s="927" t="s">
        <v>3816</v>
      </c>
      <c r="XBW39" s="927" t="s">
        <v>3816</v>
      </c>
      <c r="XBX39" s="927" t="s">
        <v>3816</v>
      </c>
      <c r="XBY39" s="927" t="s">
        <v>3816</v>
      </c>
      <c r="XBZ39" s="927" t="s">
        <v>3816</v>
      </c>
      <c r="XCA39" s="927" t="s">
        <v>3816</v>
      </c>
      <c r="XCB39" s="927" t="s">
        <v>3816</v>
      </c>
      <c r="XCC39" s="927" t="s">
        <v>3816</v>
      </c>
      <c r="XCD39" s="927" t="s">
        <v>3816</v>
      </c>
      <c r="XCE39" s="927" t="s">
        <v>3816</v>
      </c>
      <c r="XCF39" s="927" t="s">
        <v>3816</v>
      </c>
      <c r="XCG39" s="927" t="s">
        <v>3816</v>
      </c>
      <c r="XCH39" s="927" t="s">
        <v>3816</v>
      </c>
      <c r="XCI39" s="927" t="s">
        <v>3816</v>
      </c>
      <c r="XCJ39" s="927" t="s">
        <v>3816</v>
      </c>
      <c r="XCK39" s="927" t="s">
        <v>3816</v>
      </c>
      <c r="XCL39" s="927" t="s">
        <v>3816</v>
      </c>
      <c r="XCM39" s="927" t="s">
        <v>3816</v>
      </c>
      <c r="XCN39" s="927" t="s">
        <v>3816</v>
      </c>
      <c r="XCO39" s="927" t="s">
        <v>3816</v>
      </c>
      <c r="XCP39" s="927" t="s">
        <v>3816</v>
      </c>
      <c r="XCQ39" s="927" t="s">
        <v>3816</v>
      </c>
      <c r="XCR39" s="927" t="s">
        <v>3816</v>
      </c>
      <c r="XCS39" s="927" t="s">
        <v>3816</v>
      </c>
      <c r="XCT39" s="927" t="s">
        <v>3816</v>
      </c>
      <c r="XCU39" s="927" t="s">
        <v>3816</v>
      </c>
      <c r="XCV39" s="927" t="s">
        <v>3816</v>
      </c>
      <c r="XCW39" s="927" t="s">
        <v>3816</v>
      </c>
      <c r="XCX39" s="927" t="s">
        <v>3816</v>
      </c>
      <c r="XCY39" s="927" t="s">
        <v>3816</v>
      </c>
      <c r="XCZ39" s="927" t="s">
        <v>3816</v>
      </c>
      <c r="XDA39" s="927" t="s">
        <v>3816</v>
      </c>
      <c r="XDB39" s="927" t="s">
        <v>3816</v>
      </c>
      <c r="XDC39" s="927" t="s">
        <v>3816</v>
      </c>
      <c r="XDD39" s="927" t="s">
        <v>3816</v>
      </c>
      <c r="XDE39" s="927" t="s">
        <v>3816</v>
      </c>
      <c r="XDF39" s="927" t="s">
        <v>3816</v>
      </c>
      <c r="XDG39" s="927" t="s">
        <v>3816</v>
      </c>
      <c r="XDH39" s="927" t="s">
        <v>3816</v>
      </c>
      <c r="XDI39" s="927" t="s">
        <v>3816</v>
      </c>
      <c r="XDJ39" s="927" t="s">
        <v>3816</v>
      </c>
      <c r="XDK39" s="927" t="s">
        <v>3816</v>
      </c>
      <c r="XDL39" s="927" t="s">
        <v>3816</v>
      </c>
      <c r="XDM39" s="927" t="s">
        <v>3816</v>
      </c>
      <c r="XDN39" s="927" t="s">
        <v>3816</v>
      </c>
      <c r="XDO39" s="927" t="s">
        <v>3816</v>
      </c>
      <c r="XDP39" s="927" t="s">
        <v>3816</v>
      </c>
      <c r="XDQ39" s="927" t="s">
        <v>3816</v>
      </c>
      <c r="XDR39" s="927" t="s">
        <v>3816</v>
      </c>
      <c r="XDS39" s="927" t="s">
        <v>3816</v>
      </c>
      <c r="XDT39" s="927" t="s">
        <v>3816</v>
      </c>
      <c r="XDU39" s="927" t="s">
        <v>3816</v>
      </c>
      <c r="XDV39" s="927" t="s">
        <v>3816</v>
      </c>
      <c r="XDW39" s="927" t="s">
        <v>3816</v>
      </c>
      <c r="XDX39" s="927" t="s">
        <v>3816</v>
      </c>
      <c r="XDY39" s="927" t="s">
        <v>3816</v>
      </c>
      <c r="XDZ39" s="927" t="s">
        <v>3816</v>
      </c>
      <c r="XEA39" s="927" t="s">
        <v>3816</v>
      </c>
      <c r="XEB39" s="927" t="s">
        <v>3816</v>
      </c>
      <c r="XEC39" s="927" t="s">
        <v>3816</v>
      </c>
    </row>
    <row r="40" spans="1:16357" s="908" customFormat="1" ht="120" customHeight="1">
      <c r="A40" s="912">
        <f t="shared" si="0"/>
        <v>26</v>
      </c>
      <c r="B40" s="902" t="s">
        <v>3930</v>
      </c>
      <c r="C40" s="902" t="s">
        <v>27</v>
      </c>
      <c r="D40" s="902" t="s">
        <v>3931</v>
      </c>
      <c r="E40" s="902" t="s">
        <v>3932</v>
      </c>
      <c r="F40" s="918">
        <v>45187</v>
      </c>
      <c r="G40" s="918"/>
      <c r="H40" s="902" t="s">
        <v>10</v>
      </c>
      <c r="I40" s="1086"/>
      <c r="J40" s="919">
        <v>1</v>
      </c>
      <c r="K40" s="903">
        <v>6</v>
      </c>
      <c r="L40" s="902" t="s">
        <v>975</v>
      </c>
      <c r="M40" s="902"/>
      <c r="N40" s="902"/>
      <c r="O40" s="903" t="s">
        <v>3890</v>
      </c>
      <c r="P40" s="926"/>
      <c r="Q40" s="903"/>
      <c r="BG40" s="930"/>
      <c r="BH40" s="920"/>
      <c r="BI40" s="920"/>
      <c r="BJ40" s="920"/>
      <c r="BK40" s="920"/>
      <c r="BL40" s="920"/>
      <c r="BM40" s="920"/>
      <c r="BN40" s="920"/>
      <c r="BO40" s="920"/>
      <c r="BP40" s="920"/>
      <c r="BQ40" s="920"/>
      <c r="BR40" s="920"/>
      <c r="BS40" s="920"/>
      <c r="BT40" s="920"/>
      <c r="BU40" s="920"/>
      <c r="BV40" s="920"/>
      <c r="BW40" s="920"/>
      <c r="BX40" s="920"/>
      <c r="BY40" s="920"/>
      <c r="BZ40" s="920"/>
      <c r="CA40" s="920"/>
      <c r="CB40" s="920"/>
      <c r="CC40" s="920"/>
      <c r="CD40" s="920"/>
      <c r="CE40" s="920"/>
      <c r="CF40" s="920"/>
      <c r="CG40" s="920"/>
      <c r="CH40" s="920"/>
      <c r="CI40" s="920"/>
      <c r="CJ40" s="920"/>
      <c r="CK40" s="920"/>
      <c r="CL40" s="920"/>
      <c r="CM40" s="920"/>
      <c r="CN40" s="920"/>
      <c r="CO40" s="920"/>
      <c r="CP40" s="920"/>
      <c r="CQ40" s="920"/>
      <c r="CR40" s="920"/>
      <c r="CS40" s="920"/>
      <c r="CT40" s="920"/>
      <c r="CU40" s="920"/>
      <c r="CV40" s="920"/>
      <c r="CW40" s="920"/>
      <c r="CX40" s="920"/>
      <c r="CY40" s="920"/>
      <c r="CZ40" s="920"/>
      <c r="DA40" s="920"/>
      <c r="DB40" s="920"/>
      <c r="DC40" s="920"/>
      <c r="DD40" s="920"/>
      <c r="DE40" s="920"/>
      <c r="DF40" s="920"/>
      <c r="DG40" s="920"/>
      <c r="DH40" s="920"/>
      <c r="DI40" s="920"/>
      <c r="DJ40" s="920"/>
      <c r="DK40" s="920"/>
      <c r="DL40" s="920"/>
      <c r="DM40" s="920"/>
      <c r="DN40" s="920"/>
      <c r="DO40" s="920"/>
      <c r="DP40" s="920"/>
      <c r="DQ40" s="920"/>
      <c r="DR40" s="920"/>
      <c r="DS40" s="920"/>
      <c r="DT40" s="920"/>
      <c r="DU40" s="920"/>
      <c r="DV40" s="920"/>
      <c r="DW40" s="920"/>
      <c r="DX40" s="920"/>
      <c r="DY40" s="920"/>
      <c r="DZ40" s="920"/>
      <c r="EA40" s="920"/>
      <c r="EB40" s="920"/>
      <c r="EC40" s="920"/>
      <c r="ED40" s="920"/>
      <c r="EE40" s="920"/>
      <c r="EF40" s="920"/>
      <c r="EG40" s="920"/>
      <c r="EH40" s="920"/>
      <c r="EI40" s="920"/>
      <c r="EJ40" s="920"/>
      <c r="EK40" s="920"/>
      <c r="EL40" s="920"/>
      <c r="EM40" s="920"/>
      <c r="EN40" s="920"/>
      <c r="EO40" s="920"/>
      <c r="EP40" s="920"/>
      <c r="EQ40" s="920"/>
      <c r="ER40" s="920"/>
      <c r="ES40" s="920"/>
      <c r="ET40" s="920"/>
      <c r="EU40" s="920"/>
      <c r="EV40" s="920"/>
      <c r="EW40" s="920"/>
      <c r="EX40" s="920"/>
      <c r="EY40" s="920"/>
      <c r="EZ40" s="920"/>
      <c r="FA40" s="920"/>
      <c r="FB40" s="920"/>
      <c r="FC40" s="920"/>
      <c r="FD40" s="920"/>
      <c r="FE40" s="920"/>
      <c r="FF40" s="920"/>
      <c r="FG40" s="920"/>
      <c r="FH40" s="920"/>
      <c r="FI40" s="920"/>
      <c r="FJ40" s="920"/>
      <c r="FK40" s="920"/>
      <c r="FL40" s="920"/>
      <c r="FM40" s="920"/>
      <c r="FN40" s="920"/>
      <c r="FO40" s="920"/>
      <c r="FP40" s="920"/>
      <c r="FQ40" s="920"/>
      <c r="FR40" s="920"/>
      <c r="FS40" s="920"/>
      <c r="FT40" s="920"/>
      <c r="FU40" s="920"/>
      <c r="FV40" s="920"/>
      <c r="FW40" s="920"/>
      <c r="FX40" s="920"/>
      <c r="FY40" s="920"/>
      <c r="FZ40" s="920"/>
      <c r="GA40" s="920"/>
      <c r="GB40" s="920"/>
      <c r="GC40" s="920"/>
      <c r="GD40" s="920"/>
      <c r="GE40" s="920"/>
      <c r="GF40" s="920"/>
      <c r="GG40" s="920"/>
      <c r="GH40" s="920"/>
      <c r="GI40" s="920"/>
      <c r="GJ40" s="920"/>
      <c r="GK40" s="920"/>
      <c r="GL40" s="920"/>
      <c r="GM40" s="920"/>
      <c r="GN40" s="920"/>
      <c r="GO40" s="920"/>
      <c r="GP40" s="920"/>
      <c r="GQ40" s="920"/>
      <c r="GR40" s="920"/>
      <c r="GS40" s="920"/>
      <c r="GT40" s="920"/>
      <c r="GU40" s="920"/>
      <c r="GV40" s="920"/>
      <c r="GW40" s="920"/>
      <c r="GX40" s="920"/>
      <c r="GY40" s="920"/>
      <c r="GZ40" s="920"/>
      <c r="HA40" s="920"/>
      <c r="HB40" s="920"/>
      <c r="HC40" s="920"/>
      <c r="HD40" s="920"/>
      <c r="HE40" s="920"/>
      <c r="HF40" s="920"/>
      <c r="HG40" s="920"/>
      <c r="HH40" s="920"/>
      <c r="HI40" s="920"/>
      <c r="HJ40" s="920"/>
      <c r="HK40" s="920"/>
      <c r="HL40" s="920"/>
      <c r="HM40" s="920"/>
      <c r="HN40" s="920"/>
      <c r="HO40" s="920"/>
      <c r="HP40" s="920"/>
      <c r="HQ40" s="920"/>
      <c r="HR40" s="920"/>
      <c r="HS40" s="920"/>
      <c r="HT40" s="920"/>
      <c r="HU40" s="920"/>
      <c r="HV40" s="920"/>
      <c r="HW40" s="920"/>
      <c r="HX40" s="920"/>
      <c r="HY40" s="920"/>
      <c r="HZ40" s="920"/>
      <c r="IA40" s="920"/>
      <c r="IB40" s="920"/>
      <c r="IC40" s="920"/>
      <c r="ID40" s="920"/>
      <c r="IE40" s="920"/>
      <c r="IF40" s="920"/>
      <c r="IG40" s="920"/>
      <c r="IH40" s="920"/>
      <c r="II40" s="920"/>
      <c r="IJ40" s="920"/>
      <c r="IK40" s="920"/>
      <c r="IL40" s="920"/>
      <c r="IM40" s="920"/>
      <c r="IN40" s="920"/>
      <c r="IO40" s="920"/>
      <c r="IP40" s="920"/>
      <c r="IQ40" s="920"/>
      <c r="IR40" s="920"/>
      <c r="IS40" s="920"/>
      <c r="IT40" s="920"/>
      <c r="IU40" s="920"/>
      <c r="IV40" s="920"/>
      <c r="IW40" s="920"/>
      <c r="IX40" s="920"/>
      <c r="IY40" s="920"/>
      <c r="IZ40" s="920"/>
      <c r="JA40" s="920"/>
      <c r="JB40" s="920"/>
      <c r="JC40" s="920"/>
      <c r="JD40" s="920"/>
      <c r="JE40" s="920"/>
      <c r="JF40" s="920"/>
      <c r="JG40" s="920"/>
      <c r="JH40" s="920"/>
      <c r="JI40" s="920"/>
      <c r="JJ40" s="920"/>
      <c r="JK40" s="920"/>
      <c r="JL40" s="920"/>
      <c r="JM40" s="920"/>
      <c r="JN40" s="920"/>
      <c r="JO40" s="920"/>
      <c r="JP40" s="920"/>
      <c r="JQ40" s="920"/>
      <c r="JR40" s="920"/>
      <c r="JS40" s="920"/>
      <c r="JT40" s="920"/>
      <c r="JU40" s="920"/>
      <c r="JV40" s="920"/>
      <c r="JW40" s="920"/>
      <c r="JX40" s="920"/>
      <c r="JY40" s="920"/>
      <c r="JZ40" s="920"/>
      <c r="KA40" s="920"/>
      <c r="KB40" s="920"/>
      <c r="KC40" s="920"/>
      <c r="KD40" s="920"/>
      <c r="KE40" s="920"/>
      <c r="KF40" s="920"/>
      <c r="KG40" s="920"/>
      <c r="KH40" s="920"/>
      <c r="KI40" s="920"/>
      <c r="KJ40" s="920"/>
      <c r="KK40" s="920"/>
      <c r="KL40" s="920"/>
      <c r="KM40" s="920"/>
      <c r="KN40" s="920"/>
      <c r="KO40" s="920"/>
      <c r="KP40" s="920"/>
      <c r="KQ40" s="920"/>
      <c r="KR40" s="920"/>
      <c r="KS40" s="920"/>
      <c r="KT40" s="920"/>
      <c r="KU40" s="920"/>
      <c r="KV40" s="920"/>
      <c r="KW40" s="920"/>
      <c r="KX40" s="920"/>
      <c r="KY40" s="920"/>
      <c r="KZ40" s="920"/>
      <c r="LA40" s="920"/>
      <c r="LB40" s="920"/>
      <c r="LC40" s="920"/>
      <c r="LD40" s="920"/>
      <c r="LE40" s="920"/>
      <c r="LF40" s="920"/>
      <c r="LG40" s="920"/>
      <c r="LH40" s="920"/>
      <c r="LI40" s="920"/>
      <c r="LJ40" s="920"/>
      <c r="LK40" s="920"/>
      <c r="LL40" s="920"/>
      <c r="LM40" s="920"/>
      <c r="LN40" s="920"/>
      <c r="LO40" s="920"/>
      <c r="LP40" s="920"/>
      <c r="LQ40" s="920"/>
      <c r="LR40" s="920"/>
      <c r="LS40" s="920"/>
      <c r="LT40" s="920"/>
      <c r="LU40" s="920"/>
      <c r="LV40" s="920"/>
      <c r="LW40" s="920"/>
      <c r="LX40" s="920"/>
      <c r="LY40" s="920"/>
      <c r="LZ40" s="920"/>
      <c r="MA40" s="920"/>
      <c r="MB40" s="920"/>
      <c r="MC40" s="920"/>
      <c r="MD40" s="920"/>
      <c r="ME40" s="920"/>
      <c r="MF40" s="920"/>
      <c r="MG40" s="920"/>
      <c r="MH40" s="920"/>
      <c r="MI40" s="920"/>
      <c r="MJ40" s="920"/>
      <c r="MK40" s="920"/>
      <c r="ML40" s="920"/>
      <c r="MM40" s="920"/>
      <c r="MN40" s="920"/>
      <c r="MO40" s="920"/>
      <c r="MP40" s="920"/>
      <c r="MQ40" s="920"/>
      <c r="MR40" s="920"/>
      <c r="MS40" s="920"/>
      <c r="MT40" s="920"/>
      <c r="MU40" s="920"/>
      <c r="MV40" s="920"/>
      <c r="MW40" s="920"/>
      <c r="MX40" s="920"/>
      <c r="MY40" s="920"/>
      <c r="MZ40" s="920"/>
      <c r="NA40" s="920"/>
      <c r="NB40" s="920"/>
      <c r="NC40" s="920"/>
      <c r="ND40" s="920"/>
      <c r="NE40" s="920"/>
      <c r="NF40" s="920"/>
      <c r="NG40" s="920"/>
      <c r="NH40" s="920"/>
      <c r="NI40" s="920"/>
      <c r="NJ40" s="920"/>
      <c r="NK40" s="920"/>
      <c r="NL40" s="920"/>
      <c r="NM40" s="920"/>
      <c r="NN40" s="920"/>
      <c r="NO40" s="920"/>
      <c r="NP40" s="920"/>
      <c r="NQ40" s="920"/>
      <c r="NR40" s="920"/>
      <c r="NS40" s="920"/>
      <c r="NT40" s="920"/>
      <c r="NU40" s="920"/>
      <c r="NV40" s="920"/>
      <c r="NW40" s="920"/>
      <c r="NX40" s="920"/>
      <c r="NY40" s="920"/>
      <c r="NZ40" s="920"/>
      <c r="OA40" s="920"/>
      <c r="OB40" s="920"/>
      <c r="OC40" s="920"/>
      <c r="OD40" s="920"/>
      <c r="OE40" s="920"/>
      <c r="OF40" s="920"/>
      <c r="OG40" s="920"/>
      <c r="OH40" s="920"/>
      <c r="OI40" s="920"/>
      <c r="OJ40" s="920"/>
      <c r="OK40" s="920"/>
      <c r="OL40" s="920"/>
      <c r="OM40" s="920"/>
      <c r="ON40" s="920"/>
      <c r="OO40" s="920"/>
      <c r="OP40" s="920"/>
      <c r="OQ40" s="920"/>
      <c r="OR40" s="920"/>
      <c r="OS40" s="920"/>
      <c r="OT40" s="920"/>
      <c r="OU40" s="920"/>
      <c r="OV40" s="920"/>
      <c r="OW40" s="920"/>
      <c r="OX40" s="920"/>
      <c r="OY40" s="920"/>
      <c r="OZ40" s="920"/>
      <c r="PA40" s="920"/>
      <c r="PB40" s="920"/>
      <c r="PC40" s="920"/>
      <c r="PD40" s="920"/>
      <c r="PE40" s="920"/>
      <c r="PF40" s="920"/>
      <c r="PG40" s="920"/>
      <c r="PH40" s="920"/>
      <c r="PI40" s="920"/>
      <c r="PJ40" s="920"/>
      <c r="PK40" s="920"/>
      <c r="PL40" s="920"/>
      <c r="PM40" s="920"/>
      <c r="PN40" s="920"/>
      <c r="PO40" s="920"/>
      <c r="PP40" s="920"/>
      <c r="PQ40" s="920"/>
      <c r="PR40" s="920"/>
      <c r="PS40" s="920"/>
      <c r="PT40" s="920"/>
      <c r="PU40" s="920"/>
      <c r="PV40" s="920"/>
      <c r="PW40" s="920"/>
      <c r="PX40" s="920"/>
      <c r="PY40" s="920"/>
      <c r="PZ40" s="920"/>
      <c r="QA40" s="920"/>
      <c r="QB40" s="920"/>
      <c r="QC40" s="920"/>
      <c r="QD40" s="920"/>
      <c r="QE40" s="920"/>
      <c r="QF40" s="920"/>
      <c r="QG40" s="920"/>
      <c r="QH40" s="920"/>
      <c r="QI40" s="920"/>
      <c r="QJ40" s="920"/>
      <c r="QK40" s="920"/>
      <c r="QL40" s="920"/>
      <c r="QM40" s="920"/>
      <c r="QN40" s="920"/>
      <c r="QO40" s="920"/>
      <c r="QP40" s="920"/>
      <c r="QQ40" s="920"/>
      <c r="QR40" s="920"/>
      <c r="QS40" s="920"/>
      <c r="QT40" s="920"/>
      <c r="QU40" s="920"/>
      <c r="QV40" s="920"/>
      <c r="QW40" s="920"/>
      <c r="QX40" s="920"/>
      <c r="QY40" s="920"/>
      <c r="QZ40" s="920"/>
      <c r="RA40" s="920"/>
      <c r="RB40" s="920"/>
      <c r="RC40" s="920"/>
      <c r="RD40" s="920"/>
      <c r="RE40" s="920"/>
      <c r="RF40" s="920"/>
      <c r="RG40" s="920"/>
      <c r="RH40" s="920"/>
      <c r="RI40" s="920"/>
      <c r="RJ40" s="920"/>
      <c r="RK40" s="920"/>
      <c r="RL40" s="920"/>
      <c r="RM40" s="920"/>
      <c r="RN40" s="920"/>
      <c r="RO40" s="920"/>
      <c r="RP40" s="920"/>
      <c r="RQ40" s="920"/>
      <c r="RR40" s="920"/>
      <c r="RS40" s="920"/>
      <c r="RT40" s="920"/>
      <c r="RU40" s="920"/>
      <c r="RV40" s="920"/>
      <c r="RW40" s="920"/>
      <c r="RX40" s="920"/>
      <c r="RY40" s="920"/>
      <c r="RZ40" s="920"/>
      <c r="SA40" s="920"/>
      <c r="SB40" s="920"/>
      <c r="SC40" s="920"/>
      <c r="SD40" s="920"/>
      <c r="SE40" s="920"/>
      <c r="SF40" s="920"/>
      <c r="SG40" s="920"/>
      <c r="SH40" s="920"/>
      <c r="SI40" s="920"/>
      <c r="SJ40" s="920"/>
      <c r="SK40" s="920"/>
      <c r="SL40" s="920"/>
      <c r="SM40" s="920"/>
      <c r="SN40" s="920"/>
      <c r="SO40" s="920"/>
      <c r="SP40" s="920"/>
      <c r="SQ40" s="920"/>
      <c r="SR40" s="920"/>
      <c r="SS40" s="920"/>
      <c r="ST40" s="920"/>
      <c r="SU40" s="920"/>
      <c r="SV40" s="920"/>
      <c r="SW40" s="920"/>
      <c r="SX40" s="920"/>
      <c r="SY40" s="920"/>
      <c r="SZ40" s="920"/>
      <c r="TA40" s="920"/>
      <c r="TB40" s="920"/>
      <c r="TC40" s="920"/>
      <c r="TD40" s="920"/>
      <c r="TE40" s="920"/>
      <c r="TF40" s="920"/>
      <c r="TG40" s="920"/>
      <c r="TH40" s="920"/>
      <c r="TI40" s="920"/>
      <c r="TJ40" s="920"/>
      <c r="TK40" s="920"/>
      <c r="TL40" s="920"/>
      <c r="TM40" s="920"/>
      <c r="TN40" s="920"/>
      <c r="TO40" s="920"/>
      <c r="TP40" s="920"/>
      <c r="TQ40" s="920"/>
      <c r="TR40" s="920"/>
      <c r="TS40" s="920"/>
      <c r="TT40" s="920"/>
      <c r="TU40" s="920"/>
      <c r="TV40" s="920"/>
      <c r="TW40" s="920"/>
      <c r="TX40" s="920"/>
      <c r="TY40" s="920"/>
      <c r="TZ40" s="920"/>
      <c r="UA40" s="920"/>
      <c r="UB40" s="920"/>
      <c r="UC40" s="920"/>
      <c r="UD40" s="920"/>
      <c r="UE40" s="920"/>
      <c r="UF40" s="920"/>
      <c r="UG40" s="920"/>
      <c r="UH40" s="920"/>
      <c r="UI40" s="920"/>
      <c r="UJ40" s="920"/>
      <c r="UK40" s="920"/>
      <c r="UL40" s="920"/>
      <c r="UM40" s="920"/>
      <c r="UN40" s="920"/>
      <c r="UO40" s="920"/>
      <c r="UP40" s="920"/>
      <c r="UQ40" s="920"/>
      <c r="UR40" s="920"/>
      <c r="US40" s="920"/>
      <c r="UT40" s="920"/>
      <c r="UU40" s="920"/>
      <c r="UV40" s="920"/>
      <c r="UW40" s="920"/>
      <c r="UX40" s="920"/>
      <c r="UY40" s="920"/>
      <c r="UZ40" s="920"/>
      <c r="VA40" s="920"/>
      <c r="VB40" s="920"/>
      <c r="VC40" s="920"/>
      <c r="VD40" s="920"/>
      <c r="VE40" s="920"/>
      <c r="VF40" s="920"/>
      <c r="VG40" s="920"/>
      <c r="VH40" s="920"/>
      <c r="VI40" s="920"/>
      <c r="VJ40" s="920"/>
      <c r="VK40" s="920"/>
      <c r="VL40" s="920"/>
      <c r="VM40" s="920"/>
      <c r="VN40" s="920"/>
      <c r="VO40" s="920"/>
      <c r="VP40" s="920"/>
      <c r="VQ40" s="920"/>
      <c r="VR40" s="920"/>
      <c r="VS40" s="920"/>
      <c r="VT40" s="920"/>
      <c r="VU40" s="920"/>
      <c r="VV40" s="920"/>
      <c r="VW40" s="920"/>
      <c r="VX40" s="920"/>
      <c r="VY40" s="920"/>
      <c r="VZ40" s="920"/>
      <c r="WA40" s="920"/>
      <c r="WB40" s="920"/>
      <c r="WC40" s="920"/>
      <c r="WD40" s="920"/>
      <c r="WE40" s="920"/>
      <c r="WF40" s="920"/>
      <c r="WG40" s="920"/>
      <c r="WH40" s="920"/>
      <c r="WI40" s="920"/>
      <c r="WJ40" s="920"/>
      <c r="WK40" s="920"/>
      <c r="WL40" s="920"/>
      <c r="WM40" s="920"/>
      <c r="WN40" s="920"/>
      <c r="WO40" s="920"/>
      <c r="WP40" s="920"/>
      <c r="WQ40" s="920"/>
      <c r="WR40" s="920"/>
      <c r="WS40" s="920"/>
      <c r="WT40" s="920"/>
      <c r="WU40" s="920"/>
      <c r="WV40" s="920"/>
      <c r="WW40" s="920"/>
      <c r="WX40" s="920"/>
      <c r="WY40" s="920"/>
      <c r="WZ40" s="920"/>
      <c r="XA40" s="920"/>
      <c r="XB40" s="920"/>
      <c r="XC40" s="920"/>
      <c r="XD40" s="920"/>
      <c r="XE40" s="920"/>
      <c r="XF40" s="920"/>
      <c r="XG40" s="920"/>
      <c r="XH40" s="920"/>
      <c r="XI40" s="920"/>
      <c r="XJ40" s="920"/>
      <c r="XK40" s="920"/>
      <c r="XL40" s="920"/>
      <c r="XM40" s="920"/>
      <c r="XN40" s="920"/>
      <c r="XO40" s="920"/>
      <c r="XP40" s="920"/>
      <c r="XQ40" s="920"/>
      <c r="XR40" s="920"/>
      <c r="XS40" s="920"/>
      <c r="XT40" s="920"/>
      <c r="XU40" s="920"/>
      <c r="XV40" s="920"/>
      <c r="XW40" s="920"/>
      <c r="XX40" s="920"/>
      <c r="XY40" s="920"/>
      <c r="XZ40" s="920"/>
      <c r="YA40" s="920"/>
      <c r="YB40" s="920"/>
      <c r="YC40" s="920"/>
      <c r="YD40" s="920"/>
      <c r="YE40" s="920"/>
      <c r="YF40" s="920"/>
      <c r="YG40" s="920"/>
      <c r="YH40" s="920"/>
      <c r="YI40" s="920"/>
      <c r="YJ40" s="920"/>
      <c r="YK40" s="920"/>
      <c r="YL40" s="920"/>
      <c r="YM40" s="920"/>
      <c r="YN40" s="920"/>
      <c r="YO40" s="920"/>
      <c r="YP40" s="920"/>
      <c r="YQ40" s="920"/>
      <c r="YR40" s="920"/>
      <c r="YS40" s="920"/>
      <c r="YT40" s="920"/>
      <c r="YU40" s="920"/>
      <c r="YV40" s="920"/>
      <c r="YW40" s="920"/>
      <c r="YX40" s="920"/>
      <c r="YY40" s="920"/>
      <c r="YZ40" s="920"/>
      <c r="ZA40" s="920"/>
      <c r="ZB40" s="920"/>
      <c r="ZC40" s="920"/>
      <c r="ZD40" s="920"/>
      <c r="ZE40" s="920"/>
      <c r="ZF40" s="920"/>
      <c r="ZG40" s="920"/>
      <c r="ZH40" s="920"/>
      <c r="ZI40" s="920"/>
      <c r="ZJ40" s="920"/>
      <c r="ZK40" s="920"/>
      <c r="ZL40" s="920"/>
      <c r="ZM40" s="920"/>
      <c r="ZN40" s="920"/>
      <c r="ZO40" s="920"/>
      <c r="ZP40" s="920"/>
      <c r="ZQ40" s="920"/>
      <c r="ZR40" s="920"/>
      <c r="ZS40" s="920"/>
      <c r="ZT40" s="920"/>
      <c r="ZU40" s="920"/>
      <c r="ZV40" s="920"/>
      <c r="ZW40" s="920"/>
      <c r="ZX40" s="920"/>
      <c r="ZY40" s="920"/>
      <c r="ZZ40" s="920"/>
      <c r="AAA40" s="920"/>
      <c r="AAB40" s="920"/>
      <c r="AAC40" s="920"/>
      <c r="AAD40" s="920"/>
      <c r="AAE40" s="920"/>
      <c r="AAF40" s="920"/>
      <c r="AAG40" s="920"/>
      <c r="AAH40" s="920"/>
      <c r="AAI40" s="920"/>
      <c r="AAJ40" s="920"/>
      <c r="AAK40" s="920"/>
      <c r="AAL40" s="920"/>
      <c r="AAM40" s="920"/>
      <c r="AAN40" s="920"/>
      <c r="AAO40" s="920"/>
      <c r="AAP40" s="920"/>
      <c r="AAQ40" s="920"/>
      <c r="AAR40" s="920"/>
      <c r="AAS40" s="920"/>
      <c r="AAT40" s="920"/>
      <c r="AAU40" s="920"/>
      <c r="AAV40" s="920"/>
      <c r="AAW40" s="920"/>
      <c r="AAX40" s="920"/>
      <c r="AAY40" s="920"/>
      <c r="AAZ40" s="920"/>
      <c r="ABA40" s="920"/>
      <c r="ABB40" s="920"/>
      <c r="ABC40" s="920"/>
      <c r="ABD40" s="920"/>
      <c r="ABE40" s="920"/>
      <c r="ABF40" s="920"/>
      <c r="ABG40" s="920"/>
      <c r="ABH40" s="920"/>
      <c r="ABI40" s="920"/>
      <c r="ABJ40" s="920"/>
      <c r="ABK40" s="920"/>
      <c r="ABL40" s="920"/>
      <c r="ABM40" s="920"/>
      <c r="ABN40" s="920"/>
      <c r="ABO40" s="920"/>
      <c r="ABP40" s="920"/>
      <c r="ABQ40" s="920"/>
      <c r="ABR40" s="920"/>
      <c r="ABS40" s="920"/>
      <c r="ABT40" s="920"/>
      <c r="ABU40" s="920"/>
      <c r="ABV40" s="920"/>
      <c r="ABW40" s="920"/>
      <c r="ABX40" s="920"/>
      <c r="ABY40" s="920"/>
      <c r="ABZ40" s="920"/>
      <c r="ACA40" s="920"/>
      <c r="ACB40" s="920"/>
      <c r="ACC40" s="920"/>
      <c r="ACD40" s="920"/>
      <c r="ACE40" s="920"/>
      <c r="ACF40" s="920"/>
      <c r="ACG40" s="920"/>
      <c r="ACH40" s="920"/>
      <c r="ACI40" s="920"/>
      <c r="ACJ40" s="920"/>
      <c r="ACK40" s="920"/>
      <c r="ACL40" s="920"/>
      <c r="ACM40" s="920"/>
      <c r="ACN40" s="920"/>
      <c r="ACO40" s="920"/>
      <c r="ACP40" s="920"/>
      <c r="ACQ40" s="920"/>
      <c r="ACR40" s="920"/>
      <c r="ACS40" s="920"/>
      <c r="ACT40" s="920"/>
      <c r="ACU40" s="920"/>
      <c r="ACV40" s="920"/>
      <c r="ACW40" s="920"/>
      <c r="ACX40" s="920"/>
      <c r="ACY40" s="920"/>
      <c r="ACZ40" s="920"/>
      <c r="ADA40" s="920"/>
      <c r="ADB40" s="920"/>
      <c r="ADC40" s="920"/>
      <c r="ADD40" s="920"/>
      <c r="ADE40" s="920"/>
      <c r="ADF40" s="920"/>
      <c r="ADG40" s="920"/>
      <c r="ADH40" s="920"/>
      <c r="ADI40" s="920"/>
      <c r="ADJ40" s="920"/>
      <c r="ADK40" s="920"/>
      <c r="ADL40" s="920"/>
      <c r="ADM40" s="920"/>
      <c r="ADN40" s="920"/>
      <c r="ADO40" s="920"/>
      <c r="ADP40" s="920"/>
      <c r="ADQ40" s="920"/>
      <c r="ADR40" s="920"/>
      <c r="ADS40" s="920"/>
      <c r="ADT40" s="920"/>
      <c r="ADU40" s="920"/>
      <c r="ADV40" s="920"/>
      <c r="ADW40" s="920"/>
      <c r="ADX40" s="920"/>
      <c r="ADY40" s="920"/>
      <c r="ADZ40" s="920"/>
      <c r="AEA40" s="920"/>
      <c r="AEB40" s="920"/>
      <c r="AEC40" s="920"/>
      <c r="AED40" s="920"/>
      <c r="AEE40" s="920"/>
      <c r="AEF40" s="920"/>
      <c r="AEG40" s="920"/>
      <c r="AEH40" s="920"/>
      <c r="AEI40" s="920"/>
      <c r="AEJ40" s="920"/>
      <c r="AEK40" s="920"/>
      <c r="AEL40" s="920"/>
      <c r="AEM40" s="920"/>
      <c r="AEN40" s="920"/>
      <c r="AEO40" s="920"/>
      <c r="AEP40" s="920"/>
      <c r="AEQ40" s="920"/>
      <c r="AER40" s="920"/>
      <c r="AES40" s="920"/>
      <c r="AET40" s="920"/>
      <c r="AEU40" s="920"/>
      <c r="AEV40" s="920"/>
      <c r="AEW40" s="920"/>
      <c r="AEX40" s="920"/>
      <c r="AEY40" s="920"/>
      <c r="AEZ40" s="920"/>
      <c r="AFA40" s="920"/>
      <c r="AFB40" s="920"/>
      <c r="AFC40" s="920"/>
      <c r="AFD40" s="920"/>
      <c r="AFE40" s="920"/>
      <c r="AFF40" s="920"/>
      <c r="AFG40" s="920"/>
      <c r="AFH40" s="920"/>
      <c r="AFI40" s="920"/>
      <c r="AFJ40" s="920"/>
      <c r="AFK40" s="920"/>
      <c r="AFL40" s="920"/>
      <c r="AFM40" s="920"/>
      <c r="AFN40" s="920"/>
      <c r="AFO40" s="920"/>
      <c r="AFP40" s="920"/>
      <c r="AFQ40" s="920"/>
      <c r="AFR40" s="920"/>
      <c r="AFS40" s="920"/>
      <c r="AFT40" s="920"/>
      <c r="AFU40" s="920"/>
      <c r="AFV40" s="920"/>
      <c r="AFW40" s="920"/>
      <c r="AFX40" s="920"/>
      <c r="AFY40" s="920"/>
      <c r="AFZ40" s="920"/>
      <c r="AGA40" s="920"/>
      <c r="AGB40" s="920"/>
      <c r="AGC40" s="920"/>
      <c r="AGD40" s="920"/>
      <c r="AGE40" s="920"/>
      <c r="AGF40" s="920"/>
      <c r="AGG40" s="920"/>
      <c r="AGH40" s="920"/>
      <c r="AGI40" s="920"/>
      <c r="AGJ40" s="920"/>
      <c r="AGK40" s="920"/>
      <c r="AGL40" s="920"/>
      <c r="AGM40" s="920"/>
      <c r="AGN40" s="920"/>
      <c r="AGO40" s="920"/>
      <c r="AGP40" s="920"/>
      <c r="AGQ40" s="920"/>
      <c r="AGR40" s="920"/>
      <c r="AGS40" s="920"/>
      <c r="AGT40" s="920"/>
      <c r="AGU40" s="920"/>
      <c r="AGV40" s="920"/>
      <c r="AGW40" s="920"/>
      <c r="AGX40" s="920"/>
      <c r="AGY40" s="920"/>
      <c r="AGZ40" s="920"/>
      <c r="AHA40" s="920"/>
      <c r="AHB40" s="920"/>
      <c r="AHC40" s="920"/>
      <c r="AHD40" s="920"/>
      <c r="AHE40" s="920"/>
      <c r="AHF40" s="920"/>
      <c r="AHG40" s="920"/>
      <c r="AHH40" s="920"/>
      <c r="AHI40" s="920"/>
      <c r="AHJ40" s="920"/>
      <c r="AHK40" s="920"/>
      <c r="AHL40" s="920"/>
      <c r="AHM40" s="920"/>
      <c r="AHN40" s="920"/>
      <c r="AHO40" s="920"/>
      <c r="AHP40" s="920"/>
      <c r="AHQ40" s="920"/>
      <c r="AHR40" s="920"/>
      <c r="AHS40" s="920"/>
      <c r="AHT40" s="920"/>
      <c r="AHU40" s="920"/>
      <c r="AHV40" s="920"/>
      <c r="AHW40" s="920"/>
      <c r="AHX40" s="920"/>
      <c r="AHY40" s="920"/>
      <c r="AHZ40" s="920"/>
      <c r="AIA40" s="920"/>
      <c r="AIB40" s="920"/>
      <c r="AIC40" s="920"/>
      <c r="AID40" s="920"/>
      <c r="AIE40" s="920"/>
      <c r="AIF40" s="920"/>
      <c r="AIG40" s="920"/>
      <c r="AIH40" s="920"/>
      <c r="AII40" s="920"/>
      <c r="AIJ40" s="920"/>
      <c r="AIK40" s="920"/>
      <c r="AIL40" s="920"/>
      <c r="AIM40" s="920"/>
      <c r="AIN40" s="920"/>
      <c r="AIO40" s="920"/>
      <c r="AIP40" s="920"/>
      <c r="AIQ40" s="920"/>
      <c r="AIR40" s="920"/>
      <c r="AIS40" s="920"/>
      <c r="AIT40" s="920"/>
      <c r="AIU40" s="920"/>
      <c r="AIV40" s="920"/>
      <c r="AIW40" s="920"/>
      <c r="AIX40" s="920"/>
      <c r="AIY40" s="920"/>
      <c r="AIZ40" s="920"/>
      <c r="AJA40" s="920"/>
      <c r="AJB40" s="920"/>
      <c r="AJC40" s="920"/>
      <c r="AJD40" s="920"/>
      <c r="AJE40" s="920"/>
      <c r="AJF40" s="920"/>
      <c r="AJG40" s="920"/>
      <c r="AJH40" s="920"/>
      <c r="AJI40" s="920"/>
      <c r="AJJ40" s="920"/>
      <c r="AJK40" s="920"/>
      <c r="AJL40" s="920"/>
      <c r="AJM40" s="920"/>
      <c r="AJN40" s="920"/>
      <c r="AJO40" s="920"/>
      <c r="AJP40" s="920"/>
      <c r="AJQ40" s="920"/>
      <c r="AJR40" s="920"/>
      <c r="AJS40" s="920"/>
      <c r="AJT40" s="920"/>
      <c r="AJU40" s="920"/>
      <c r="AJV40" s="920"/>
      <c r="AJW40" s="920"/>
      <c r="AJX40" s="920"/>
      <c r="AJY40" s="920"/>
      <c r="AJZ40" s="920"/>
      <c r="AKA40" s="920"/>
      <c r="AKB40" s="920"/>
      <c r="AKC40" s="920"/>
      <c r="AKD40" s="920"/>
      <c r="AKE40" s="920"/>
      <c r="AKF40" s="920"/>
      <c r="AKG40" s="920"/>
      <c r="AKH40" s="920"/>
      <c r="AKI40" s="920"/>
      <c r="AKJ40" s="920"/>
      <c r="AKK40" s="920"/>
      <c r="AKL40" s="920"/>
      <c r="AKM40" s="920"/>
      <c r="AKN40" s="920"/>
      <c r="AKO40" s="920"/>
      <c r="AKP40" s="920"/>
      <c r="AKQ40" s="920"/>
      <c r="AKR40" s="920"/>
      <c r="AKS40" s="920"/>
      <c r="AKT40" s="920"/>
      <c r="AKU40" s="920"/>
      <c r="AKV40" s="920"/>
      <c r="AKW40" s="920"/>
      <c r="AKX40" s="920"/>
      <c r="AKY40" s="920"/>
      <c r="AKZ40" s="920"/>
      <c r="ALA40" s="920"/>
      <c r="ALB40" s="920"/>
      <c r="ALC40" s="920"/>
      <c r="ALD40" s="920"/>
      <c r="ALE40" s="920"/>
      <c r="ALF40" s="920"/>
      <c r="ALG40" s="920"/>
      <c r="ALH40" s="920"/>
      <c r="ALI40" s="920"/>
      <c r="ALJ40" s="920"/>
      <c r="ALK40" s="920"/>
      <c r="ALL40" s="920"/>
      <c r="ALM40" s="920"/>
      <c r="ALN40" s="920"/>
      <c r="ALO40" s="920"/>
      <c r="ALP40" s="920"/>
      <c r="ALQ40" s="920"/>
      <c r="ALR40" s="920"/>
      <c r="ALS40" s="920"/>
      <c r="ALT40" s="920"/>
      <c r="ALU40" s="920"/>
      <c r="ALV40" s="920"/>
      <c r="ALW40" s="920"/>
      <c r="ALX40" s="920"/>
      <c r="ALY40" s="920"/>
      <c r="ALZ40" s="920"/>
      <c r="AMA40" s="920"/>
      <c r="AMB40" s="920"/>
      <c r="AMC40" s="920"/>
      <c r="AMD40" s="920"/>
      <c r="AME40" s="920"/>
      <c r="AMF40" s="920"/>
      <c r="AMG40" s="920"/>
      <c r="AMH40" s="920"/>
      <c r="AMI40" s="920"/>
      <c r="AMJ40" s="920"/>
      <c r="AMK40" s="920"/>
      <c r="AML40" s="920"/>
      <c r="AMM40" s="920"/>
      <c r="AMN40" s="920"/>
      <c r="AMO40" s="920"/>
      <c r="AMP40" s="920"/>
      <c r="AMQ40" s="920"/>
      <c r="AMR40" s="920"/>
      <c r="AMS40" s="920"/>
      <c r="AMT40" s="920"/>
      <c r="AMU40" s="920"/>
      <c r="AMV40" s="920"/>
      <c r="AMW40" s="920"/>
      <c r="AMX40" s="920"/>
      <c r="AMY40" s="920"/>
      <c r="AMZ40" s="920"/>
      <c r="ANA40" s="920"/>
      <c r="ANB40" s="920"/>
      <c r="ANC40" s="920"/>
      <c r="AND40" s="920"/>
      <c r="ANE40" s="920"/>
      <c r="ANF40" s="920"/>
      <c r="ANG40" s="920"/>
      <c r="ANH40" s="920"/>
      <c r="ANI40" s="920"/>
      <c r="ANJ40" s="920"/>
      <c r="ANK40" s="920"/>
      <c r="ANL40" s="920"/>
      <c r="ANM40" s="920"/>
      <c r="ANN40" s="920"/>
      <c r="ANO40" s="920"/>
      <c r="ANP40" s="920"/>
      <c r="ANQ40" s="920"/>
      <c r="ANR40" s="920"/>
      <c r="ANS40" s="920"/>
      <c r="ANT40" s="920"/>
      <c r="ANU40" s="920"/>
      <c r="ANV40" s="920"/>
      <c r="ANW40" s="920"/>
      <c r="ANX40" s="920"/>
      <c r="ANY40" s="920"/>
      <c r="ANZ40" s="920"/>
      <c r="AOA40" s="920"/>
      <c r="AOB40" s="920"/>
      <c r="AOC40" s="920"/>
      <c r="AOD40" s="920"/>
      <c r="AOE40" s="920"/>
      <c r="AOF40" s="920"/>
      <c r="AOG40" s="920"/>
      <c r="AOH40" s="920"/>
      <c r="AOI40" s="920"/>
      <c r="AOJ40" s="920"/>
      <c r="AOK40" s="920"/>
      <c r="AOL40" s="920"/>
      <c r="AOM40" s="920"/>
      <c r="AON40" s="920"/>
      <c r="AOO40" s="920"/>
      <c r="AOP40" s="920"/>
      <c r="AOQ40" s="920"/>
      <c r="AOR40" s="920"/>
      <c r="AOS40" s="920"/>
      <c r="AOT40" s="920"/>
      <c r="AOU40" s="920"/>
      <c r="AOV40" s="920"/>
      <c r="AOW40" s="920"/>
      <c r="AOX40" s="920"/>
      <c r="AOY40" s="920"/>
      <c r="AOZ40" s="920"/>
      <c r="APA40" s="920"/>
      <c r="APB40" s="920"/>
      <c r="APC40" s="920"/>
      <c r="APD40" s="920"/>
      <c r="APE40" s="920"/>
      <c r="APF40" s="920"/>
      <c r="APG40" s="920"/>
      <c r="APH40" s="920"/>
      <c r="API40" s="920"/>
      <c r="APJ40" s="920"/>
      <c r="APK40" s="920"/>
      <c r="APL40" s="920"/>
      <c r="APM40" s="920"/>
      <c r="APN40" s="920"/>
      <c r="APO40" s="920"/>
      <c r="APP40" s="920"/>
      <c r="APQ40" s="920"/>
      <c r="APR40" s="920"/>
      <c r="APS40" s="920"/>
      <c r="APT40" s="920"/>
      <c r="APU40" s="920"/>
      <c r="APV40" s="920"/>
      <c r="APW40" s="920"/>
      <c r="APX40" s="920"/>
      <c r="APY40" s="920"/>
      <c r="APZ40" s="920"/>
      <c r="AQA40" s="920"/>
      <c r="AQB40" s="920"/>
      <c r="AQC40" s="920"/>
      <c r="AQD40" s="920"/>
      <c r="AQE40" s="920"/>
      <c r="AQF40" s="920"/>
      <c r="AQG40" s="920"/>
      <c r="AQH40" s="920"/>
      <c r="AQI40" s="920"/>
      <c r="AQJ40" s="920"/>
      <c r="AQK40" s="920"/>
      <c r="AQL40" s="920"/>
      <c r="AQM40" s="920"/>
      <c r="AQN40" s="920"/>
      <c r="AQO40" s="920"/>
      <c r="AQP40" s="920"/>
      <c r="AQQ40" s="920"/>
      <c r="AQR40" s="920"/>
      <c r="AQS40" s="920"/>
      <c r="AQT40" s="920"/>
      <c r="AQU40" s="920"/>
      <c r="AQV40" s="920"/>
      <c r="AQW40" s="920"/>
      <c r="AQX40" s="920"/>
      <c r="AQY40" s="920"/>
      <c r="AQZ40" s="920"/>
      <c r="ARA40" s="920"/>
      <c r="ARB40" s="920"/>
      <c r="ARC40" s="920"/>
      <c r="ARD40" s="920"/>
      <c r="ARE40" s="920"/>
      <c r="ARF40" s="920"/>
      <c r="ARG40" s="920"/>
      <c r="ARH40" s="920"/>
      <c r="ARI40" s="920"/>
      <c r="ARJ40" s="920"/>
      <c r="ARK40" s="920"/>
      <c r="ARL40" s="920"/>
      <c r="ARM40" s="920"/>
      <c r="ARN40" s="920"/>
      <c r="ARO40" s="920"/>
      <c r="ARP40" s="920"/>
      <c r="ARQ40" s="920"/>
      <c r="ARR40" s="920"/>
      <c r="ARS40" s="920"/>
      <c r="ART40" s="920"/>
      <c r="ARU40" s="920"/>
      <c r="ARV40" s="920"/>
      <c r="ARW40" s="920"/>
      <c r="ARX40" s="920"/>
      <c r="ARY40" s="920"/>
      <c r="ARZ40" s="920"/>
      <c r="ASA40" s="920"/>
      <c r="ASB40" s="920"/>
      <c r="ASC40" s="920"/>
      <c r="ASD40" s="920"/>
      <c r="ASE40" s="920"/>
      <c r="ASF40" s="920"/>
      <c r="ASG40" s="920"/>
      <c r="ASH40" s="920"/>
      <c r="ASI40" s="920"/>
      <c r="ASJ40" s="920"/>
      <c r="ASK40" s="920"/>
      <c r="ASL40" s="920"/>
      <c r="ASM40" s="920"/>
      <c r="ASN40" s="920"/>
      <c r="ASO40" s="920"/>
      <c r="ASP40" s="920"/>
      <c r="ASQ40" s="920"/>
      <c r="ASR40" s="920"/>
      <c r="ASS40" s="920"/>
      <c r="AST40" s="920"/>
      <c r="ASU40" s="920"/>
      <c r="ASV40" s="920"/>
      <c r="ASW40" s="920"/>
      <c r="ASX40" s="920"/>
      <c r="ASY40" s="920"/>
      <c r="ASZ40" s="920"/>
      <c r="ATA40" s="920"/>
      <c r="ATB40" s="920"/>
      <c r="ATC40" s="920"/>
      <c r="ATD40" s="920"/>
      <c r="ATE40" s="920"/>
      <c r="ATF40" s="920"/>
      <c r="ATG40" s="920"/>
      <c r="ATH40" s="920"/>
      <c r="ATI40" s="920"/>
      <c r="ATJ40" s="920"/>
      <c r="ATK40" s="920"/>
      <c r="ATL40" s="920"/>
      <c r="ATM40" s="920"/>
      <c r="ATN40" s="920"/>
      <c r="ATO40" s="920"/>
      <c r="ATP40" s="920"/>
      <c r="ATQ40" s="920"/>
      <c r="ATR40" s="920"/>
      <c r="ATS40" s="920"/>
      <c r="ATT40" s="920"/>
      <c r="ATU40" s="920"/>
      <c r="ATV40" s="920"/>
      <c r="ATW40" s="920"/>
      <c r="ATX40" s="920"/>
      <c r="ATY40" s="920"/>
      <c r="ATZ40" s="920"/>
      <c r="AUA40" s="920"/>
      <c r="AUB40" s="920"/>
      <c r="AUC40" s="920"/>
      <c r="AUD40" s="920"/>
      <c r="AUE40" s="920"/>
      <c r="AUF40" s="920"/>
      <c r="AUG40" s="920"/>
      <c r="AUH40" s="920"/>
      <c r="AUI40" s="920"/>
      <c r="AUJ40" s="920"/>
      <c r="AUK40" s="920"/>
      <c r="AUL40" s="920"/>
      <c r="AUM40" s="920"/>
      <c r="AUN40" s="920"/>
      <c r="AUO40" s="920"/>
      <c r="AUP40" s="920"/>
      <c r="AUQ40" s="920"/>
      <c r="AUR40" s="920"/>
      <c r="AUS40" s="920"/>
      <c r="AUT40" s="920"/>
      <c r="AUU40" s="920"/>
      <c r="AUV40" s="920"/>
      <c r="AUW40" s="920"/>
      <c r="AUX40" s="920"/>
      <c r="AUY40" s="920"/>
      <c r="AUZ40" s="920"/>
      <c r="AVA40" s="920"/>
      <c r="AVB40" s="920"/>
      <c r="AVC40" s="920"/>
      <c r="AVD40" s="920"/>
      <c r="AVE40" s="920"/>
      <c r="AVF40" s="920"/>
      <c r="AVG40" s="920"/>
      <c r="AVH40" s="920"/>
      <c r="AVI40" s="920"/>
      <c r="AVJ40" s="920"/>
      <c r="AVK40" s="920"/>
      <c r="AVL40" s="920"/>
      <c r="AVM40" s="920"/>
      <c r="AVN40" s="920"/>
      <c r="AVO40" s="920"/>
      <c r="AVP40" s="920"/>
      <c r="AVQ40" s="920"/>
      <c r="AVR40" s="920"/>
      <c r="AVS40" s="920"/>
      <c r="AVT40" s="920"/>
      <c r="AVU40" s="920"/>
      <c r="AVV40" s="920"/>
      <c r="AVW40" s="920"/>
      <c r="AVX40" s="920"/>
      <c r="AVY40" s="920"/>
      <c r="AVZ40" s="920"/>
      <c r="AWA40" s="920"/>
      <c r="AWB40" s="920"/>
      <c r="AWC40" s="920"/>
      <c r="AWD40" s="920"/>
      <c r="AWE40" s="920"/>
      <c r="AWF40" s="920"/>
      <c r="AWG40" s="920"/>
      <c r="AWH40" s="920"/>
      <c r="AWI40" s="920"/>
      <c r="AWJ40" s="920"/>
      <c r="AWK40" s="920"/>
      <c r="AWL40" s="920"/>
      <c r="AWM40" s="920"/>
      <c r="AWN40" s="920"/>
      <c r="AWO40" s="920"/>
      <c r="AWP40" s="920"/>
      <c r="AWQ40" s="920"/>
      <c r="AWR40" s="920"/>
      <c r="AWS40" s="920"/>
      <c r="AWT40" s="920"/>
      <c r="AWU40" s="920"/>
      <c r="AWV40" s="920"/>
      <c r="AWW40" s="920"/>
      <c r="AWX40" s="920"/>
      <c r="AWY40" s="920"/>
      <c r="AWZ40" s="920"/>
      <c r="AXA40" s="920"/>
      <c r="AXB40" s="920"/>
      <c r="AXC40" s="920"/>
      <c r="AXD40" s="920"/>
      <c r="AXE40" s="920"/>
      <c r="AXF40" s="920"/>
      <c r="AXG40" s="920"/>
      <c r="AXH40" s="920"/>
      <c r="AXI40" s="920"/>
      <c r="AXJ40" s="920"/>
      <c r="AXK40" s="920"/>
      <c r="AXL40" s="920"/>
      <c r="AXM40" s="920"/>
      <c r="AXN40" s="920"/>
      <c r="AXO40" s="920"/>
      <c r="AXP40" s="920"/>
      <c r="AXQ40" s="920"/>
      <c r="AXR40" s="920"/>
      <c r="AXS40" s="920"/>
      <c r="AXT40" s="920"/>
      <c r="AXU40" s="920"/>
      <c r="AXV40" s="920"/>
      <c r="AXW40" s="920"/>
      <c r="AXX40" s="920"/>
      <c r="AXY40" s="920"/>
      <c r="AXZ40" s="920"/>
      <c r="AYA40" s="920"/>
      <c r="AYB40" s="920"/>
      <c r="AYC40" s="920"/>
      <c r="AYD40" s="920"/>
      <c r="AYE40" s="920"/>
      <c r="AYF40" s="920"/>
      <c r="AYG40" s="920"/>
      <c r="AYH40" s="920"/>
      <c r="AYI40" s="920"/>
      <c r="AYJ40" s="920"/>
      <c r="AYK40" s="920"/>
      <c r="AYL40" s="920"/>
      <c r="AYM40" s="920"/>
      <c r="AYN40" s="920"/>
      <c r="AYO40" s="920"/>
      <c r="AYP40" s="920"/>
      <c r="AYQ40" s="920"/>
      <c r="AYR40" s="920"/>
      <c r="AYS40" s="920"/>
      <c r="AYT40" s="920"/>
      <c r="AYU40" s="920"/>
      <c r="AYV40" s="920"/>
      <c r="AYW40" s="920"/>
      <c r="AYX40" s="920"/>
      <c r="AYY40" s="920"/>
      <c r="AYZ40" s="920"/>
      <c r="AZA40" s="920"/>
      <c r="AZB40" s="920"/>
      <c r="AZC40" s="920"/>
      <c r="AZD40" s="920"/>
      <c r="AZE40" s="920"/>
      <c r="AZF40" s="920"/>
      <c r="AZG40" s="920"/>
      <c r="AZH40" s="920"/>
      <c r="AZI40" s="920"/>
      <c r="AZJ40" s="920"/>
      <c r="AZK40" s="920"/>
      <c r="AZL40" s="920"/>
      <c r="AZM40" s="920"/>
      <c r="AZN40" s="920"/>
      <c r="AZO40" s="920"/>
      <c r="AZP40" s="920"/>
      <c r="AZQ40" s="920"/>
      <c r="AZR40" s="920"/>
      <c r="AZS40" s="920"/>
      <c r="AZT40" s="920"/>
      <c r="AZU40" s="920"/>
      <c r="AZV40" s="920"/>
      <c r="AZW40" s="920"/>
      <c r="AZX40" s="920"/>
      <c r="AZY40" s="920"/>
      <c r="AZZ40" s="920"/>
      <c r="BAA40" s="920"/>
      <c r="BAB40" s="920"/>
      <c r="BAC40" s="920"/>
      <c r="BAD40" s="920"/>
      <c r="BAE40" s="920"/>
      <c r="BAF40" s="920"/>
      <c r="BAG40" s="920"/>
      <c r="BAH40" s="920"/>
      <c r="BAI40" s="920"/>
      <c r="BAJ40" s="920"/>
      <c r="BAK40" s="920"/>
      <c r="BAL40" s="920"/>
      <c r="BAM40" s="920"/>
      <c r="BAN40" s="920"/>
      <c r="BAO40" s="920"/>
      <c r="BAP40" s="920"/>
      <c r="BAQ40" s="920"/>
      <c r="BAR40" s="920"/>
      <c r="BAS40" s="920"/>
      <c r="BAT40" s="920"/>
      <c r="BAU40" s="920"/>
      <c r="BAV40" s="920"/>
      <c r="BAW40" s="920"/>
      <c r="BAX40" s="920"/>
      <c r="BAY40" s="920"/>
      <c r="BAZ40" s="920"/>
      <c r="BBA40" s="920"/>
      <c r="BBB40" s="920"/>
      <c r="BBC40" s="920"/>
      <c r="BBD40" s="920"/>
      <c r="BBE40" s="920"/>
      <c r="BBF40" s="920"/>
      <c r="BBG40" s="920"/>
      <c r="BBH40" s="920"/>
      <c r="BBI40" s="920"/>
      <c r="BBJ40" s="920"/>
      <c r="BBK40" s="920"/>
      <c r="BBL40" s="920"/>
      <c r="BBM40" s="920"/>
      <c r="BBN40" s="920"/>
      <c r="BBO40" s="920"/>
      <c r="BBP40" s="920"/>
      <c r="BBQ40" s="920"/>
      <c r="BBR40" s="920"/>
      <c r="BBS40" s="920"/>
      <c r="BBT40" s="920"/>
      <c r="BBU40" s="920"/>
      <c r="BBV40" s="920"/>
      <c r="BBW40" s="920"/>
      <c r="BBX40" s="920"/>
      <c r="BBY40" s="920"/>
      <c r="BBZ40" s="920"/>
      <c r="BCA40" s="920"/>
      <c r="BCB40" s="920"/>
      <c r="BCC40" s="920"/>
      <c r="BCD40" s="920"/>
      <c r="BCE40" s="920"/>
      <c r="BCF40" s="920"/>
      <c r="BCG40" s="920"/>
      <c r="BCH40" s="920"/>
      <c r="BCI40" s="920"/>
      <c r="BCJ40" s="920"/>
      <c r="BCK40" s="920"/>
      <c r="BCL40" s="920"/>
      <c r="BCM40" s="920"/>
      <c r="BCN40" s="920"/>
      <c r="BCO40" s="920"/>
      <c r="BCP40" s="920"/>
      <c r="BCQ40" s="920"/>
      <c r="BCR40" s="920"/>
      <c r="BCS40" s="920"/>
      <c r="BCT40" s="920"/>
      <c r="BCU40" s="920"/>
      <c r="BCV40" s="920"/>
      <c r="BCW40" s="920"/>
      <c r="BCX40" s="920"/>
      <c r="BCY40" s="920"/>
      <c r="BCZ40" s="920"/>
      <c r="BDA40" s="920"/>
      <c r="BDB40" s="920"/>
      <c r="BDC40" s="920"/>
      <c r="BDD40" s="920"/>
      <c r="BDE40" s="920"/>
      <c r="BDF40" s="920"/>
      <c r="BDG40" s="920"/>
      <c r="BDH40" s="920"/>
      <c r="BDI40" s="920"/>
      <c r="BDJ40" s="920"/>
      <c r="BDK40" s="920"/>
      <c r="BDL40" s="920"/>
      <c r="BDM40" s="920"/>
      <c r="BDN40" s="920"/>
      <c r="BDO40" s="920"/>
      <c r="BDP40" s="920"/>
      <c r="BDQ40" s="920"/>
      <c r="BDR40" s="920"/>
      <c r="BDS40" s="920"/>
      <c r="BDT40" s="920"/>
      <c r="BDU40" s="920"/>
      <c r="BDV40" s="920"/>
      <c r="BDW40" s="920"/>
      <c r="BDX40" s="920"/>
      <c r="BDY40" s="920"/>
      <c r="BDZ40" s="920"/>
      <c r="BEA40" s="920"/>
      <c r="BEB40" s="920"/>
      <c r="BEC40" s="920"/>
      <c r="BED40" s="920"/>
      <c r="BEE40" s="920"/>
      <c r="BEF40" s="920"/>
      <c r="BEG40" s="920"/>
      <c r="BEH40" s="920"/>
      <c r="BEI40" s="920"/>
      <c r="BEJ40" s="920"/>
      <c r="BEK40" s="920"/>
      <c r="BEL40" s="920"/>
      <c r="BEM40" s="920"/>
      <c r="BEN40" s="920"/>
      <c r="BEO40" s="920"/>
      <c r="BEP40" s="920"/>
      <c r="BEQ40" s="920"/>
      <c r="BER40" s="920"/>
      <c r="BES40" s="920"/>
      <c r="BET40" s="920"/>
      <c r="BEU40" s="920"/>
      <c r="BEV40" s="920"/>
      <c r="BEW40" s="920"/>
      <c r="BEX40" s="920"/>
      <c r="BEY40" s="920"/>
      <c r="BEZ40" s="920"/>
      <c r="BFA40" s="920"/>
      <c r="BFB40" s="920"/>
      <c r="BFC40" s="920"/>
      <c r="BFD40" s="920"/>
      <c r="BFE40" s="920"/>
      <c r="BFF40" s="920"/>
      <c r="BFG40" s="920"/>
      <c r="BFH40" s="920"/>
      <c r="BFI40" s="920"/>
      <c r="BFJ40" s="920"/>
      <c r="BFK40" s="920"/>
      <c r="BFL40" s="920"/>
      <c r="BFM40" s="920"/>
      <c r="BFN40" s="920"/>
      <c r="BFO40" s="920"/>
      <c r="BFP40" s="920"/>
      <c r="BFQ40" s="920"/>
      <c r="BFR40" s="920"/>
      <c r="BFS40" s="920"/>
      <c r="BFT40" s="920"/>
      <c r="BFU40" s="920"/>
      <c r="BFV40" s="920"/>
      <c r="BFW40" s="920"/>
      <c r="BFX40" s="920"/>
      <c r="BFY40" s="920"/>
      <c r="BFZ40" s="920"/>
      <c r="BGA40" s="920"/>
      <c r="BGB40" s="920"/>
      <c r="BGC40" s="920"/>
      <c r="BGD40" s="920"/>
      <c r="BGE40" s="920"/>
      <c r="BGF40" s="920"/>
      <c r="BGG40" s="920"/>
      <c r="BGH40" s="920"/>
      <c r="BGI40" s="920"/>
      <c r="BGJ40" s="920"/>
      <c r="BGK40" s="920"/>
      <c r="BGL40" s="920"/>
      <c r="BGM40" s="920"/>
      <c r="BGN40" s="920"/>
      <c r="BGO40" s="920"/>
      <c r="BGP40" s="920"/>
      <c r="BGQ40" s="920"/>
      <c r="BGR40" s="920"/>
      <c r="BGS40" s="920"/>
      <c r="BGT40" s="920"/>
      <c r="BGU40" s="920"/>
      <c r="BGV40" s="920"/>
      <c r="BGW40" s="920"/>
      <c r="BGX40" s="920"/>
      <c r="BGY40" s="920"/>
      <c r="BGZ40" s="920"/>
      <c r="BHA40" s="920"/>
      <c r="BHB40" s="920"/>
      <c r="BHC40" s="920"/>
      <c r="BHD40" s="920"/>
      <c r="BHE40" s="920"/>
      <c r="BHF40" s="920"/>
      <c r="BHG40" s="920"/>
      <c r="BHH40" s="920"/>
      <c r="BHI40" s="920"/>
      <c r="BHJ40" s="920"/>
      <c r="BHK40" s="920"/>
      <c r="BHL40" s="920"/>
      <c r="BHM40" s="920"/>
      <c r="BHN40" s="920"/>
      <c r="BHO40" s="920"/>
      <c r="BHP40" s="920"/>
      <c r="BHQ40" s="920"/>
      <c r="BHR40" s="920"/>
      <c r="BHS40" s="920"/>
      <c r="BHT40" s="920"/>
      <c r="BHU40" s="920"/>
      <c r="BHV40" s="920"/>
      <c r="BHW40" s="920"/>
      <c r="BHX40" s="920"/>
      <c r="BHY40" s="920"/>
      <c r="BHZ40" s="920"/>
      <c r="BIA40" s="920"/>
      <c r="BIB40" s="920"/>
      <c r="BIC40" s="920"/>
      <c r="BID40" s="920"/>
      <c r="BIE40" s="920"/>
      <c r="BIF40" s="920"/>
      <c r="BIG40" s="920"/>
      <c r="BIH40" s="920"/>
      <c r="BII40" s="920"/>
      <c r="BIJ40" s="920"/>
      <c r="BIK40" s="920"/>
      <c r="BIL40" s="920"/>
      <c r="BIM40" s="920"/>
      <c r="BIN40" s="920"/>
      <c r="BIO40" s="920"/>
      <c r="BIP40" s="920"/>
      <c r="BIQ40" s="920"/>
      <c r="BIR40" s="920"/>
      <c r="BIS40" s="920"/>
      <c r="BIT40" s="920"/>
      <c r="BIU40" s="920"/>
      <c r="BIV40" s="920"/>
      <c r="BIW40" s="920"/>
      <c r="BIX40" s="920"/>
      <c r="BIY40" s="920"/>
      <c r="BIZ40" s="920"/>
      <c r="BJA40" s="920"/>
      <c r="BJB40" s="920"/>
      <c r="BJC40" s="920"/>
      <c r="BJD40" s="920"/>
      <c r="BJE40" s="920"/>
      <c r="BJF40" s="920"/>
      <c r="BJG40" s="920"/>
      <c r="BJH40" s="920"/>
      <c r="BJI40" s="920"/>
      <c r="BJJ40" s="920"/>
      <c r="BJK40" s="920"/>
      <c r="BJL40" s="920"/>
      <c r="BJM40" s="920"/>
      <c r="BJN40" s="920"/>
      <c r="BJO40" s="920"/>
      <c r="BJP40" s="920"/>
      <c r="BJQ40" s="920"/>
      <c r="BJR40" s="920"/>
      <c r="BJS40" s="920"/>
      <c r="BJT40" s="920"/>
      <c r="BJU40" s="920"/>
      <c r="BJV40" s="920"/>
      <c r="BJW40" s="920"/>
      <c r="BJX40" s="920"/>
      <c r="BJY40" s="920"/>
      <c r="BJZ40" s="920"/>
      <c r="BKA40" s="920"/>
      <c r="BKB40" s="920"/>
      <c r="BKC40" s="920"/>
      <c r="BKD40" s="920"/>
      <c r="BKE40" s="920"/>
      <c r="BKF40" s="920"/>
      <c r="BKG40" s="920"/>
      <c r="BKH40" s="920"/>
      <c r="BKI40" s="920"/>
      <c r="BKJ40" s="920"/>
      <c r="BKK40" s="920"/>
      <c r="BKL40" s="920"/>
      <c r="BKM40" s="920"/>
      <c r="BKN40" s="920"/>
      <c r="BKO40" s="920"/>
      <c r="BKP40" s="920"/>
      <c r="BKQ40" s="920"/>
      <c r="BKR40" s="920"/>
      <c r="BKS40" s="920"/>
      <c r="BKT40" s="920"/>
      <c r="BKU40" s="920"/>
      <c r="BKV40" s="920"/>
      <c r="BKW40" s="920"/>
      <c r="BKX40" s="920"/>
      <c r="BKY40" s="920"/>
      <c r="BKZ40" s="920"/>
      <c r="BLA40" s="920"/>
      <c r="BLB40" s="920"/>
      <c r="BLC40" s="920"/>
      <c r="BLD40" s="920"/>
      <c r="BLE40" s="920"/>
      <c r="BLF40" s="920"/>
      <c r="BLG40" s="920"/>
      <c r="BLH40" s="920"/>
      <c r="BLI40" s="920"/>
      <c r="BLJ40" s="920"/>
      <c r="BLK40" s="920"/>
      <c r="BLL40" s="920"/>
      <c r="BLM40" s="920"/>
      <c r="BLN40" s="920"/>
      <c r="BLO40" s="920"/>
      <c r="BLP40" s="920"/>
      <c r="BLQ40" s="920"/>
      <c r="BLR40" s="920"/>
      <c r="BLS40" s="920"/>
      <c r="BLT40" s="920"/>
      <c r="BLU40" s="920"/>
      <c r="BLV40" s="920"/>
      <c r="BLW40" s="920"/>
      <c r="BLX40" s="920"/>
      <c r="BLY40" s="920"/>
      <c r="BLZ40" s="920"/>
      <c r="BMA40" s="920"/>
      <c r="BMB40" s="920"/>
      <c r="BMC40" s="920"/>
      <c r="BMD40" s="920"/>
      <c r="BME40" s="920"/>
      <c r="BMF40" s="920"/>
      <c r="BMG40" s="920"/>
      <c r="BMH40" s="920"/>
      <c r="BMI40" s="920"/>
      <c r="BMJ40" s="920"/>
      <c r="BMK40" s="920"/>
      <c r="BML40" s="920"/>
      <c r="BMM40" s="920"/>
      <c r="BMN40" s="920"/>
      <c r="BMO40" s="920"/>
      <c r="BMP40" s="920"/>
      <c r="BMQ40" s="920"/>
      <c r="BMR40" s="920"/>
      <c r="BMS40" s="920"/>
      <c r="BMT40" s="920"/>
      <c r="BMU40" s="920"/>
      <c r="BMV40" s="920"/>
      <c r="BMW40" s="920"/>
      <c r="BMX40" s="920"/>
      <c r="BMY40" s="920"/>
      <c r="BMZ40" s="920"/>
      <c r="BNA40" s="920"/>
      <c r="BNB40" s="920"/>
      <c r="BNC40" s="920"/>
      <c r="BND40" s="920"/>
      <c r="BNE40" s="920"/>
      <c r="BNF40" s="920"/>
      <c r="BNG40" s="920"/>
      <c r="BNH40" s="920"/>
      <c r="BNI40" s="920"/>
      <c r="BNJ40" s="920"/>
      <c r="BNK40" s="920"/>
      <c r="BNL40" s="920"/>
      <c r="BNM40" s="920"/>
      <c r="BNN40" s="920"/>
      <c r="BNO40" s="920"/>
      <c r="BNP40" s="920"/>
      <c r="BNQ40" s="920"/>
      <c r="BNR40" s="920"/>
      <c r="BNS40" s="920"/>
      <c r="BNT40" s="920"/>
      <c r="BNU40" s="920"/>
      <c r="BNV40" s="920"/>
      <c r="BNW40" s="920"/>
      <c r="BNX40" s="920"/>
      <c r="BNY40" s="920"/>
      <c r="BNZ40" s="920"/>
      <c r="BOA40" s="920"/>
      <c r="BOB40" s="920"/>
      <c r="BOC40" s="920"/>
      <c r="BOD40" s="920"/>
      <c r="BOE40" s="920"/>
      <c r="BOF40" s="920"/>
      <c r="BOG40" s="920"/>
      <c r="BOH40" s="920"/>
      <c r="BOI40" s="920"/>
      <c r="BOJ40" s="920"/>
      <c r="BOK40" s="920"/>
      <c r="BOL40" s="920"/>
      <c r="BOM40" s="920"/>
      <c r="BON40" s="920"/>
      <c r="BOO40" s="920"/>
      <c r="BOP40" s="920"/>
      <c r="BOQ40" s="920"/>
      <c r="BOR40" s="920"/>
      <c r="BOS40" s="920"/>
      <c r="BOT40" s="920"/>
      <c r="BOU40" s="920"/>
      <c r="BOV40" s="920"/>
      <c r="BOW40" s="920"/>
      <c r="BOX40" s="920"/>
      <c r="BOY40" s="920"/>
      <c r="BOZ40" s="920"/>
      <c r="BPA40" s="920"/>
      <c r="BPB40" s="920"/>
      <c r="BPC40" s="920"/>
      <c r="BPD40" s="920"/>
      <c r="BPE40" s="920"/>
      <c r="BPF40" s="920"/>
      <c r="BPG40" s="920"/>
      <c r="BPH40" s="920"/>
      <c r="BPI40" s="920"/>
      <c r="BPJ40" s="920"/>
      <c r="BPK40" s="920"/>
      <c r="BPL40" s="920"/>
      <c r="BPM40" s="920"/>
      <c r="BPN40" s="920"/>
      <c r="BPO40" s="920"/>
      <c r="BPP40" s="920"/>
      <c r="BPQ40" s="920"/>
      <c r="BPR40" s="920"/>
      <c r="BPS40" s="920"/>
      <c r="BPT40" s="920"/>
      <c r="BPU40" s="920"/>
      <c r="BPV40" s="920"/>
      <c r="BPW40" s="920"/>
      <c r="BPX40" s="920"/>
      <c r="BPY40" s="920"/>
      <c r="BPZ40" s="920"/>
      <c r="BQA40" s="920"/>
      <c r="BQB40" s="920"/>
      <c r="BQC40" s="920"/>
      <c r="BQD40" s="920"/>
      <c r="BQE40" s="920"/>
      <c r="BQF40" s="920"/>
      <c r="BQG40" s="920"/>
      <c r="BQH40" s="920"/>
      <c r="BQI40" s="920"/>
      <c r="BQJ40" s="920"/>
      <c r="BQK40" s="920"/>
      <c r="BQL40" s="920"/>
      <c r="BQM40" s="920"/>
      <c r="BQN40" s="920"/>
      <c r="BQO40" s="920"/>
      <c r="BQP40" s="920"/>
      <c r="BQQ40" s="920"/>
      <c r="BQR40" s="920"/>
      <c r="BQS40" s="920"/>
      <c r="BQT40" s="920"/>
      <c r="BQU40" s="920"/>
      <c r="BQV40" s="920"/>
      <c r="BQW40" s="920"/>
      <c r="BQX40" s="920"/>
      <c r="BQY40" s="920"/>
      <c r="BQZ40" s="920"/>
      <c r="BRA40" s="920"/>
      <c r="BRB40" s="920"/>
      <c r="BRC40" s="920"/>
      <c r="BRD40" s="920"/>
      <c r="BRE40" s="920"/>
      <c r="BRF40" s="920"/>
      <c r="BRG40" s="920"/>
      <c r="BRH40" s="920"/>
      <c r="BRI40" s="920"/>
      <c r="BRJ40" s="920"/>
      <c r="BRK40" s="920"/>
      <c r="BRL40" s="920"/>
      <c r="BRM40" s="920"/>
      <c r="BRN40" s="920"/>
      <c r="BRO40" s="920"/>
      <c r="BRP40" s="920"/>
      <c r="BRQ40" s="920"/>
      <c r="BRR40" s="920"/>
      <c r="BRS40" s="920"/>
      <c r="BRT40" s="920"/>
      <c r="BRU40" s="920"/>
      <c r="BRV40" s="920"/>
      <c r="BRW40" s="920"/>
      <c r="BRX40" s="920"/>
      <c r="BRY40" s="920"/>
      <c r="BRZ40" s="920"/>
      <c r="BSA40" s="920"/>
      <c r="BSB40" s="920"/>
      <c r="BSC40" s="920"/>
      <c r="BSD40" s="920"/>
      <c r="BSE40" s="920"/>
      <c r="BSF40" s="920"/>
      <c r="BSG40" s="920"/>
      <c r="BSH40" s="920"/>
      <c r="BSI40" s="920"/>
      <c r="BSJ40" s="920"/>
      <c r="BSK40" s="920"/>
      <c r="BSL40" s="920"/>
      <c r="BSM40" s="920"/>
      <c r="BSN40" s="920"/>
      <c r="BSO40" s="920"/>
      <c r="BSP40" s="920"/>
      <c r="BSQ40" s="920"/>
      <c r="BSR40" s="920"/>
      <c r="BSS40" s="920"/>
      <c r="BST40" s="920"/>
      <c r="BSU40" s="920"/>
      <c r="BSV40" s="920"/>
      <c r="BSW40" s="920"/>
      <c r="BSX40" s="920"/>
      <c r="BSY40" s="920"/>
      <c r="BSZ40" s="920"/>
      <c r="BTA40" s="920"/>
      <c r="BTB40" s="920"/>
      <c r="BTC40" s="920"/>
      <c r="BTD40" s="920"/>
      <c r="BTE40" s="920"/>
      <c r="BTF40" s="920"/>
      <c r="BTG40" s="920"/>
      <c r="BTH40" s="920"/>
      <c r="BTI40" s="920"/>
      <c r="BTJ40" s="920"/>
      <c r="BTK40" s="920"/>
      <c r="BTL40" s="920"/>
      <c r="BTM40" s="920"/>
      <c r="BTN40" s="920"/>
      <c r="BTO40" s="920"/>
      <c r="BTP40" s="920"/>
      <c r="BTQ40" s="920"/>
      <c r="BTR40" s="920"/>
      <c r="BTS40" s="920"/>
      <c r="BTT40" s="920"/>
      <c r="BTU40" s="920"/>
      <c r="BTV40" s="920"/>
      <c r="BTW40" s="920"/>
      <c r="BTX40" s="920"/>
      <c r="BTY40" s="920"/>
      <c r="BTZ40" s="920"/>
      <c r="BUA40" s="920"/>
      <c r="BUB40" s="920"/>
      <c r="BUC40" s="920"/>
      <c r="BUD40" s="920"/>
      <c r="BUE40" s="920"/>
      <c r="BUF40" s="920"/>
      <c r="BUG40" s="920"/>
      <c r="BUH40" s="920"/>
      <c r="BUI40" s="920"/>
      <c r="BUJ40" s="920"/>
      <c r="BUK40" s="920"/>
      <c r="BUL40" s="920"/>
      <c r="BUM40" s="920"/>
      <c r="BUN40" s="920"/>
      <c r="BUO40" s="920"/>
      <c r="BUP40" s="920"/>
      <c r="BUQ40" s="920"/>
      <c r="BUR40" s="920"/>
      <c r="BUS40" s="920"/>
      <c r="BUT40" s="920"/>
      <c r="BUU40" s="920"/>
      <c r="BUV40" s="920"/>
      <c r="BUW40" s="920"/>
      <c r="BUX40" s="920"/>
      <c r="BUY40" s="920"/>
      <c r="BUZ40" s="920"/>
      <c r="BVA40" s="920"/>
      <c r="BVB40" s="920"/>
      <c r="BVC40" s="920"/>
      <c r="BVD40" s="920"/>
      <c r="BVE40" s="920"/>
      <c r="BVF40" s="920"/>
      <c r="BVG40" s="920"/>
      <c r="BVH40" s="920"/>
      <c r="BVI40" s="920"/>
      <c r="BVJ40" s="920"/>
      <c r="BVK40" s="920"/>
      <c r="BVL40" s="920"/>
      <c r="BVM40" s="920"/>
      <c r="BVN40" s="920"/>
      <c r="BVO40" s="920"/>
      <c r="BVP40" s="920"/>
      <c r="BVQ40" s="920"/>
      <c r="BVR40" s="920"/>
      <c r="BVS40" s="920"/>
      <c r="BVT40" s="920"/>
      <c r="BVU40" s="920"/>
      <c r="BVV40" s="920"/>
      <c r="BVW40" s="920"/>
      <c r="BVX40" s="920"/>
      <c r="BVY40" s="920"/>
      <c r="BVZ40" s="920"/>
      <c r="BWA40" s="920"/>
      <c r="BWB40" s="920"/>
      <c r="BWC40" s="920"/>
      <c r="BWD40" s="920"/>
      <c r="BWE40" s="920"/>
      <c r="BWF40" s="920"/>
      <c r="BWG40" s="920"/>
      <c r="BWH40" s="920"/>
      <c r="BWI40" s="920"/>
      <c r="BWJ40" s="920"/>
      <c r="BWK40" s="920"/>
      <c r="BWL40" s="920"/>
      <c r="BWM40" s="920"/>
      <c r="BWN40" s="920"/>
      <c r="BWO40" s="920"/>
      <c r="BWP40" s="920"/>
      <c r="BWQ40" s="920"/>
      <c r="BWR40" s="920"/>
      <c r="BWS40" s="920"/>
      <c r="BWT40" s="920"/>
      <c r="BWU40" s="920"/>
      <c r="BWV40" s="920"/>
      <c r="BWW40" s="920"/>
      <c r="BWX40" s="920"/>
      <c r="BWY40" s="920"/>
      <c r="BWZ40" s="920"/>
      <c r="BXA40" s="920"/>
      <c r="BXB40" s="920"/>
      <c r="BXC40" s="920"/>
      <c r="BXD40" s="920"/>
      <c r="BXE40" s="920"/>
      <c r="BXF40" s="920"/>
      <c r="BXG40" s="920"/>
      <c r="BXH40" s="920"/>
      <c r="BXI40" s="920"/>
      <c r="BXJ40" s="920"/>
      <c r="BXK40" s="920"/>
      <c r="BXL40" s="920"/>
      <c r="BXM40" s="920"/>
      <c r="BXN40" s="920"/>
      <c r="BXO40" s="920"/>
      <c r="BXP40" s="920"/>
      <c r="BXQ40" s="920"/>
      <c r="BXR40" s="920"/>
      <c r="BXS40" s="920"/>
      <c r="BXT40" s="920"/>
      <c r="BXU40" s="920"/>
      <c r="BXV40" s="920"/>
      <c r="BXW40" s="920"/>
      <c r="BXX40" s="920"/>
      <c r="BXY40" s="920"/>
      <c r="BXZ40" s="920"/>
      <c r="BYA40" s="920"/>
      <c r="BYB40" s="920"/>
      <c r="BYC40" s="920"/>
      <c r="BYD40" s="920"/>
      <c r="BYE40" s="920"/>
      <c r="BYF40" s="920"/>
      <c r="BYG40" s="920"/>
      <c r="BYH40" s="920"/>
      <c r="BYI40" s="920"/>
      <c r="BYJ40" s="920"/>
      <c r="BYK40" s="920"/>
      <c r="BYL40" s="920"/>
      <c r="BYM40" s="920"/>
      <c r="BYN40" s="920"/>
      <c r="BYO40" s="920"/>
      <c r="BYP40" s="920"/>
      <c r="BYQ40" s="920"/>
      <c r="BYR40" s="920"/>
      <c r="BYS40" s="920"/>
      <c r="BYT40" s="920"/>
      <c r="BYU40" s="920"/>
      <c r="BYV40" s="920"/>
      <c r="BYW40" s="920"/>
      <c r="BYX40" s="920"/>
      <c r="BYY40" s="920"/>
      <c r="BYZ40" s="920"/>
      <c r="BZA40" s="920"/>
      <c r="BZB40" s="920"/>
      <c r="BZC40" s="920"/>
      <c r="BZD40" s="920"/>
      <c r="BZE40" s="920"/>
      <c r="BZF40" s="920"/>
      <c r="BZG40" s="920"/>
      <c r="BZH40" s="920"/>
      <c r="BZI40" s="920"/>
      <c r="BZJ40" s="920"/>
      <c r="BZK40" s="920"/>
      <c r="BZL40" s="920"/>
      <c r="BZM40" s="920"/>
      <c r="BZN40" s="920"/>
      <c r="BZO40" s="920"/>
      <c r="BZP40" s="920"/>
      <c r="BZQ40" s="920"/>
      <c r="BZR40" s="920"/>
      <c r="BZS40" s="920"/>
      <c r="BZT40" s="920"/>
      <c r="BZU40" s="920"/>
      <c r="BZV40" s="920"/>
      <c r="BZW40" s="920"/>
      <c r="BZX40" s="920"/>
      <c r="BZY40" s="920"/>
      <c r="BZZ40" s="920"/>
      <c r="CAA40" s="920"/>
      <c r="CAB40" s="920"/>
      <c r="CAC40" s="920"/>
      <c r="CAD40" s="920"/>
      <c r="CAE40" s="920"/>
      <c r="CAF40" s="920"/>
      <c r="CAG40" s="920"/>
      <c r="CAH40" s="920"/>
      <c r="CAI40" s="920"/>
      <c r="CAJ40" s="920"/>
      <c r="CAK40" s="920"/>
      <c r="CAL40" s="920"/>
      <c r="CAM40" s="920"/>
      <c r="CAN40" s="920"/>
      <c r="CAO40" s="920"/>
      <c r="CAP40" s="920"/>
      <c r="CAQ40" s="920"/>
      <c r="CAR40" s="920"/>
      <c r="CAS40" s="920"/>
      <c r="CAT40" s="920"/>
      <c r="CAU40" s="920"/>
      <c r="CAV40" s="920"/>
      <c r="CAW40" s="920"/>
      <c r="CAX40" s="920"/>
      <c r="CAY40" s="920"/>
      <c r="CAZ40" s="920"/>
      <c r="CBA40" s="920"/>
      <c r="CBB40" s="920"/>
      <c r="CBC40" s="920"/>
      <c r="CBD40" s="920"/>
      <c r="CBE40" s="920"/>
      <c r="CBF40" s="920"/>
      <c r="CBG40" s="920"/>
      <c r="CBH40" s="920"/>
      <c r="CBI40" s="920"/>
      <c r="CBJ40" s="920"/>
      <c r="CBK40" s="920"/>
      <c r="CBL40" s="920"/>
      <c r="CBM40" s="920"/>
      <c r="CBN40" s="920"/>
      <c r="CBO40" s="920"/>
      <c r="CBP40" s="920"/>
      <c r="CBQ40" s="920"/>
      <c r="CBR40" s="920"/>
      <c r="CBS40" s="920"/>
      <c r="CBT40" s="920"/>
      <c r="CBU40" s="920"/>
      <c r="CBV40" s="920"/>
      <c r="CBW40" s="920"/>
      <c r="CBX40" s="920"/>
      <c r="CBY40" s="920"/>
      <c r="CBZ40" s="920"/>
      <c r="CCA40" s="920"/>
      <c r="CCB40" s="920"/>
      <c r="CCC40" s="920"/>
      <c r="CCD40" s="920"/>
      <c r="CCE40" s="920"/>
      <c r="CCF40" s="920"/>
      <c r="CCG40" s="920"/>
      <c r="CCH40" s="920"/>
      <c r="CCI40" s="920"/>
      <c r="CCJ40" s="920"/>
      <c r="CCK40" s="920"/>
      <c r="CCL40" s="920"/>
      <c r="CCM40" s="920"/>
      <c r="CCN40" s="920"/>
      <c r="CCO40" s="920"/>
      <c r="CCP40" s="920"/>
      <c r="CCQ40" s="920"/>
      <c r="CCR40" s="920"/>
      <c r="CCS40" s="920"/>
      <c r="CCT40" s="920"/>
      <c r="CCU40" s="920"/>
      <c r="CCV40" s="920"/>
      <c r="CCW40" s="920"/>
      <c r="CCX40" s="920"/>
      <c r="CCY40" s="920"/>
      <c r="CCZ40" s="920"/>
      <c r="CDA40" s="920"/>
      <c r="CDB40" s="920"/>
      <c r="CDC40" s="920"/>
      <c r="CDD40" s="920"/>
      <c r="CDE40" s="920"/>
      <c r="CDF40" s="920"/>
      <c r="CDG40" s="920"/>
      <c r="CDH40" s="920"/>
      <c r="CDI40" s="920"/>
      <c r="CDJ40" s="920"/>
      <c r="CDK40" s="920"/>
      <c r="CDL40" s="920"/>
      <c r="CDM40" s="920"/>
      <c r="CDN40" s="920"/>
      <c r="CDO40" s="920"/>
      <c r="CDP40" s="920"/>
      <c r="CDQ40" s="920"/>
      <c r="CDR40" s="920"/>
      <c r="CDS40" s="920"/>
      <c r="CDT40" s="920"/>
      <c r="CDU40" s="920"/>
      <c r="CDV40" s="920"/>
      <c r="CDW40" s="920"/>
      <c r="CDX40" s="920"/>
      <c r="CDY40" s="920"/>
      <c r="CDZ40" s="920"/>
      <c r="CEA40" s="920"/>
      <c r="CEB40" s="920"/>
      <c r="CEC40" s="920"/>
      <c r="CED40" s="920"/>
      <c r="CEE40" s="920"/>
      <c r="CEF40" s="920"/>
      <c r="CEG40" s="920"/>
      <c r="CEH40" s="920"/>
      <c r="CEI40" s="920"/>
      <c r="CEJ40" s="920"/>
      <c r="CEK40" s="920"/>
      <c r="CEL40" s="920"/>
      <c r="CEM40" s="920"/>
      <c r="CEN40" s="920"/>
      <c r="CEO40" s="920"/>
      <c r="CEP40" s="920"/>
      <c r="CEQ40" s="920"/>
      <c r="CER40" s="920"/>
      <c r="CES40" s="920"/>
      <c r="CET40" s="920"/>
      <c r="CEU40" s="920"/>
      <c r="CEV40" s="920"/>
      <c r="CEW40" s="920"/>
      <c r="CEX40" s="920"/>
      <c r="CEY40" s="920"/>
      <c r="CEZ40" s="920"/>
      <c r="CFA40" s="920"/>
      <c r="CFB40" s="920"/>
      <c r="CFC40" s="920"/>
      <c r="CFD40" s="920"/>
      <c r="CFE40" s="920"/>
      <c r="CFF40" s="920"/>
      <c r="CFG40" s="920"/>
      <c r="CFH40" s="920"/>
      <c r="CFI40" s="920"/>
      <c r="CFJ40" s="920"/>
      <c r="CFK40" s="920"/>
      <c r="CFL40" s="920"/>
      <c r="CFM40" s="920"/>
      <c r="CFN40" s="920"/>
      <c r="CFO40" s="920"/>
      <c r="CFP40" s="920"/>
      <c r="CFQ40" s="920"/>
      <c r="CFR40" s="920"/>
      <c r="CFS40" s="920"/>
      <c r="CFT40" s="920"/>
      <c r="CFU40" s="920"/>
      <c r="CFV40" s="920"/>
      <c r="CFW40" s="920"/>
      <c r="CFX40" s="920"/>
      <c r="CFY40" s="920"/>
      <c r="CFZ40" s="920"/>
      <c r="CGA40" s="920"/>
      <c r="CGB40" s="920"/>
      <c r="CGC40" s="920"/>
      <c r="CGD40" s="920"/>
      <c r="CGE40" s="920"/>
      <c r="CGF40" s="920"/>
      <c r="CGG40" s="920"/>
      <c r="CGH40" s="920"/>
      <c r="CGI40" s="920"/>
      <c r="CGJ40" s="920"/>
      <c r="CGK40" s="920"/>
      <c r="CGL40" s="920"/>
      <c r="CGM40" s="920"/>
      <c r="CGN40" s="920"/>
      <c r="CGO40" s="920"/>
      <c r="CGP40" s="920"/>
      <c r="CGQ40" s="920"/>
      <c r="CGR40" s="920"/>
      <c r="CGS40" s="920"/>
      <c r="CGT40" s="920"/>
      <c r="CGU40" s="920"/>
      <c r="CGV40" s="920"/>
      <c r="CGW40" s="920"/>
      <c r="CGX40" s="920"/>
      <c r="CGY40" s="920"/>
      <c r="CGZ40" s="920"/>
      <c r="CHA40" s="920"/>
      <c r="CHB40" s="920"/>
      <c r="CHC40" s="920"/>
      <c r="CHD40" s="920"/>
      <c r="CHE40" s="920"/>
      <c r="CHF40" s="920"/>
      <c r="CHG40" s="920"/>
      <c r="CHH40" s="920"/>
      <c r="CHI40" s="920"/>
      <c r="CHJ40" s="920"/>
      <c r="CHK40" s="920"/>
      <c r="CHL40" s="920"/>
      <c r="CHM40" s="920"/>
      <c r="CHN40" s="920"/>
      <c r="CHO40" s="920"/>
      <c r="CHP40" s="920"/>
      <c r="CHQ40" s="920"/>
      <c r="CHR40" s="920"/>
      <c r="CHS40" s="920"/>
      <c r="CHT40" s="920"/>
      <c r="CHU40" s="920"/>
      <c r="CHV40" s="920"/>
      <c r="CHW40" s="920"/>
      <c r="CHX40" s="920"/>
      <c r="CHY40" s="920"/>
      <c r="CHZ40" s="920"/>
      <c r="CIA40" s="920"/>
      <c r="CIB40" s="920"/>
      <c r="CIC40" s="920"/>
      <c r="CID40" s="920"/>
      <c r="CIE40" s="920"/>
      <c r="CIF40" s="920"/>
      <c r="CIG40" s="920"/>
      <c r="CIH40" s="920"/>
      <c r="CII40" s="920"/>
      <c r="CIJ40" s="920"/>
      <c r="CIK40" s="920"/>
      <c r="CIL40" s="920"/>
      <c r="CIM40" s="920"/>
      <c r="CIN40" s="920"/>
      <c r="CIO40" s="920"/>
      <c r="CIP40" s="920"/>
      <c r="CIQ40" s="920"/>
      <c r="CIR40" s="920"/>
      <c r="CIS40" s="920"/>
      <c r="CIT40" s="920"/>
      <c r="CIU40" s="920"/>
      <c r="CIV40" s="920"/>
      <c r="CIW40" s="920"/>
      <c r="CIX40" s="920"/>
      <c r="CIY40" s="920"/>
      <c r="CIZ40" s="920"/>
      <c r="CJA40" s="920"/>
      <c r="CJB40" s="920"/>
      <c r="CJC40" s="920"/>
      <c r="CJD40" s="920"/>
      <c r="CJE40" s="920"/>
      <c r="CJF40" s="920"/>
      <c r="CJG40" s="920"/>
      <c r="CJH40" s="920"/>
      <c r="CJI40" s="920"/>
      <c r="CJJ40" s="920"/>
      <c r="CJK40" s="920"/>
      <c r="CJL40" s="920"/>
      <c r="CJM40" s="920"/>
      <c r="CJN40" s="920"/>
      <c r="CJO40" s="920"/>
      <c r="CJP40" s="920"/>
      <c r="CJQ40" s="920"/>
      <c r="CJR40" s="920"/>
      <c r="CJS40" s="920"/>
      <c r="CJT40" s="920"/>
      <c r="CJU40" s="920"/>
      <c r="CJV40" s="920"/>
      <c r="CJW40" s="920"/>
      <c r="CJX40" s="920"/>
      <c r="CJY40" s="920"/>
      <c r="CJZ40" s="920"/>
      <c r="CKA40" s="920"/>
      <c r="CKB40" s="920"/>
      <c r="CKC40" s="920"/>
      <c r="CKD40" s="920"/>
      <c r="CKE40" s="920"/>
      <c r="CKF40" s="920"/>
      <c r="CKG40" s="920"/>
      <c r="CKH40" s="920"/>
      <c r="CKI40" s="920"/>
      <c r="CKJ40" s="920"/>
      <c r="CKK40" s="920"/>
      <c r="CKL40" s="920"/>
      <c r="CKM40" s="920"/>
      <c r="CKN40" s="920"/>
      <c r="CKO40" s="920"/>
      <c r="CKP40" s="920"/>
      <c r="CKQ40" s="920"/>
      <c r="CKR40" s="920"/>
      <c r="CKS40" s="920"/>
      <c r="CKT40" s="920"/>
      <c r="CKU40" s="920"/>
      <c r="CKV40" s="920"/>
      <c r="CKW40" s="920"/>
      <c r="CKX40" s="920"/>
      <c r="CKY40" s="920"/>
      <c r="CKZ40" s="920"/>
      <c r="CLA40" s="920"/>
      <c r="CLB40" s="920"/>
      <c r="CLC40" s="920"/>
      <c r="CLD40" s="920"/>
      <c r="CLE40" s="920"/>
      <c r="CLF40" s="920"/>
      <c r="CLG40" s="920"/>
      <c r="CLH40" s="920"/>
      <c r="CLI40" s="920"/>
      <c r="CLJ40" s="920"/>
      <c r="CLK40" s="920"/>
      <c r="CLL40" s="920"/>
      <c r="CLM40" s="920"/>
      <c r="CLN40" s="920"/>
      <c r="CLO40" s="920"/>
      <c r="CLP40" s="920"/>
      <c r="CLQ40" s="920"/>
      <c r="CLR40" s="920"/>
      <c r="CLS40" s="920"/>
      <c r="CLT40" s="920"/>
      <c r="CLU40" s="920"/>
      <c r="CLV40" s="920"/>
      <c r="CLW40" s="920"/>
      <c r="CLX40" s="920"/>
      <c r="CLY40" s="920"/>
      <c r="CLZ40" s="920"/>
      <c r="CMA40" s="920"/>
      <c r="CMB40" s="920"/>
      <c r="CMC40" s="920"/>
      <c r="CMD40" s="920"/>
      <c r="CME40" s="920"/>
      <c r="CMF40" s="920"/>
      <c r="CMG40" s="920"/>
      <c r="CMH40" s="920"/>
      <c r="CMI40" s="920"/>
      <c r="CMJ40" s="920"/>
      <c r="CMK40" s="920"/>
      <c r="CML40" s="920"/>
      <c r="CMM40" s="920"/>
      <c r="CMN40" s="920"/>
      <c r="CMO40" s="920"/>
      <c r="CMP40" s="920"/>
      <c r="CMQ40" s="920"/>
      <c r="CMR40" s="920"/>
      <c r="CMS40" s="920"/>
      <c r="CMT40" s="920"/>
      <c r="CMU40" s="920"/>
      <c r="CMV40" s="920"/>
      <c r="CMW40" s="920"/>
      <c r="CMX40" s="920"/>
      <c r="CMY40" s="920"/>
      <c r="CMZ40" s="920"/>
      <c r="CNA40" s="920"/>
      <c r="CNB40" s="920"/>
      <c r="CNC40" s="920"/>
      <c r="CND40" s="920"/>
      <c r="CNE40" s="920"/>
      <c r="CNF40" s="920"/>
      <c r="CNG40" s="920"/>
      <c r="CNH40" s="920"/>
      <c r="CNI40" s="920"/>
      <c r="CNJ40" s="920"/>
      <c r="CNK40" s="920"/>
      <c r="CNL40" s="920"/>
      <c r="CNM40" s="920"/>
      <c r="CNN40" s="920"/>
      <c r="CNO40" s="920"/>
      <c r="CNP40" s="920"/>
      <c r="CNQ40" s="920"/>
      <c r="CNR40" s="920"/>
      <c r="CNS40" s="920"/>
      <c r="CNT40" s="920"/>
      <c r="CNU40" s="920"/>
      <c r="CNV40" s="920"/>
      <c r="CNW40" s="920"/>
      <c r="CNX40" s="920"/>
      <c r="CNY40" s="920"/>
      <c r="CNZ40" s="920"/>
      <c r="COA40" s="920"/>
      <c r="COB40" s="920"/>
      <c r="COC40" s="920"/>
      <c r="COD40" s="920"/>
      <c r="COE40" s="920"/>
      <c r="COF40" s="920"/>
      <c r="COG40" s="920"/>
      <c r="COH40" s="920"/>
      <c r="COI40" s="920"/>
      <c r="COJ40" s="920"/>
      <c r="COK40" s="920"/>
      <c r="COL40" s="920"/>
      <c r="COM40" s="920"/>
      <c r="CON40" s="920"/>
      <c r="COO40" s="920"/>
      <c r="COP40" s="920"/>
      <c r="COQ40" s="920"/>
      <c r="COR40" s="920"/>
      <c r="COS40" s="920"/>
      <c r="COT40" s="920"/>
      <c r="COU40" s="920"/>
      <c r="COV40" s="920"/>
      <c r="COW40" s="920"/>
      <c r="COX40" s="920"/>
      <c r="COY40" s="920"/>
      <c r="COZ40" s="920"/>
      <c r="CPA40" s="920"/>
      <c r="CPB40" s="920"/>
      <c r="CPC40" s="920"/>
      <c r="CPD40" s="920"/>
      <c r="CPE40" s="920"/>
      <c r="CPF40" s="920"/>
      <c r="CPG40" s="920"/>
      <c r="CPH40" s="920"/>
      <c r="CPI40" s="920"/>
      <c r="CPJ40" s="920"/>
      <c r="CPK40" s="920"/>
      <c r="CPL40" s="920"/>
      <c r="CPM40" s="920"/>
      <c r="CPN40" s="920"/>
      <c r="CPO40" s="920"/>
      <c r="CPP40" s="920"/>
      <c r="CPQ40" s="920"/>
      <c r="CPR40" s="920"/>
      <c r="CPS40" s="920"/>
      <c r="CPT40" s="920"/>
      <c r="CPU40" s="920"/>
      <c r="CPV40" s="920"/>
      <c r="CPW40" s="920"/>
      <c r="CPX40" s="920"/>
      <c r="CPY40" s="920"/>
      <c r="CPZ40" s="920"/>
      <c r="CQA40" s="920"/>
      <c r="CQB40" s="920"/>
      <c r="CQC40" s="920"/>
      <c r="CQD40" s="920"/>
      <c r="CQE40" s="920"/>
      <c r="CQF40" s="920"/>
      <c r="CQG40" s="920"/>
      <c r="CQH40" s="920"/>
      <c r="CQI40" s="920"/>
      <c r="CQJ40" s="920"/>
      <c r="CQK40" s="920"/>
      <c r="CQL40" s="920"/>
      <c r="CQM40" s="920"/>
      <c r="CQN40" s="920"/>
      <c r="CQO40" s="920"/>
      <c r="CQP40" s="920"/>
      <c r="CQQ40" s="920"/>
      <c r="CQR40" s="920"/>
      <c r="CQS40" s="920"/>
      <c r="CQT40" s="920"/>
      <c r="CQU40" s="920"/>
      <c r="CQV40" s="920"/>
      <c r="CQW40" s="920"/>
      <c r="CQX40" s="920"/>
      <c r="CQY40" s="920"/>
      <c r="CQZ40" s="920"/>
      <c r="CRA40" s="920"/>
      <c r="CRB40" s="920"/>
      <c r="CRC40" s="920"/>
      <c r="CRD40" s="920"/>
      <c r="CRE40" s="920"/>
      <c r="CRF40" s="920"/>
      <c r="CRG40" s="920"/>
      <c r="CRH40" s="920"/>
      <c r="CRI40" s="920"/>
      <c r="CRJ40" s="920"/>
      <c r="CRK40" s="920"/>
      <c r="CRL40" s="920"/>
      <c r="CRM40" s="920"/>
      <c r="CRN40" s="920"/>
      <c r="CRO40" s="920"/>
      <c r="CRP40" s="920"/>
      <c r="CRQ40" s="920"/>
      <c r="CRR40" s="920"/>
      <c r="CRS40" s="920"/>
      <c r="CRT40" s="920"/>
      <c r="CRU40" s="920"/>
      <c r="CRV40" s="920"/>
      <c r="CRW40" s="920"/>
      <c r="CRX40" s="920"/>
      <c r="CRY40" s="920"/>
      <c r="CRZ40" s="920"/>
      <c r="CSA40" s="920"/>
      <c r="CSB40" s="920"/>
      <c r="CSC40" s="920"/>
      <c r="CSD40" s="920"/>
      <c r="CSE40" s="920"/>
      <c r="CSF40" s="920"/>
      <c r="CSG40" s="920"/>
      <c r="CSH40" s="920"/>
      <c r="CSI40" s="920"/>
      <c r="CSJ40" s="920"/>
      <c r="CSK40" s="920"/>
      <c r="CSL40" s="920"/>
      <c r="CSM40" s="920"/>
      <c r="CSN40" s="920"/>
      <c r="CSO40" s="920"/>
      <c r="CSP40" s="920"/>
      <c r="CSQ40" s="920"/>
      <c r="CSR40" s="920"/>
      <c r="CSS40" s="920"/>
      <c r="CST40" s="920"/>
      <c r="CSU40" s="920"/>
      <c r="CSV40" s="920"/>
      <c r="CSW40" s="920"/>
      <c r="CSX40" s="920"/>
      <c r="CSY40" s="920"/>
      <c r="CSZ40" s="920"/>
      <c r="CTA40" s="920"/>
      <c r="CTB40" s="920"/>
      <c r="CTC40" s="920"/>
      <c r="CTD40" s="920"/>
      <c r="CTE40" s="920"/>
      <c r="CTF40" s="920"/>
      <c r="CTG40" s="920"/>
      <c r="CTH40" s="920"/>
      <c r="CTI40" s="920"/>
      <c r="CTJ40" s="920"/>
      <c r="CTK40" s="920"/>
      <c r="CTL40" s="920"/>
      <c r="CTM40" s="920"/>
      <c r="CTN40" s="920"/>
      <c r="CTO40" s="920"/>
      <c r="CTP40" s="920"/>
      <c r="CTQ40" s="920"/>
      <c r="CTR40" s="920"/>
      <c r="CTS40" s="920"/>
      <c r="CTT40" s="920"/>
      <c r="CTU40" s="920"/>
      <c r="CTV40" s="920"/>
      <c r="CTW40" s="920"/>
      <c r="CTX40" s="920"/>
      <c r="CTY40" s="920"/>
      <c r="CTZ40" s="920"/>
      <c r="CUA40" s="920"/>
      <c r="CUB40" s="920"/>
      <c r="CUC40" s="920"/>
      <c r="CUD40" s="920"/>
      <c r="CUE40" s="920"/>
      <c r="CUF40" s="920"/>
      <c r="CUG40" s="920"/>
      <c r="CUH40" s="920"/>
      <c r="CUI40" s="920"/>
      <c r="CUJ40" s="920"/>
      <c r="CUK40" s="920"/>
      <c r="CUL40" s="920"/>
      <c r="CUM40" s="920"/>
      <c r="CUN40" s="920"/>
      <c r="CUO40" s="920"/>
      <c r="CUP40" s="920"/>
      <c r="CUQ40" s="920"/>
      <c r="CUR40" s="920"/>
      <c r="CUS40" s="920"/>
      <c r="CUT40" s="920"/>
      <c r="CUU40" s="920"/>
      <c r="CUV40" s="920"/>
      <c r="CUW40" s="920"/>
      <c r="CUX40" s="920"/>
      <c r="CUY40" s="920"/>
      <c r="CUZ40" s="920"/>
      <c r="CVA40" s="920"/>
      <c r="CVB40" s="920"/>
      <c r="CVC40" s="920"/>
      <c r="CVD40" s="920"/>
      <c r="CVE40" s="920"/>
      <c r="CVF40" s="920"/>
      <c r="CVG40" s="920"/>
      <c r="CVH40" s="920"/>
      <c r="CVI40" s="920"/>
      <c r="CVJ40" s="920"/>
      <c r="CVK40" s="920"/>
      <c r="CVL40" s="920"/>
      <c r="CVM40" s="920"/>
      <c r="CVN40" s="920"/>
      <c r="CVO40" s="920"/>
      <c r="CVP40" s="920"/>
      <c r="CVQ40" s="920"/>
      <c r="CVR40" s="920"/>
      <c r="CVS40" s="920"/>
      <c r="CVT40" s="920"/>
      <c r="CVU40" s="920"/>
      <c r="CVV40" s="920"/>
      <c r="CVW40" s="920"/>
      <c r="CVX40" s="920"/>
      <c r="CVY40" s="920"/>
      <c r="CVZ40" s="920"/>
      <c r="CWA40" s="920"/>
      <c r="CWB40" s="920"/>
      <c r="CWC40" s="920"/>
      <c r="CWD40" s="920"/>
      <c r="CWE40" s="920"/>
      <c r="CWF40" s="920"/>
      <c r="CWG40" s="920"/>
      <c r="CWH40" s="920"/>
      <c r="CWI40" s="920"/>
      <c r="CWJ40" s="920"/>
      <c r="CWK40" s="920"/>
      <c r="CWL40" s="920"/>
      <c r="CWM40" s="920"/>
      <c r="CWN40" s="920"/>
      <c r="CWO40" s="920"/>
      <c r="CWP40" s="920"/>
      <c r="CWQ40" s="920"/>
      <c r="CWR40" s="920"/>
      <c r="CWS40" s="920"/>
      <c r="CWT40" s="920"/>
      <c r="CWU40" s="920"/>
      <c r="CWV40" s="920"/>
      <c r="CWW40" s="920"/>
      <c r="CWX40" s="920"/>
      <c r="CWY40" s="920"/>
      <c r="CWZ40" s="920"/>
      <c r="CXA40" s="920"/>
      <c r="CXB40" s="920"/>
      <c r="CXC40" s="920"/>
      <c r="CXD40" s="920"/>
      <c r="CXE40" s="920"/>
      <c r="CXF40" s="920"/>
      <c r="CXG40" s="920"/>
      <c r="CXH40" s="920"/>
      <c r="CXI40" s="920"/>
      <c r="CXJ40" s="920"/>
      <c r="CXK40" s="920"/>
      <c r="CXL40" s="920"/>
      <c r="CXM40" s="920"/>
      <c r="CXN40" s="920"/>
      <c r="CXO40" s="920"/>
      <c r="CXP40" s="920"/>
      <c r="CXQ40" s="920"/>
      <c r="CXR40" s="920"/>
      <c r="CXS40" s="920"/>
      <c r="CXT40" s="920"/>
      <c r="CXU40" s="920"/>
      <c r="CXV40" s="920"/>
      <c r="CXW40" s="920"/>
      <c r="CXX40" s="920"/>
      <c r="CXY40" s="920"/>
      <c r="CXZ40" s="920"/>
      <c r="CYA40" s="920"/>
      <c r="CYB40" s="920"/>
      <c r="CYC40" s="920"/>
      <c r="CYD40" s="920"/>
      <c r="CYE40" s="920"/>
      <c r="CYF40" s="920"/>
      <c r="CYG40" s="920"/>
      <c r="CYH40" s="920"/>
      <c r="CYI40" s="920"/>
      <c r="CYJ40" s="920"/>
      <c r="CYK40" s="920"/>
      <c r="CYL40" s="920"/>
      <c r="CYM40" s="920"/>
      <c r="CYN40" s="920"/>
      <c r="CYO40" s="920"/>
      <c r="CYP40" s="920"/>
      <c r="CYQ40" s="920"/>
      <c r="CYR40" s="920"/>
      <c r="CYS40" s="920"/>
      <c r="CYT40" s="920"/>
      <c r="CYU40" s="920"/>
      <c r="CYV40" s="920"/>
      <c r="CYW40" s="920"/>
      <c r="CYX40" s="920"/>
      <c r="CYY40" s="920"/>
      <c r="CYZ40" s="920"/>
      <c r="CZA40" s="920"/>
      <c r="CZB40" s="920"/>
      <c r="CZC40" s="920"/>
      <c r="CZD40" s="920"/>
      <c r="CZE40" s="920"/>
      <c r="CZF40" s="920"/>
      <c r="CZG40" s="920"/>
      <c r="CZH40" s="920"/>
      <c r="CZI40" s="920"/>
      <c r="CZJ40" s="920"/>
      <c r="CZK40" s="920"/>
      <c r="CZL40" s="920"/>
      <c r="CZM40" s="920"/>
      <c r="CZN40" s="920"/>
      <c r="CZO40" s="920"/>
      <c r="CZP40" s="920"/>
      <c r="CZQ40" s="920"/>
      <c r="CZR40" s="920"/>
      <c r="CZS40" s="920"/>
      <c r="CZT40" s="920"/>
      <c r="CZU40" s="920"/>
      <c r="CZV40" s="920"/>
      <c r="CZW40" s="920"/>
      <c r="CZX40" s="920"/>
      <c r="CZY40" s="920"/>
      <c r="CZZ40" s="920"/>
      <c r="DAA40" s="920"/>
      <c r="DAB40" s="920"/>
      <c r="DAC40" s="920"/>
      <c r="DAD40" s="920"/>
      <c r="DAE40" s="920"/>
      <c r="DAF40" s="920"/>
      <c r="DAG40" s="920"/>
      <c r="DAH40" s="920"/>
      <c r="DAI40" s="920"/>
      <c r="DAJ40" s="920"/>
      <c r="DAK40" s="920"/>
      <c r="DAL40" s="920"/>
      <c r="DAM40" s="920"/>
      <c r="DAN40" s="920"/>
      <c r="DAO40" s="920"/>
      <c r="DAP40" s="920"/>
      <c r="DAQ40" s="920"/>
      <c r="DAR40" s="920"/>
      <c r="DAS40" s="920"/>
      <c r="DAT40" s="920"/>
      <c r="DAU40" s="920"/>
      <c r="DAV40" s="920"/>
      <c r="DAW40" s="920"/>
      <c r="DAX40" s="920"/>
      <c r="DAY40" s="920"/>
      <c r="DAZ40" s="920"/>
      <c r="DBA40" s="920"/>
      <c r="DBB40" s="920"/>
      <c r="DBC40" s="920"/>
      <c r="DBD40" s="920"/>
      <c r="DBE40" s="920"/>
      <c r="DBF40" s="920"/>
      <c r="DBG40" s="920"/>
      <c r="DBH40" s="920"/>
      <c r="DBI40" s="920"/>
      <c r="DBJ40" s="920"/>
      <c r="DBK40" s="920"/>
      <c r="DBL40" s="920"/>
      <c r="DBM40" s="920"/>
      <c r="DBN40" s="920"/>
      <c r="DBO40" s="920"/>
      <c r="DBP40" s="920"/>
      <c r="DBQ40" s="920"/>
      <c r="DBR40" s="920"/>
      <c r="DBS40" s="920"/>
      <c r="DBT40" s="920"/>
      <c r="DBU40" s="920"/>
      <c r="DBV40" s="920"/>
      <c r="DBW40" s="920"/>
      <c r="DBX40" s="920"/>
      <c r="DBY40" s="920"/>
      <c r="DBZ40" s="920"/>
      <c r="DCA40" s="920"/>
      <c r="DCB40" s="920"/>
      <c r="DCC40" s="920"/>
      <c r="DCD40" s="920"/>
      <c r="DCE40" s="920"/>
      <c r="DCF40" s="920"/>
      <c r="DCG40" s="920"/>
      <c r="DCH40" s="920"/>
      <c r="DCI40" s="920"/>
      <c r="DCJ40" s="920"/>
      <c r="DCK40" s="920"/>
      <c r="DCL40" s="920"/>
      <c r="DCM40" s="920"/>
      <c r="DCN40" s="920"/>
      <c r="DCO40" s="920"/>
      <c r="DCP40" s="920"/>
      <c r="DCQ40" s="920"/>
      <c r="DCR40" s="920"/>
      <c r="DCS40" s="920"/>
      <c r="DCT40" s="920"/>
      <c r="DCU40" s="920"/>
      <c r="DCV40" s="920"/>
      <c r="DCW40" s="920"/>
      <c r="DCX40" s="920"/>
      <c r="DCY40" s="920"/>
      <c r="DCZ40" s="920"/>
      <c r="DDA40" s="920"/>
      <c r="DDB40" s="920"/>
      <c r="DDC40" s="920"/>
      <c r="DDD40" s="920"/>
      <c r="DDE40" s="920"/>
      <c r="DDF40" s="920"/>
      <c r="DDG40" s="920"/>
      <c r="DDH40" s="920"/>
      <c r="DDI40" s="920"/>
      <c r="DDJ40" s="920"/>
      <c r="DDK40" s="920"/>
      <c r="DDL40" s="920"/>
      <c r="DDM40" s="920"/>
      <c r="DDN40" s="920"/>
      <c r="DDO40" s="920"/>
      <c r="DDP40" s="920"/>
      <c r="DDQ40" s="920"/>
      <c r="DDR40" s="920"/>
      <c r="DDS40" s="920"/>
      <c r="DDT40" s="920"/>
      <c r="DDU40" s="920"/>
      <c r="DDV40" s="920"/>
      <c r="DDW40" s="920"/>
      <c r="DDX40" s="920"/>
      <c r="DDY40" s="920"/>
      <c r="DDZ40" s="920"/>
      <c r="DEA40" s="920"/>
      <c r="DEB40" s="920"/>
      <c r="DEC40" s="920"/>
      <c r="DED40" s="920"/>
      <c r="DEE40" s="920"/>
      <c r="DEF40" s="920"/>
      <c r="DEG40" s="920"/>
      <c r="DEH40" s="920"/>
      <c r="DEI40" s="920"/>
      <c r="DEJ40" s="920"/>
      <c r="DEK40" s="920"/>
      <c r="DEL40" s="920"/>
      <c r="DEM40" s="920"/>
      <c r="DEN40" s="920"/>
      <c r="DEO40" s="920"/>
      <c r="DEP40" s="920"/>
      <c r="DEQ40" s="920"/>
      <c r="DER40" s="920"/>
      <c r="DES40" s="920"/>
      <c r="DET40" s="920"/>
      <c r="DEU40" s="920"/>
      <c r="DEV40" s="920"/>
      <c r="DEW40" s="920"/>
      <c r="DEX40" s="920"/>
      <c r="DEY40" s="920"/>
      <c r="DEZ40" s="920"/>
      <c r="DFA40" s="920"/>
      <c r="DFB40" s="920"/>
      <c r="DFC40" s="920"/>
      <c r="DFD40" s="920"/>
      <c r="DFE40" s="920"/>
      <c r="DFF40" s="920"/>
      <c r="DFG40" s="920"/>
      <c r="DFH40" s="920"/>
      <c r="DFI40" s="920"/>
      <c r="DFJ40" s="920"/>
      <c r="DFK40" s="920"/>
      <c r="DFL40" s="920"/>
      <c r="DFM40" s="920"/>
      <c r="DFN40" s="920"/>
      <c r="DFO40" s="920"/>
      <c r="DFP40" s="920"/>
      <c r="DFQ40" s="920"/>
      <c r="DFR40" s="920"/>
      <c r="DFS40" s="920"/>
      <c r="DFT40" s="920"/>
      <c r="DFU40" s="920"/>
      <c r="DFV40" s="920"/>
      <c r="DFW40" s="920"/>
      <c r="DFX40" s="920"/>
      <c r="DFY40" s="920"/>
      <c r="DFZ40" s="920"/>
      <c r="DGA40" s="920"/>
      <c r="DGB40" s="920"/>
      <c r="DGC40" s="920"/>
      <c r="DGD40" s="920"/>
      <c r="DGE40" s="920"/>
      <c r="DGF40" s="920"/>
      <c r="DGG40" s="920"/>
      <c r="DGH40" s="920"/>
      <c r="DGI40" s="920"/>
      <c r="DGJ40" s="920"/>
      <c r="DGK40" s="920"/>
      <c r="DGL40" s="920"/>
      <c r="DGM40" s="920"/>
      <c r="DGN40" s="920"/>
      <c r="DGO40" s="920"/>
      <c r="DGP40" s="920"/>
      <c r="DGQ40" s="920"/>
      <c r="DGR40" s="920"/>
      <c r="DGS40" s="920"/>
      <c r="DGT40" s="920"/>
      <c r="DGU40" s="920"/>
      <c r="DGV40" s="920"/>
      <c r="DGW40" s="920"/>
      <c r="DGX40" s="920"/>
      <c r="DGY40" s="920"/>
      <c r="DGZ40" s="920"/>
      <c r="DHA40" s="920"/>
      <c r="DHB40" s="920"/>
      <c r="DHC40" s="920"/>
      <c r="DHD40" s="920"/>
      <c r="DHE40" s="920"/>
      <c r="DHF40" s="920"/>
      <c r="DHG40" s="920"/>
      <c r="DHH40" s="920"/>
      <c r="DHI40" s="920"/>
      <c r="DHJ40" s="920"/>
      <c r="DHK40" s="920"/>
      <c r="DHL40" s="920"/>
      <c r="DHM40" s="920"/>
      <c r="DHN40" s="920"/>
      <c r="DHO40" s="920"/>
      <c r="DHP40" s="920"/>
      <c r="DHQ40" s="920"/>
      <c r="DHR40" s="920"/>
      <c r="DHS40" s="920"/>
      <c r="DHT40" s="920"/>
      <c r="DHU40" s="920"/>
      <c r="DHV40" s="920"/>
      <c r="DHW40" s="920"/>
      <c r="DHX40" s="920"/>
      <c r="DHY40" s="920"/>
      <c r="DHZ40" s="920"/>
      <c r="DIA40" s="920"/>
      <c r="DIB40" s="920"/>
      <c r="DIC40" s="920"/>
      <c r="DID40" s="920"/>
      <c r="DIE40" s="920"/>
      <c r="DIF40" s="920"/>
      <c r="DIG40" s="920"/>
      <c r="DIH40" s="920"/>
      <c r="DII40" s="920"/>
      <c r="DIJ40" s="920"/>
      <c r="DIK40" s="920"/>
      <c r="DIL40" s="920"/>
      <c r="DIM40" s="920"/>
      <c r="DIN40" s="920"/>
      <c r="DIO40" s="920"/>
      <c r="DIP40" s="920"/>
      <c r="DIQ40" s="920"/>
      <c r="DIR40" s="920"/>
      <c r="DIS40" s="920"/>
      <c r="DIT40" s="920"/>
      <c r="DIU40" s="920"/>
      <c r="DIV40" s="920"/>
      <c r="DIW40" s="920"/>
      <c r="DIX40" s="920"/>
      <c r="DIY40" s="920"/>
      <c r="DIZ40" s="920"/>
      <c r="DJA40" s="920"/>
      <c r="DJB40" s="920"/>
      <c r="DJC40" s="920"/>
      <c r="DJD40" s="920"/>
      <c r="DJE40" s="920"/>
      <c r="DJF40" s="920"/>
      <c r="DJG40" s="920"/>
      <c r="DJH40" s="920"/>
      <c r="DJI40" s="920"/>
      <c r="DJJ40" s="920"/>
      <c r="DJK40" s="920"/>
      <c r="DJL40" s="920"/>
      <c r="DJM40" s="920"/>
      <c r="DJN40" s="920"/>
      <c r="DJO40" s="920"/>
      <c r="DJP40" s="920"/>
      <c r="DJQ40" s="920"/>
      <c r="DJR40" s="920"/>
      <c r="DJS40" s="920"/>
      <c r="DJT40" s="920"/>
      <c r="DJU40" s="920"/>
      <c r="DJV40" s="920"/>
      <c r="DJW40" s="920"/>
      <c r="DJX40" s="920"/>
      <c r="DJY40" s="920"/>
      <c r="DJZ40" s="920"/>
      <c r="DKA40" s="920"/>
      <c r="DKB40" s="920"/>
      <c r="DKC40" s="920"/>
      <c r="DKD40" s="920"/>
      <c r="DKE40" s="920"/>
      <c r="DKF40" s="920"/>
      <c r="DKG40" s="920"/>
      <c r="DKH40" s="920"/>
      <c r="DKI40" s="920"/>
      <c r="DKJ40" s="920"/>
      <c r="DKK40" s="920"/>
      <c r="DKL40" s="920"/>
      <c r="DKM40" s="920"/>
      <c r="DKN40" s="920"/>
      <c r="DKO40" s="920"/>
      <c r="DKP40" s="920"/>
      <c r="DKQ40" s="920"/>
      <c r="DKR40" s="920"/>
      <c r="DKS40" s="920"/>
      <c r="DKT40" s="920"/>
      <c r="DKU40" s="920"/>
      <c r="DKV40" s="920"/>
      <c r="DKW40" s="920"/>
      <c r="DKX40" s="920"/>
      <c r="DKY40" s="920"/>
      <c r="DKZ40" s="920"/>
      <c r="DLA40" s="920"/>
      <c r="DLB40" s="920"/>
      <c r="DLC40" s="920"/>
      <c r="DLD40" s="920"/>
      <c r="DLE40" s="920"/>
      <c r="DLF40" s="920"/>
      <c r="DLG40" s="920"/>
      <c r="DLH40" s="920"/>
      <c r="DLI40" s="920"/>
      <c r="DLJ40" s="920"/>
      <c r="DLK40" s="920"/>
      <c r="DLL40" s="920"/>
      <c r="DLM40" s="920"/>
      <c r="DLN40" s="920"/>
      <c r="DLO40" s="920"/>
      <c r="DLP40" s="920"/>
      <c r="DLQ40" s="920"/>
      <c r="DLR40" s="920"/>
      <c r="DLS40" s="920"/>
      <c r="DLT40" s="920"/>
      <c r="DLU40" s="920"/>
      <c r="DLV40" s="920"/>
      <c r="DLW40" s="920"/>
      <c r="DLX40" s="920"/>
      <c r="DLY40" s="920"/>
      <c r="DLZ40" s="920"/>
      <c r="DMA40" s="920"/>
      <c r="DMB40" s="920"/>
      <c r="DMC40" s="920"/>
      <c r="DMD40" s="920"/>
      <c r="DME40" s="920"/>
      <c r="DMF40" s="920"/>
      <c r="DMG40" s="920"/>
      <c r="DMH40" s="920"/>
      <c r="DMI40" s="920"/>
      <c r="DMJ40" s="920"/>
      <c r="DMK40" s="920"/>
      <c r="DML40" s="920"/>
      <c r="DMM40" s="920"/>
      <c r="DMN40" s="920"/>
      <c r="DMO40" s="920"/>
      <c r="DMP40" s="920"/>
      <c r="DMQ40" s="920"/>
      <c r="DMR40" s="920"/>
      <c r="DMS40" s="920"/>
      <c r="DMT40" s="920"/>
      <c r="DMU40" s="920"/>
      <c r="DMV40" s="920"/>
      <c r="DMW40" s="920"/>
      <c r="DMX40" s="920"/>
      <c r="DMY40" s="920"/>
      <c r="DMZ40" s="920"/>
      <c r="DNA40" s="920"/>
      <c r="DNB40" s="920"/>
      <c r="DNC40" s="920"/>
      <c r="DND40" s="920"/>
      <c r="DNE40" s="920"/>
      <c r="DNF40" s="920"/>
      <c r="DNG40" s="920"/>
      <c r="DNH40" s="920"/>
      <c r="DNI40" s="920"/>
      <c r="DNJ40" s="920"/>
      <c r="DNK40" s="920"/>
      <c r="DNL40" s="920"/>
      <c r="DNM40" s="920"/>
      <c r="DNN40" s="920"/>
      <c r="DNO40" s="920"/>
      <c r="DNP40" s="920"/>
      <c r="DNQ40" s="920"/>
      <c r="DNR40" s="920"/>
      <c r="DNS40" s="920"/>
      <c r="DNT40" s="920"/>
      <c r="DNU40" s="920"/>
      <c r="DNV40" s="920"/>
      <c r="DNW40" s="920"/>
      <c r="DNX40" s="920"/>
      <c r="DNY40" s="920"/>
      <c r="DNZ40" s="920"/>
      <c r="DOA40" s="920"/>
      <c r="DOB40" s="920"/>
      <c r="DOC40" s="920"/>
      <c r="DOD40" s="920"/>
      <c r="DOE40" s="920"/>
      <c r="DOF40" s="920"/>
      <c r="DOG40" s="920"/>
      <c r="DOH40" s="920"/>
      <c r="DOI40" s="920"/>
      <c r="DOJ40" s="920"/>
      <c r="DOK40" s="920"/>
      <c r="DOL40" s="920"/>
      <c r="DOM40" s="920"/>
      <c r="DON40" s="920"/>
      <c r="DOO40" s="920"/>
      <c r="DOP40" s="920"/>
      <c r="DOQ40" s="920"/>
      <c r="DOR40" s="920"/>
      <c r="DOS40" s="920"/>
      <c r="DOT40" s="920"/>
      <c r="DOU40" s="920"/>
      <c r="DOV40" s="920"/>
      <c r="DOW40" s="920"/>
      <c r="DOX40" s="920"/>
      <c r="DOY40" s="920"/>
      <c r="DOZ40" s="920"/>
      <c r="DPA40" s="920"/>
      <c r="DPB40" s="920"/>
      <c r="DPC40" s="920"/>
      <c r="DPD40" s="920"/>
      <c r="DPE40" s="920"/>
      <c r="DPF40" s="920"/>
      <c r="DPG40" s="920"/>
      <c r="DPH40" s="920"/>
      <c r="DPI40" s="920"/>
      <c r="DPJ40" s="920"/>
      <c r="DPK40" s="920"/>
      <c r="DPL40" s="920"/>
      <c r="DPM40" s="920"/>
      <c r="DPN40" s="920"/>
      <c r="DPO40" s="920"/>
      <c r="DPP40" s="920"/>
      <c r="DPQ40" s="920"/>
      <c r="DPR40" s="920"/>
      <c r="DPS40" s="920"/>
      <c r="DPT40" s="920"/>
      <c r="DPU40" s="920"/>
      <c r="DPV40" s="920"/>
      <c r="DPW40" s="920"/>
      <c r="DPX40" s="920"/>
      <c r="DPY40" s="920"/>
      <c r="DPZ40" s="920"/>
      <c r="DQA40" s="920"/>
      <c r="DQB40" s="920"/>
      <c r="DQC40" s="920"/>
      <c r="DQD40" s="920"/>
      <c r="DQE40" s="920"/>
      <c r="DQF40" s="920"/>
      <c r="DQG40" s="920"/>
      <c r="DQH40" s="920"/>
      <c r="DQI40" s="920"/>
      <c r="DQJ40" s="920"/>
      <c r="DQK40" s="920"/>
      <c r="DQL40" s="920"/>
      <c r="DQM40" s="920"/>
      <c r="DQN40" s="920"/>
      <c r="DQO40" s="920"/>
      <c r="DQP40" s="920"/>
      <c r="DQQ40" s="920"/>
      <c r="DQR40" s="920"/>
      <c r="DQS40" s="920"/>
      <c r="DQT40" s="920"/>
      <c r="DQU40" s="920"/>
      <c r="DQV40" s="920"/>
      <c r="DQW40" s="920"/>
      <c r="DQX40" s="920"/>
      <c r="DQY40" s="920"/>
      <c r="DQZ40" s="920"/>
      <c r="DRA40" s="920"/>
      <c r="DRB40" s="920"/>
      <c r="DRC40" s="920"/>
      <c r="DRD40" s="920"/>
      <c r="DRE40" s="920"/>
      <c r="DRF40" s="920"/>
      <c r="DRG40" s="920"/>
      <c r="DRH40" s="920"/>
      <c r="DRI40" s="920"/>
      <c r="DRJ40" s="920"/>
      <c r="DRK40" s="920"/>
      <c r="DRL40" s="920"/>
      <c r="DRM40" s="920"/>
      <c r="DRN40" s="920"/>
      <c r="DRO40" s="920"/>
      <c r="DRP40" s="920"/>
      <c r="DRQ40" s="920"/>
      <c r="DRR40" s="920"/>
      <c r="DRS40" s="920"/>
      <c r="DRT40" s="920"/>
      <c r="DRU40" s="920"/>
      <c r="DRV40" s="920"/>
      <c r="DRW40" s="920"/>
      <c r="DRX40" s="920"/>
      <c r="DRY40" s="920"/>
      <c r="DRZ40" s="920"/>
      <c r="DSA40" s="920"/>
      <c r="DSB40" s="920"/>
      <c r="DSC40" s="920"/>
      <c r="DSD40" s="920"/>
      <c r="DSE40" s="920"/>
      <c r="DSF40" s="920"/>
      <c r="DSG40" s="920"/>
      <c r="DSH40" s="920"/>
      <c r="DSI40" s="920"/>
      <c r="DSJ40" s="920"/>
      <c r="DSK40" s="920"/>
      <c r="DSL40" s="920"/>
      <c r="DSM40" s="920"/>
      <c r="DSN40" s="920"/>
      <c r="DSO40" s="920"/>
      <c r="DSP40" s="920"/>
      <c r="DSQ40" s="920"/>
      <c r="DSR40" s="920"/>
      <c r="DSS40" s="920"/>
      <c r="DST40" s="920"/>
      <c r="DSU40" s="920"/>
      <c r="DSV40" s="920"/>
      <c r="DSW40" s="920"/>
      <c r="DSX40" s="920"/>
      <c r="DSY40" s="920"/>
      <c r="DSZ40" s="920"/>
      <c r="DTA40" s="920"/>
      <c r="DTB40" s="920"/>
      <c r="DTC40" s="920"/>
      <c r="DTD40" s="920"/>
      <c r="DTE40" s="920"/>
      <c r="DTF40" s="920"/>
      <c r="DTG40" s="920"/>
      <c r="DTH40" s="920"/>
      <c r="DTI40" s="920"/>
      <c r="DTJ40" s="920"/>
      <c r="DTK40" s="920"/>
      <c r="DTL40" s="920"/>
      <c r="DTM40" s="920"/>
      <c r="DTN40" s="920"/>
      <c r="DTO40" s="920"/>
      <c r="DTP40" s="920"/>
      <c r="DTQ40" s="920"/>
      <c r="DTR40" s="920"/>
      <c r="DTS40" s="920"/>
      <c r="DTT40" s="920"/>
      <c r="DTU40" s="920"/>
      <c r="DTV40" s="920"/>
      <c r="DTW40" s="920"/>
      <c r="DTX40" s="920"/>
      <c r="DTY40" s="920"/>
      <c r="DTZ40" s="920"/>
      <c r="DUA40" s="920"/>
      <c r="DUB40" s="920"/>
      <c r="DUC40" s="920"/>
      <c r="DUD40" s="920"/>
      <c r="DUE40" s="920"/>
      <c r="DUF40" s="920"/>
      <c r="DUG40" s="920"/>
      <c r="DUH40" s="920"/>
      <c r="DUI40" s="920"/>
      <c r="DUJ40" s="920"/>
      <c r="DUK40" s="920"/>
      <c r="DUL40" s="920"/>
      <c r="DUM40" s="920"/>
      <c r="DUN40" s="920"/>
      <c r="DUO40" s="920"/>
      <c r="DUP40" s="920"/>
      <c r="DUQ40" s="920"/>
      <c r="DUR40" s="920"/>
      <c r="DUS40" s="920"/>
      <c r="DUT40" s="920"/>
      <c r="DUU40" s="920"/>
      <c r="DUV40" s="920"/>
      <c r="DUW40" s="920"/>
      <c r="DUX40" s="920"/>
      <c r="DUY40" s="920"/>
      <c r="DUZ40" s="920"/>
      <c r="DVA40" s="920"/>
      <c r="DVB40" s="920"/>
      <c r="DVC40" s="920"/>
      <c r="DVD40" s="920"/>
      <c r="DVE40" s="920"/>
      <c r="DVF40" s="920"/>
      <c r="DVG40" s="920"/>
      <c r="DVH40" s="920"/>
      <c r="DVI40" s="920"/>
      <c r="DVJ40" s="920"/>
      <c r="DVK40" s="920"/>
      <c r="DVL40" s="920"/>
      <c r="DVM40" s="920"/>
      <c r="DVN40" s="920"/>
      <c r="DVO40" s="920"/>
      <c r="DVP40" s="920"/>
      <c r="DVQ40" s="920"/>
      <c r="DVR40" s="920"/>
      <c r="DVS40" s="920"/>
      <c r="DVT40" s="920"/>
      <c r="DVU40" s="920"/>
      <c r="DVV40" s="920"/>
      <c r="DVW40" s="920"/>
      <c r="DVX40" s="920"/>
      <c r="DVY40" s="920"/>
      <c r="DVZ40" s="920"/>
      <c r="DWA40" s="920"/>
      <c r="DWB40" s="920"/>
      <c r="DWC40" s="920"/>
      <c r="DWD40" s="920"/>
      <c r="DWE40" s="920"/>
      <c r="DWF40" s="920"/>
      <c r="DWG40" s="920"/>
      <c r="DWH40" s="920"/>
      <c r="DWI40" s="920"/>
      <c r="DWJ40" s="920"/>
      <c r="DWK40" s="920"/>
      <c r="DWL40" s="920"/>
      <c r="DWM40" s="920"/>
      <c r="DWN40" s="920"/>
      <c r="DWO40" s="920"/>
      <c r="DWP40" s="920"/>
      <c r="DWQ40" s="920"/>
      <c r="DWR40" s="920"/>
      <c r="DWS40" s="920"/>
      <c r="DWT40" s="920"/>
      <c r="DWU40" s="920"/>
      <c r="DWV40" s="920"/>
      <c r="DWW40" s="920"/>
      <c r="DWX40" s="920"/>
      <c r="DWY40" s="920"/>
      <c r="DWZ40" s="920"/>
      <c r="DXA40" s="920"/>
      <c r="DXB40" s="920"/>
      <c r="DXC40" s="920"/>
      <c r="DXD40" s="920"/>
      <c r="DXE40" s="920"/>
      <c r="DXF40" s="920"/>
      <c r="DXG40" s="920"/>
      <c r="DXH40" s="920"/>
      <c r="DXI40" s="920"/>
      <c r="DXJ40" s="920"/>
      <c r="DXK40" s="920"/>
      <c r="DXL40" s="920"/>
      <c r="DXM40" s="920"/>
      <c r="DXN40" s="920"/>
      <c r="DXO40" s="920"/>
      <c r="DXP40" s="920"/>
      <c r="DXQ40" s="920"/>
      <c r="DXR40" s="920"/>
      <c r="DXS40" s="920"/>
      <c r="DXT40" s="920"/>
      <c r="DXU40" s="920"/>
      <c r="DXV40" s="920"/>
      <c r="DXW40" s="920"/>
      <c r="DXX40" s="920"/>
      <c r="DXY40" s="920"/>
      <c r="DXZ40" s="920"/>
      <c r="DYA40" s="920"/>
      <c r="DYB40" s="920"/>
      <c r="DYC40" s="920"/>
      <c r="DYD40" s="920"/>
      <c r="DYE40" s="920"/>
      <c r="DYF40" s="920"/>
      <c r="DYG40" s="920"/>
      <c r="DYH40" s="920"/>
      <c r="DYI40" s="920"/>
      <c r="DYJ40" s="920"/>
      <c r="DYK40" s="920"/>
      <c r="DYL40" s="920"/>
      <c r="DYM40" s="920"/>
      <c r="DYN40" s="920"/>
      <c r="DYO40" s="920"/>
      <c r="DYP40" s="920"/>
      <c r="DYQ40" s="920"/>
      <c r="DYR40" s="920"/>
      <c r="DYS40" s="920"/>
      <c r="DYT40" s="920"/>
      <c r="DYU40" s="920"/>
      <c r="DYV40" s="920"/>
      <c r="DYW40" s="920"/>
      <c r="DYX40" s="920"/>
      <c r="DYY40" s="920"/>
      <c r="DYZ40" s="920"/>
      <c r="DZA40" s="920"/>
      <c r="DZB40" s="920"/>
      <c r="DZC40" s="920"/>
      <c r="DZD40" s="920"/>
      <c r="DZE40" s="920"/>
      <c r="DZF40" s="920"/>
      <c r="DZG40" s="920"/>
      <c r="DZH40" s="920"/>
      <c r="DZI40" s="920"/>
      <c r="DZJ40" s="920"/>
      <c r="DZK40" s="920"/>
      <c r="DZL40" s="920"/>
      <c r="DZM40" s="920"/>
      <c r="DZN40" s="920"/>
      <c r="DZO40" s="920"/>
      <c r="DZP40" s="920"/>
      <c r="DZQ40" s="920"/>
      <c r="DZR40" s="920"/>
      <c r="DZS40" s="920"/>
      <c r="DZT40" s="920"/>
      <c r="DZU40" s="920"/>
      <c r="DZV40" s="920"/>
      <c r="DZW40" s="920"/>
      <c r="DZX40" s="920"/>
      <c r="DZY40" s="920"/>
      <c r="DZZ40" s="920"/>
      <c r="EAA40" s="920"/>
      <c r="EAB40" s="920"/>
      <c r="EAC40" s="920"/>
      <c r="EAD40" s="920"/>
      <c r="EAE40" s="920"/>
      <c r="EAF40" s="920"/>
      <c r="EAG40" s="920"/>
      <c r="EAH40" s="920"/>
      <c r="EAI40" s="920"/>
      <c r="EAJ40" s="920"/>
      <c r="EAK40" s="920"/>
      <c r="EAL40" s="920"/>
      <c r="EAM40" s="920"/>
      <c r="EAN40" s="920"/>
      <c r="EAO40" s="920"/>
      <c r="EAP40" s="920"/>
      <c r="EAQ40" s="920"/>
      <c r="EAR40" s="920"/>
      <c r="EAS40" s="920"/>
      <c r="EAT40" s="920"/>
      <c r="EAU40" s="920"/>
      <c r="EAV40" s="920"/>
      <c r="EAW40" s="920"/>
      <c r="EAX40" s="920"/>
      <c r="EAY40" s="920"/>
      <c r="EAZ40" s="920"/>
      <c r="EBA40" s="920"/>
      <c r="EBB40" s="920"/>
      <c r="EBC40" s="920"/>
      <c r="EBD40" s="920"/>
      <c r="EBE40" s="920"/>
      <c r="EBF40" s="920"/>
      <c r="EBG40" s="920"/>
      <c r="EBH40" s="920"/>
      <c r="EBI40" s="920"/>
      <c r="EBJ40" s="920"/>
      <c r="EBK40" s="920"/>
      <c r="EBL40" s="920"/>
      <c r="EBM40" s="920"/>
      <c r="EBN40" s="920"/>
      <c r="EBO40" s="920"/>
      <c r="EBP40" s="920"/>
      <c r="EBQ40" s="920"/>
      <c r="EBR40" s="920"/>
      <c r="EBS40" s="920"/>
      <c r="EBT40" s="920"/>
      <c r="EBU40" s="920"/>
      <c r="EBV40" s="920"/>
      <c r="EBW40" s="920"/>
      <c r="EBX40" s="920"/>
      <c r="EBY40" s="920"/>
      <c r="EBZ40" s="920"/>
      <c r="ECA40" s="920"/>
      <c r="ECB40" s="920"/>
      <c r="ECC40" s="920"/>
      <c r="ECD40" s="920"/>
      <c r="ECE40" s="920"/>
      <c r="ECF40" s="920"/>
      <c r="ECG40" s="920"/>
      <c r="ECH40" s="920"/>
      <c r="ECI40" s="920"/>
      <c r="ECJ40" s="920"/>
      <c r="ECK40" s="920"/>
      <c r="ECL40" s="920"/>
      <c r="ECM40" s="920"/>
      <c r="ECN40" s="920"/>
      <c r="ECO40" s="920"/>
      <c r="ECP40" s="920"/>
      <c r="ECQ40" s="920"/>
      <c r="ECR40" s="920"/>
      <c r="ECS40" s="920"/>
      <c r="ECT40" s="920"/>
      <c r="ECU40" s="920"/>
      <c r="ECV40" s="920"/>
      <c r="ECW40" s="920"/>
      <c r="ECX40" s="920"/>
      <c r="ECY40" s="920"/>
      <c r="ECZ40" s="920"/>
      <c r="EDA40" s="920"/>
      <c r="EDB40" s="920"/>
      <c r="EDC40" s="920"/>
      <c r="EDD40" s="920"/>
      <c r="EDE40" s="920"/>
      <c r="EDF40" s="920"/>
      <c r="EDG40" s="920"/>
      <c r="EDH40" s="920"/>
      <c r="EDI40" s="920"/>
      <c r="EDJ40" s="920"/>
      <c r="EDK40" s="920"/>
      <c r="EDL40" s="920"/>
      <c r="EDM40" s="920"/>
      <c r="EDN40" s="920"/>
      <c r="EDO40" s="920"/>
      <c r="EDP40" s="920"/>
      <c r="EDQ40" s="920"/>
      <c r="EDR40" s="920"/>
      <c r="EDS40" s="920"/>
      <c r="EDT40" s="920"/>
      <c r="EDU40" s="920"/>
      <c r="EDV40" s="920"/>
      <c r="EDW40" s="920"/>
      <c r="EDX40" s="920"/>
      <c r="EDY40" s="920"/>
      <c r="EDZ40" s="920"/>
      <c r="EEA40" s="920"/>
      <c r="EEB40" s="920"/>
      <c r="EEC40" s="920"/>
      <c r="EED40" s="920"/>
      <c r="EEE40" s="920"/>
      <c r="EEF40" s="920"/>
      <c r="EEG40" s="920"/>
      <c r="EEH40" s="920"/>
      <c r="EEI40" s="920"/>
      <c r="EEJ40" s="920"/>
      <c r="EEK40" s="920"/>
      <c r="EEL40" s="920"/>
      <c r="EEM40" s="920"/>
      <c r="EEN40" s="920"/>
      <c r="EEO40" s="920"/>
      <c r="EEP40" s="920"/>
      <c r="EEQ40" s="920"/>
      <c r="EER40" s="920"/>
      <c r="EES40" s="920"/>
      <c r="EET40" s="920"/>
      <c r="EEU40" s="920"/>
      <c r="EEV40" s="920"/>
      <c r="EEW40" s="920"/>
      <c r="EEX40" s="920"/>
      <c r="EEY40" s="920"/>
      <c r="EEZ40" s="920"/>
      <c r="EFA40" s="920"/>
      <c r="EFB40" s="920"/>
      <c r="EFC40" s="920"/>
      <c r="EFD40" s="920"/>
      <c r="EFE40" s="920"/>
      <c r="EFF40" s="920"/>
      <c r="EFG40" s="920"/>
      <c r="EFH40" s="920"/>
      <c r="EFI40" s="920"/>
      <c r="EFJ40" s="920"/>
      <c r="EFK40" s="920"/>
      <c r="EFL40" s="920"/>
      <c r="EFM40" s="920"/>
      <c r="EFN40" s="920"/>
      <c r="EFO40" s="920"/>
      <c r="EFP40" s="920"/>
      <c r="EFQ40" s="920"/>
      <c r="EFR40" s="920"/>
      <c r="EFS40" s="920"/>
      <c r="EFT40" s="920"/>
      <c r="EFU40" s="920"/>
      <c r="EFV40" s="920"/>
      <c r="EFW40" s="920"/>
      <c r="EFX40" s="920"/>
      <c r="EFY40" s="920"/>
      <c r="EFZ40" s="920"/>
      <c r="EGA40" s="920"/>
      <c r="EGB40" s="920"/>
      <c r="EGC40" s="920"/>
      <c r="EGD40" s="920"/>
      <c r="EGE40" s="920"/>
      <c r="EGF40" s="920"/>
      <c r="EGG40" s="920"/>
      <c r="EGH40" s="920"/>
      <c r="EGI40" s="920"/>
      <c r="EGJ40" s="920"/>
      <c r="EGK40" s="920"/>
      <c r="EGL40" s="920"/>
      <c r="EGM40" s="920"/>
      <c r="EGN40" s="920"/>
      <c r="EGO40" s="920"/>
      <c r="EGP40" s="920"/>
      <c r="EGQ40" s="920"/>
      <c r="EGR40" s="920"/>
      <c r="EGS40" s="920"/>
      <c r="EGT40" s="920"/>
      <c r="EGU40" s="920"/>
      <c r="EGV40" s="920"/>
      <c r="EGW40" s="920"/>
      <c r="EGX40" s="920"/>
      <c r="EGY40" s="920"/>
      <c r="EGZ40" s="920"/>
      <c r="EHA40" s="920"/>
      <c r="EHB40" s="920"/>
      <c r="EHC40" s="920"/>
      <c r="EHD40" s="920"/>
      <c r="EHE40" s="920"/>
      <c r="EHF40" s="920"/>
      <c r="EHG40" s="920"/>
      <c r="EHH40" s="920"/>
      <c r="EHI40" s="920"/>
      <c r="EHJ40" s="920"/>
      <c r="EHK40" s="920"/>
      <c r="EHL40" s="920"/>
      <c r="EHM40" s="920"/>
      <c r="EHN40" s="920"/>
      <c r="EHO40" s="920"/>
      <c r="EHP40" s="920"/>
      <c r="EHQ40" s="920"/>
      <c r="EHR40" s="920"/>
      <c r="EHS40" s="920"/>
      <c r="EHT40" s="920"/>
      <c r="EHU40" s="920"/>
      <c r="EHV40" s="920"/>
      <c r="EHW40" s="920"/>
      <c r="EHX40" s="920"/>
      <c r="EHY40" s="920"/>
      <c r="EHZ40" s="920"/>
      <c r="EIA40" s="920"/>
      <c r="EIB40" s="920"/>
      <c r="EIC40" s="920"/>
      <c r="EID40" s="920"/>
      <c r="EIE40" s="920"/>
      <c r="EIF40" s="920"/>
      <c r="EIG40" s="920"/>
      <c r="EIH40" s="920"/>
      <c r="EII40" s="920"/>
      <c r="EIJ40" s="920"/>
      <c r="EIK40" s="920"/>
      <c r="EIL40" s="920"/>
      <c r="EIM40" s="920"/>
      <c r="EIN40" s="920"/>
      <c r="EIO40" s="920"/>
      <c r="EIP40" s="920"/>
      <c r="EIQ40" s="920"/>
      <c r="EIR40" s="920"/>
      <c r="EIS40" s="920"/>
      <c r="EIT40" s="920"/>
      <c r="EIU40" s="920"/>
      <c r="EIV40" s="920"/>
      <c r="EIW40" s="920"/>
      <c r="EIX40" s="920"/>
      <c r="EIY40" s="920"/>
      <c r="EIZ40" s="920"/>
      <c r="EJA40" s="920"/>
      <c r="EJB40" s="920"/>
      <c r="EJC40" s="920"/>
      <c r="EJD40" s="920"/>
      <c r="EJE40" s="920"/>
      <c r="EJF40" s="920"/>
      <c r="EJG40" s="920"/>
      <c r="EJH40" s="920"/>
      <c r="EJI40" s="920"/>
      <c r="EJJ40" s="920"/>
      <c r="EJK40" s="920"/>
      <c r="EJL40" s="920"/>
      <c r="EJM40" s="920"/>
      <c r="EJN40" s="920"/>
      <c r="EJO40" s="920"/>
      <c r="EJP40" s="920"/>
      <c r="EJQ40" s="920"/>
      <c r="EJR40" s="920"/>
      <c r="EJS40" s="920"/>
      <c r="EJT40" s="920"/>
      <c r="EJU40" s="920"/>
      <c r="EJV40" s="920"/>
      <c r="EJW40" s="920"/>
      <c r="EJX40" s="920"/>
      <c r="EJY40" s="920"/>
      <c r="EJZ40" s="920"/>
      <c r="EKA40" s="920"/>
      <c r="EKB40" s="920"/>
      <c r="EKC40" s="920"/>
      <c r="EKD40" s="920"/>
      <c r="EKE40" s="920"/>
      <c r="EKF40" s="920"/>
      <c r="EKG40" s="920"/>
      <c r="EKH40" s="920"/>
      <c r="EKI40" s="920"/>
      <c r="EKJ40" s="920"/>
      <c r="EKK40" s="920"/>
      <c r="EKL40" s="920"/>
      <c r="EKM40" s="920"/>
      <c r="EKN40" s="920"/>
      <c r="EKO40" s="920"/>
      <c r="EKP40" s="920"/>
      <c r="EKQ40" s="920"/>
      <c r="EKR40" s="920"/>
      <c r="EKS40" s="920"/>
      <c r="EKT40" s="920"/>
      <c r="EKU40" s="920"/>
      <c r="EKV40" s="920"/>
      <c r="EKW40" s="920"/>
      <c r="EKX40" s="920"/>
      <c r="EKY40" s="920"/>
      <c r="EKZ40" s="920"/>
      <c r="ELA40" s="920"/>
      <c r="ELB40" s="920"/>
      <c r="ELC40" s="920"/>
      <c r="ELD40" s="920"/>
      <c r="ELE40" s="920"/>
      <c r="ELF40" s="920"/>
      <c r="ELG40" s="920"/>
      <c r="ELH40" s="920"/>
      <c r="ELI40" s="920"/>
      <c r="ELJ40" s="920"/>
      <c r="ELK40" s="920"/>
      <c r="ELL40" s="920"/>
      <c r="ELM40" s="920"/>
      <c r="ELN40" s="920"/>
      <c r="ELO40" s="920"/>
      <c r="ELP40" s="920"/>
      <c r="ELQ40" s="920"/>
      <c r="ELR40" s="920"/>
      <c r="ELS40" s="920"/>
      <c r="ELT40" s="920"/>
      <c r="ELU40" s="920"/>
      <c r="ELV40" s="920"/>
      <c r="ELW40" s="920"/>
      <c r="ELX40" s="920"/>
      <c r="ELY40" s="920"/>
      <c r="ELZ40" s="920"/>
      <c r="EMA40" s="920"/>
      <c r="EMB40" s="920"/>
      <c r="EMC40" s="920"/>
      <c r="EMD40" s="920"/>
      <c r="EME40" s="920"/>
      <c r="EMF40" s="920"/>
      <c r="EMG40" s="920"/>
      <c r="EMH40" s="920"/>
      <c r="EMI40" s="920"/>
      <c r="EMJ40" s="920"/>
      <c r="EMK40" s="920"/>
      <c r="EML40" s="920"/>
      <c r="EMM40" s="920"/>
      <c r="EMN40" s="920"/>
      <c r="EMO40" s="920"/>
      <c r="EMP40" s="920"/>
      <c r="EMQ40" s="920"/>
      <c r="EMR40" s="920"/>
      <c r="EMS40" s="920"/>
      <c r="EMT40" s="920"/>
      <c r="EMU40" s="920"/>
      <c r="EMV40" s="920"/>
      <c r="EMW40" s="920"/>
      <c r="EMX40" s="920"/>
      <c r="EMY40" s="920"/>
      <c r="EMZ40" s="920"/>
      <c r="ENA40" s="920"/>
      <c r="ENB40" s="920"/>
      <c r="ENC40" s="920"/>
      <c r="END40" s="920"/>
      <c r="ENE40" s="920"/>
      <c r="ENF40" s="920"/>
      <c r="ENG40" s="920"/>
      <c r="ENH40" s="920"/>
      <c r="ENI40" s="920"/>
      <c r="ENJ40" s="920"/>
      <c r="ENK40" s="920"/>
      <c r="ENL40" s="920"/>
      <c r="ENM40" s="920"/>
      <c r="ENN40" s="920"/>
      <c r="ENO40" s="920"/>
      <c r="ENP40" s="920"/>
      <c r="ENQ40" s="920"/>
      <c r="ENR40" s="920"/>
      <c r="ENS40" s="920"/>
      <c r="ENT40" s="920"/>
      <c r="ENU40" s="920"/>
      <c r="ENV40" s="920"/>
      <c r="ENW40" s="920"/>
      <c r="ENX40" s="920"/>
      <c r="ENY40" s="920"/>
      <c r="ENZ40" s="920"/>
      <c r="EOA40" s="920"/>
      <c r="EOB40" s="920"/>
      <c r="EOC40" s="920"/>
      <c r="EOD40" s="920"/>
      <c r="EOE40" s="920"/>
      <c r="EOF40" s="920"/>
      <c r="EOG40" s="920"/>
      <c r="EOH40" s="920"/>
      <c r="EOI40" s="920"/>
      <c r="EOJ40" s="920"/>
      <c r="EOK40" s="920"/>
      <c r="EOL40" s="920"/>
      <c r="EOM40" s="920"/>
      <c r="EON40" s="920"/>
      <c r="EOO40" s="920"/>
      <c r="EOP40" s="920"/>
      <c r="EOQ40" s="920"/>
      <c r="EOR40" s="920"/>
      <c r="EOS40" s="920"/>
      <c r="EOT40" s="920"/>
      <c r="EOU40" s="920"/>
      <c r="EOV40" s="920"/>
      <c r="EOW40" s="920"/>
      <c r="EOX40" s="920"/>
      <c r="EOY40" s="920"/>
      <c r="EOZ40" s="920"/>
      <c r="EPA40" s="920"/>
      <c r="EPB40" s="920"/>
      <c r="EPC40" s="920"/>
      <c r="EPD40" s="920"/>
      <c r="EPE40" s="920"/>
      <c r="EPF40" s="920"/>
      <c r="EPG40" s="920"/>
      <c r="EPH40" s="920"/>
      <c r="EPI40" s="920"/>
      <c r="EPJ40" s="920"/>
      <c r="EPK40" s="920"/>
      <c r="EPL40" s="920"/>
      <c r="EPM40" s="920"/>
      <c r="EPN40" s="920"/>
      <c r="EPO40" s="920"/>
      <c r="EPP40" s="920"/>
      <c r="EPQ40" s="920"/>
      <c r="EPR40" s="920"/>
      <c r="EPS40" s="920"/>
      <c r="EPT40" s="920"/>
      <c r="EPU40" s="920"/>
      <c r="EPV40" s="920"/>
      <c r="EPW40" s="920"/>
      <c r="EPX40" s="920"/>
      <c r="EPY40" s="920"/>
      <c r="EPZ40" s="920"/>
      <c r="EQA40" s="920"/>
      <c r="EQB40" s="920"/>
      <c r="EQC40" s="920"/>
      <c r="EQD40" s="920"/>
      <c r="EQE40" s="920"/>
      <c r="EQF40" s="920"/>
      <c r="EQG40" s="920"/>
      <c r="EQH40" s="920"/>
      <c r="EQI40" s="920"/>
      <c r="EQJ40" s="920"/>
      <c r="EQK40" s="920"/>
      <c r="EQL40" s="920"/>
      <c r="EQM40" s="920"/>
      <c r="EQN40" s="920"/>
      <c r="EQO40" s="920"/>
      <c r="EQP40" s="920"/>
      <c r="EQQ40" s="920"/>
      <c r="EQR40" s="920"/>
      <c r="EQS40" s="920"/>
      <c r="EQT40" s="920"/>
      <c r="EQU40" s="920"/>
      <c r="EQV40" s="920"/>
      <c r="EQW40" s="920"/>
      <c r="EQX40" s="920"/>
      <c r="EQY40" s="920"/>
      <c r="EQZ40" s="920"/>
      <c r="ERA40" s="920"/>
      <c r="ERB40" s="920"/>
      <c r="ERC40" s="920"/>
      <c r="ERD40" s="920"/>
      <c r="ERE40" s="920"/>
      <c r="ERF40" s="920"/>
      <c r="ERG40" s="920"/>
      <c r="ERH40" s="920"/>
      <c r="ERI40" s="920"/>
      <c r="ERJ40" s="920"/>
      <c r="ERK40" s="920"/>
      <c r="ERL40" s="920"/>
      <c r="ERM40" s="920"/>
      <c r="ERN40" s="920"/>
      <c r="ERO40" s="920"/>
      <c r="ERP40" s="920"/>
      <c r="ERQ40" s="920"/>
      <c r="ERR40" s="920"/>
      <c r="ERS40" s="920"/>
      <c r="ERT40" s="920"/>
      <c r="ERU40" s="920"/>
      <c r="ERV40" s="920"/>
      <c r="ERW40" s="920"/>
      <c r="ERX40" s="920"/>
      <c r="ERY40" s="920"/>
      <c r="ERZ40" s="920"/>
      <c r="ESA40" s="920"/>
      <c r="ESB40" s="920"/>
      <c r="ESC40" s="920"/>
      <c r="ESD40" s="920"/>
      <c r="ESE40" s="920"/>
      <c r="ESF40" s="920"/>
      <c r="ESG40" s="920"/>
      <c r="ESH40" s="920"/>
      <c r="ESI40" s="920"/>
      <c r="ESJ40" s="920"/>
      <c r="ESK40" s="920"/>
      <c r="ESL40" s="920"/>
      <c r="ESM40" s="920"/>
      <c r="ESN40" s="920"/>
      <c r="ESO40" s="920"/>
      <c r="ESP40" s="920"/>
      <c r="ESQ40" s="920"/>
      <c r="ESR40" s="920"/>
      <c r="ESS40" s="920"/>
      <c r="EST40" s="920"/>
      <c r="ESU40" s="920"/>
      <c r="ESV40" s="920"/>
      <c r="ESW40" s="920"/>
      <c r="ESX40" s="920"/>
      <c r="ESY40" s="920"/>
      <c r="ESZ40" s="920"/>
      <c r="ETA40" s="920"/>
      <c r="ETB40" s="920"/>
      <c r="ETC40" s="920"/>
      <c r="ETD40" s="920"/>
      <c r="ETE40" s="920"/>
      <c r="ETF40" s="920"/>
      <c r="ETG40" s="920"/>
      <c r="ETH40" s="920"/>
      <c r="ETI40" s="920"/>
      <c r="ETJ40" s="920"/>
      <c r="ETK40" s="920"/>
      <c r="ETL40" s="920"/>
      <c r="ETM40" s="920"/>
      <c r="ETN40" s="920"/>
      <c r="ETO40" s="920"/>
      <c r="ETP40" s="920"/>
      <c r="ETQ40" s="920"/>
      <c r="ETR40" s="920"/>
      <c r="ETS40" s="920"/>
      <c r="ETT40" s="920"/>
      <c r="ETU40" s="920"/>
      <c r="ETV40" s="920"/>
      <c r="ETW40" s="920"/>
      <c r="ETX40" s="920"/>
      <c r="ETY40" s="920"/>
      <c r="ETZ40" s="920"/>
      <c r="EUA40" s="920"/>
      <c r="EUB40" s="920"/>
      <c r="EUC40" s="920"/>
      <c r="EUD40" s="920"/>
      <c r="EUE40" s="920"/>
      <c r="EUF40" s="920"/>
      <c r="EUG40" s="920"/>
      <c r="EUH40" s="920"/>
      <c r="EUI40" s="920"/>
      <c r="EUJ40" s="920"/>
      <c r="EUK40" s="920"/>
      <c r="EUL40" s="920"/>
      <c r="EUM40" s="920"/>
      <c r="EUN40" s="920"/>
      <c r="EUO40" s="920"/>
      <c r="EUP40" s="920"/>
      <c r="EUQ40" s="920"/>
      <c r="EUR40" s="920"/>
      <c r="EUS40" s="920"/>
      <c r="EUT40" s="920"/>
      <c r="EUU40" s="920"/>
      <c r="EUV40" s="920"/>
      <c r="EUW40" s="920"/>
      <c r="EUX40" s="920"/>
      <c r="EUY40" s="920"/>
      <c r="EUZ40" s="920"/>
      <c r="EVA40" s="920"/>
      <c r="EVB40" s="920"/>
      <c r="EVC40" s="920"/>
      <c r="EVD40" s="920"/>
      <c r="EVE40" s="920"/>
      <c r="EVF40" s="920"/>
      <c r="EVG40" s="920"/>
      <c r="EVH40" s="920"/>
      <c r="EVI40" s="920"/>
      <c r="EVJ40" s="920"/>
      <c r="EVK40" s="920"/>
      <c r="EVL40" s="920"/>
      <c r="EVM40" s="920"/>
      <c r="EVN40" s="920"/>
      <c r="EVO40" s="920"/>
      <c r="EVP40" s="920"/>
      <c r="EVQ40" s="920"/>
      <c r="EVR40" s="920"/>
      <c r="EVS40" s="920"/>
      <c r="EVT40" s="920"/>
      <c r="EVU40" s="920"/>
      <c r="EVV40" s="920"/>
      <c r="EVW40" s="920"/>
      <c r="EVX40" s="920"/>
      <c r="EVY40" s="920"/>
      <c r="EVZ40" s="920"/>
      <c r="EWA40" s="920"/>
      <c r="EWB40" s="920"/>
      <c r="EWC40" s="920"/>
      <c r="EWD40" s="920"/>
      <c r="EWE40" s="920"/>
      <c r="EWF40" s="920"/>
      <c r="EWG40" s="920"/>
      <c r="EWH40" s="920"/>
      <c r="EWI40" s="920"/>
      <c r="EWJ40" s="920"/>
      <c r="EWK40" s="920"/>
      <c r="EWL40" s="920"/>
      <c r="EWM40" s="920"/>
      <c r="EWN40" s="920"/>
      <c r="EWO40" s="920"/>
      <c r="EWP40" s="920"/>
      <c r="EWQ40" s="920"/>
      <c r="EWR40" s="920"/>
      <c r="EWS40" s="920"/>
      <c r="EWT40" s="920"/>
      <c r="EWU40" s="920"/>
      <c r="EWV40" s="920"/>
      <c r="EWW40" s="920"/>
      <c r="EWX40" s="920"/>
      <c r="EWY40" s="920"/>
      <c r="EWZ40" s="920"/>
      <c r="EXA40" s="920"/>
      <c r="EXB40" s="920"/>
      <c r="EXC40" s="920"/>
      <c r="EXD40" s="920"/>
      <c r="EXE40" s="920"/>
      <c r="EXF40" s="920"/>
      <c r="EXG40" s="920"/>
      <c r="EXH40" s="920"/>
      <c r="EXI40" s="920"/>
      <c r="EXJ40" s="920"/>
      <c r="EXK40" s="920"/>
      <c r="EXL40" s="920"/>
      <c r="EXM40" s="920"/>
      <c r="EXN40" s="920"/>
      <c r="EXO40" s="920"/>
      <c r="EXP40" s="920"/>
      <c r="EXQ40" s="920"/>
      <c r="EXR40" s="920"/>
      <c r="EXS40" s="920"/>
      <c r="EXT40" s="920"/>
      <c r="EXU40" s="920"/>
      <c r="EXV40" s="920"/>
      <c r="EXW40" s="920"/>
      <c r="EXX40" s="920"/>
      <c r="EXY40" s="920"/>
      <c r="EXZ40" s="920"/>
      <c r="EYA40" s="920"/>
      <c r="EYB40" s="920"/>
      <c r="EYC40" s="920"/>
      <c r="EYD40" s="920"/>
      <c r="EYE40" s="920"/>
      <c r="EYF40" s="920"/>
      <c r="EYG40" s="920"/>
      <c r="EYH40" s="920"/>
      <c r="EYI40" s="920"/>
      <c r="EYJ40" s="920"/>
      <c r="EYK40" s="920"/>
      <c r="EYL40" s="920"/>
      <c r="EYM40" s="920"/>
      <c r="EYN40" s="920"/>
      <c r="EYO40" s="920"/>
      <c r="EYP40" s="920"/>
      <c r="EYQ40" s="920"/>
      <c r="EYR40" s="920"/>
      <c r="EYS40" s="920"/>
      <c r="EYT40" s="920"/>
      <c r="EYU40" s="920"/>
      <c r="EYV40" s="920"/>
      <c r="EYW40" s="920"/>
      <c r="EYX40" s="920"/>
      <c r="EYY40" s="920"/>
      <c r="EYZ40" s="920"/>
      <c r="EZA40" s="920"/>
      <c r="EZB40" s="920"/>
      <c r="EZC40" s="920"/>
      <c r="EZD40" s="920"/>
      <c r="EZE40" s="920"/>
      <c r="EZF40" s="920"/>
      <c r="EZG40" s="920"/>
      <c r="EZH40" s="920"/>
      <c r="EZI40" s="920"/>
      <c r="EZJ40" s="920"/>
      <c r="EZK40" s="920"/>
      <c r="EZL40" s="920"/>
      <c r="EZM40" s="920"/>
      <c r="EZN40" s="920"/>
      <c r="EZO40" s="920"/>
      <c r="EZP40" s="920"/>
      <c r="EZQ40" s="920"/>
      <c r="EZR40" s="920"/>
      <c r="EZS40" s="920"/>
      <c r="EZT40" s="920"/>
      <c r="EZU40" s="920"/>
      <c r="EZV40" s="920"/>
      <c r="EZW40" s="920"/>
      <c r="EZX40" s="920"/>
      <c r="EZY40" s="920"/>
      <c r="EZZ40" s="920"/>
      <c r="FAA40" s="920"/>
      <c r="FAB40" s="920"/>
      <c r="FAC40" s="920"/>
      <c r="FAD40" s="920"/>
      <c r="FAE40" s="920"/>
      <c r="FAF40" s="920"/>
      <c r="FAG40" s="920"/>
      <c r="FAH40" s="920"/>
      <c r="FAI40" s="920"/>
      <c r="FAJ40" s="920"/>
      <c r="FAK40" s="920"/>
      <c r="FAL40" s="920"/>
      <c r="FAM40" s="920"/>
      <c r="FAN40" s="920"/>
      <c r="FAO40" s="920"/>
      <c r="FAP40" s="920"/>
      <c r="FAQ40" s="920"/>
      <c r="FAR40" s="920"/>
      <c r="FAS40" s="920"/>
      <c r="FAT40" s="920"/>
      <c r="FAU40" s="920"/>
      <c r="FAV40" s="920"/>
      <c r="FAW40" s="920"/>
      <c r="FAX40" s="920"/>
      <c r="FAY40" s="920"/>
      <c r="FAZ40" s="920"/>
      <c r="FBA40" s="920"/>
      <c r="FBB40" s="920"/>
      <c r="FBC40" s="920"/>
      <c r="FBD40" s="920"/>
      <c r="FBE40" s="920"/>
      <c r="FBF40" s="920"/>
      <c r="FBG40" s="920"/>
      <c r="FBH40" s="920"/>
      <c r="FBI40" s="920"/>
      <c r="FBJ40" s="920"/>
      <c r="FBK40" s="920"/>
      <c r="FBL40" s="920"/>
      <c r="FBM40" s="920"/>
      <c r="FBN40" s="920"/>
      <c r="FBO40" s="920"/>
      <c r="FBP40" s="920"/>
      <c r="FBQ40" s="920"/>
      <c r="FBR40" s="920"/>
      <c r="FBS40" s="920"/>
      <c r="FBT40" s="920"/>
      <c r="FBU40" s="920"/>
      <c r="FBV40" s="920"/>
      <c r="FBW40" s="920"/>
      <c r="FBX40" s="920"/>
      <c r="FBY40" s="920"/>
      <c r="FBZ40" s="920"/>
      <c r="FCA40" s="920"/>
      <c r="FCB40" s="920"/>
      <c r="FCC40" s="920"/>
      <c r="FCD40" s="920"/>
      <c r="FCE40" s="920"/>
      <c r="FCF40" s="920"/>
      <c r="FCG40" s="920"/>
      <c r="FCH40" s="920"/>
      <c r="FCI40" s="920"/>
      <c r="FCJ40" s="920"/>
      <c r="FCK40" s="920"/>
      <c r="FCL40" s="920"/>
      <c r="FCM40" s="920"/>
      <c r="FCN40" s="920"/>
      <c r="FCO40" s="920"/>
      <c r="FCP40" s="920"/>
      <c r="FCQ40" s="920"/>
      <c r="FCR40" s="920"/>
      <c r="FCS40" s="920"/>
      <c r="FCT40" s="920"/>
      <c r="FCU40" s="920"/>
      <c r="FCV40" s="920"/>
      <c r="FCW40" s="920"/>
      <c r="FCX40" s="920"/>
      <c r="FCY40" s="920"/>
      <c r="FCZ40" s="920"/>
      <c r="FDA40" s="920"/>
      <c r="FDB40" s="920"/>
      <c r="FDC40" s="920"/>
      <c r="FDD40" s="920"/>
      <c r="FDE40" s="920"/>
      <c r="FDF40" s="920"/>
      <c r="FDG40" s="920"/>
      <c r="FDH40" s="920"/>
      <c r="FDI40" s="920"/>
      <c r="FDJ40" s="920"/>
      <c r="FDK40" s="920"/>
      <c r="FDL40" s="920"/>
      <c r="FDM40" s="920"/>
      <c r="FDN40" s="920"/>
      <c r="FDO40" s="920"/>
      <c r="FDP40" s="920"/>
      <c r="FDQ40" s="920"/>
      <c r="FDR40" s="920"/>
      <c r="FDS40" s="920"/>
      <c r="FDT40" s="920"/>
      <c r="FDU40" s="920"/>
      <c r="FDV40" s="920"/>
      <c r="FDW40" s="920"/>
      <c r="FDX40" s="920"/>
      <c r="FDY40" s="920"/>
      <c r="FDZ40" s="920"/>
      <c r="FEA40" s="920"/>
      <c r="FEB40" s="920"/>
      <c r="FEC40" s="920"/>
      <c r="FED40" s="920"/>
      <c r="FEE40" s="920"/>
      <c r="FEF40" s="920"/>
      <c r="FEG40" s="920"/>
      <c r="FEH40" s="920"/>
      <c r="FEI40" s="920"/>
      <c r="FEJ40" s="920"/>
      <c r="FEK40" s="920"/>
      <c r="FEL40" s="920"/>
      <c r="FEM40" s="920"/>
      <c r="FEN40" s="920"/>
      <c r="FEO40" s="920"/>
      <c r="FEP40" s="920"/>
      <c r="FEQ40" s="920"/>
      <c r="FER40" s="920"/>
      <c r="FES40" s="920"/>
      <c r="FET40" s="920"/>
      <c r="FEU40" s="920"/>
      <c r="FEV40" s="920"/>
      <c r="FEW40" s="920"/>
      <c r="FEX40" s="920"/>
      <c r="FEY40" s="920"/>
      <c r="FEZ40" s="920"/>
      <c r="FFA40" s="920"/>
      <c r="FFB40" s="920"/>
      <c r="FFC40" s="920"/>
      <c r="FFD40" s="920"/>
      <c r="FFE40" s="920"/>
      <c r="FFF40" s="920"/>
      <c r="FFG40" s="920"/>
      <c r="FFH40" s="920"/>
      <c r="FFI40" s="920"/>
      <c r="FFJ40" s="920"/>
      <c r="FFK40" s="920"/>
      <c r="FFL40" s="920"/>
      <c r="FFM40" s="920"/>
      <c r="FFN40" s="920"/>
      <c r="FFO40" s="920"/>
      <c r="FFP40" s="920"/>
      <c r="FFQ40" s="920"/>
      <c r="FFR40" s="920"/>
      <c r="FFS40" s="920"/>
      <c r="FFT40" s="920"/>
      <c r="FFU40" s="920"/>
      <c r="FFV40" s="920"/>
      <c r="FFW40" s="920"/>
      <c r="FFX40" s="920"/>
      <c r="FFY40" s="920"/>
      <c r="FFZ40" s="920"/>
      <c r="FGA40" s="920"/>
      <c r="FGB40" s="920"/>
      <c r="FGC40" s="920"/>
      <c r="FGD40" s="920"/>
      <c r="FGE40" s="920"/>
      <c r="FGF40" s="920"/>
      <c r="FGG40" s="920"/>
      <c r="FGH40" s="920"/>
      <c r="FGI40" s="920"/>
      <c r="FGJ40" s="920"/>
      <c r="FGK40" s="920"/>
      <c r="FGL40" s="920"/>
      <c r="FGM40" s="920"/>
      <c r="FGN40" s="920"/>
      <c r="FGO40" s="920"/>
      <c r="FGP40" s="920"/>
      <c r="FGQ40" s="920"/>
      <c r="FGR40" s="920"/>
      <c r="FGS40" s="920"/>
      <c r="FGT40" s="920"/>
      <c r="FGU40" s="920"/>
      <c r="FGV40" s="920"/>
      <c r="FGW40" s="920"/>
      <c r="FGX40" s="920"/>
      <c r="FGY40" s="920"/>
      <c r="FGZ40" s="920"/>
      <c r="FHA40" s="920"/>
      <c r="FHB40" s="920"/>
      <c r="FHC40" s="920"/>
      <c r="FHD40" s="920"/>
      <c r="FHE40" s="920"/>
      <c r="FHF40" s="920"/>
      <c r="FHG40" s="920"/>
      <c r="FHH40" s="920"/>
      <c r="FHI40" s="920"/>
      <c r="FHJ40" s="920"/>
      <c r="FHK40" s="920"/>
      <c r="FHL40" s="920"/>
      <c r="FHM40" s="920"/>
      <c r="FHN40" s="920"/>
      <c r="FHO40" s="920"/>
      <c r="FHP40" s="920"/>
      <c r="FHQ40" s="920"/>
      <c r="FHR40" s="920"/>
      <c r="FHS40" s="920"/>
      <c r="FHT40" s="920"/>
      <c r="FHU40" s="920"/>
      <c r="FHV40" s="920"/>
      <c r="FHW40" s="920"/>
      <c r="FHX40" s="920"/>
      <c r="FHY40" s="920"/>
      <c r="FHZ40" s="920"/>
      <c r="FIA40" s="920"/>
      <c r="FIB40" s="920"/>
      <c r="FIC40" s="920"/>
      <c r="FID40" s="920"/>
      <c r="FIE40" s="920"/>
      <c r="FIF40" s="920"/>
      <c r="FIG40" s="920"/>
      <c r="FIH40" s="920"/>
      <c r="FII40" s="920"/>
      <c r="FIJ40" s="920"/>
      <c r="FIK40" s="920"/>
      <c r="FIL40" s="920"/>
      <c r="FIM40" s="920"/>
      <c r="FIN40" s="920"/>
      <c r="FIO40" s="920"/>
      <c r="FIP40" s="920"/>
      <c r="FIQ40" s="920"/>
      <c r="FIR40" s="920"/>
      <c r="FIS40" s="920"/>
      <c r="FIT40" s="920"/>
      <c r="FIU40" s="920"/>
      <c r="FIV40" s="920"/>
      <c r="FIW40" s="920"/>
      <c r="FIX40" s="920"/>
      <c r="FIY40" s="920"/>
      <c r="FIZ40" s="920"/>
      <c r="FJA40" s="920"/>
      <c r="FJB40" s="920"/>
      <c r="FJC40" s="920"/>
      <c r="FJD40" s="920"/>
      <c r="FJE40" s="920"/>
      <c r="FJF40" s="920"/>
      <c r="FJG40" s="920"/>
      <c r="FJH40" s="920"/>
      <c r="FJI40" s="920"/>
      <c r="FJJ40" s="920"/>
      <c r="FJK40" s="920"/>
      <c r="FJL40" s="920"/>
      <c r="FJM40" s="920"/>
      <c r="FJN40" s="920"/>
      <c r="FJO40" s="920"/>
      <c r="FJP40" s="920"/>
      <c r="FJQ40" s="920"/>
      <c r="FJR40" s="920"/>
      <c r="FJS40" s="920"/>
      <c r="FJT40" s="920"/>
      <c r="FJU40" s="920"/>
      <c r="FJV40" s="920"/>
      <c r="FJW40" s="920"/>
      <c r="FJX40" s="920"/>
      <c r="FJY40" s="920"/>
      <c r="FJZ40" s="920"/>
      <c r="FKA40" s="920"/>
      <c r="FKB40" s="920"/>
      <c r="FKC40" s="920"/>
      <c r="FKD40" s="920"/>
      <c r="FKE40" s="920"/>
      <c r="FKF40" s="920"/>
      <c r="FKG40" s="920"/>
      <c r="FKH40" s="920"/>
      <c r="FKI40" s="920"/>
      <c r="FKJ40" s="920"/>
      <c r="FKK40" s="920"/>
      <c r="FKL40" s="920"/>
      <c r="FKM40" s="920"/>
      <c r="FKN40" s="920"/>
      <c r="FKO40" s="920"/>
      <c r="FKP40" s="920"/>
      <c r="FKQ40" s="920"/>
      <c r="FKR40" s="920"/>
      <c r="FKS40" s="920"/>
      <c r="FKT40" s="920"/>
      <c r="FKU40" s="920"/>
      <c r="FKV40" s="920"/>
      <c r="FKW40" s="920"/>
      <c r="FKX40" s="920"/>
      <c r="FKY40" s="920"/>
      <c r="FKZ40" s="920"/>
      <c r="FLA40" s="920"/>
      <c r="FLB40" s="920"/>
      <c r="FLC40" s="920"/>
      <c r="FLD40" s="920"/>
      <c r="FLE40" s="920"/>
      <c r="FLF40" s="920"/>
      <c r="FLG40" s="920"/>
      <c r="FLH40" s="920"/>
      <c r="FLI40" s="920"/>
      <c r="FLJ40" s="920"/>
      <c r="FLK40" s="920"/>
      <c r="FLL40" s="920"/>
      <c r="FLM40" s="920"/>
      <c r="FLN40" s="920"/>
      <c r="FLO40" s="920"/>
      <c r="FLP40" s="920"/>
      <c r="FLQ40" s="920"/>
      <c r="FLR40" s="920"/>
      <c r="FLS40" s="920"/>
      <c r="FLT40" s="920"/>
      <c r="FLU40" s="920"/>
      <c r="FLV40" s="920"/>
      <c r="FLW40" s="920"/>
      <c r="FLX40" s="920"/>
      <c r="FLY40" s="920"/>
      <c r="FLZ40" s="920"/>
      <c r="FMA40" s="920"/>
      <c r="FMB40" s="920"/>
      <c r="FMC40" s="920"/>
      <c r="FMD40" s="920"/>
      <c r="FME40" s="920"/>
      <c r="FMF40" s="920"/>
      <c r="FMG40" s="920"/>
      <c r="FMH40" s="920"/>
      <c r="FMI40" s="920"/>
      <c r="FMJ40" s="920"/>
      <c r="FMK40" s="920"/>
      <c r="FML40" s="920"/>
      <c r="FMM40" s="920"/>
      <c r="FMN40" s="920"/>
      <c r="FMO40" s="920"/>
      <c r="FMP40" s="920"/>
      <c r="FMQ40" s="920"/>
      <c r="FMR40" s="920"/>
      <c r="FMS40" s="920"/>
      <c r="FMT40" s="920"/>
      <c r="FMU40" s="920"/>
      <c r="FMV40" s="920"/>
      <c r="FMW40" s="920"/>
      <c r="FMX40" s="920"/>
      <c r="FMY40" s="920"/>
      <c r="FMZ40" s="920"/>
      <c r="FNA40" s="920"/>
      <c r="FNB40" s="920"/>
      <c r="FNC40" s="920"/>
      <c r="FND40" s="920"/>
      <c r="FNE40" s="920"/>
      <c r="FNF40" s="920"/>
      <c r="FNG40" s="920"/>
      <c r="FNH40" s="920"/>
      <c r="FNI40" s="920"/>
      <c r="FNJ40" s="920"/>
      <c r="FNK40" s="920"/>
      <c r="FNL40" s="920"/>
      <c r="FNM40" s="920"/>
      <c r="FNN40" s="920"/>
      <c r="FNO40" s="920"/>
      <c r="FNP40" s="920"/>
      <c r="FNQ40" s="920"/>
      <c r="FNR40" s="920"/>
      <c r="FNS40" s="920"/>
      <c r="FNT40" s="920"/>
      <c r="FNU40" s="920"/>
      <c r="FNV40" s="920"/>
      <c r="FNW40" s="920"/>
      <c r="FNX40" s="920"/>
      <c r="FNY40" s="920"/>
      <c r="FNZ40" s="920"/>
      <c r="FOA40" s="920"/>
      <c r="FOB40" s="920"/>
      <c r="FOC40" s="920"/>
      <c r="FOD40" s="920"/>
      <c r="FOE40" s="920"/>
      <c r="FOF40" s="920"/>
      <c r="FOG40" s="920"/>
      <c r="FOH40" s="920"/>
      <c r="FOI40" s="920"/>
      <c r="FOJ40" s="920"/>
      <c r="FOK40" s="920"/>
      <c r="FOL40" s="920"/>
      <c r="FOM40" s="920"/>
      <c r="FON40" s="920"/>
      <c r="FOO40" s="920"/>
      <c r="FOP40" s="920"/>
      <c r="FOQ40" s="920"/>
      <c r="FOR40" s="920"/>
      <c r="FOS40" s="920"/>
      <c r="FOT40" s="920"/>
      <c r="FOU40" s="920"/>
      <c r="FOV40" s="920"/>
      <c r="FOW40" s="920"/>
      <c r="FOX40" s="920"/>
      <c r="FOY40" s="920"/>
      <c r="FOZ40" s="920"/>
      <c r="FPA40" s="920"/>
      <c r="FPB40" s="920"/>
      <c r="FPC40" s="920"/>
      <c r="FPD40" s="920"/>
      <c r="FPE40" s="920"/>
      <c r="FPF40" s="920"/>
      <c r="FPG40" s="920"/>
      <c r="FPH40" s="920"/>
      <c r="FPI40" s="920"/>
      <c r="FPJ40" s="920"/>
      <c r="FPK40" s="920"/>
      <c r="FPL40" s="920"/>
      <c r="FPM40" s="920"/>
      <c r="FPN40" s="920"/>
      <c r="FPO40" s="920"/>
      <c r="FPP40" s="920"/>
      <c r="FPQ40" s="920"/>
      <c r="FPR40" s="920"/>
      <c r="FPS40" s="920"/>
      <c r="FPT40" s="920"/>
      <c r="FPU40" s="920"/>
      <c r="FPV40" s="920"/>
      <c r="FPW40" s="920"/>
      <c r="FPX40" s="920"/>
      <c r="FPY40" s="920"/>
      <c r="FPZ40" s="920"/>
      <c r="FQA40" s="920"/>
      <c r="FQB40" s="920"/>
      <c r="FQC40" s="920"/>
      <c r="FQD40" s="920"/>
      <c r="FQE40" s="920"/>
      <c r="FQF40" s="920"/>
      <c r="FQG40" s="920"/>
      <c r="FQH40" s="920"/>
      <c r="FQI40" s="920"/>
      <c r="FQJ40" s="920"/>
      <c r="FQK40" s="920"/>
      <c r="FQL40" s="920"/>
      <c r="FQM40" s="920"/>
      <c r="FQN40" s="920"/>
      <c r="FQO40" s="920"/>
      <c r="FQP40" s="920"/>
      <c r="FQQ40" s="920"/>
      <c r="FQR40" s="920"/>
      <c r="FQS40" s="920"/>
      <c r="FQT40" s="920"/>
      <c r="FQU40" s="920"/>
      <c r="FQV40" s="920"/>
      <c r="FQW40" s="920"/>
      <c r="FQX40" s="920"/>
      <c r="FQY40" s="920"/>
      <c r="FQZ40" s="920"/>
      <c r="FRA40" s="920"/>
      <c r="FRB40" s="920"/>
      <c r="FRC40" s="920"/>
      <c r="FRD40" s="920"/>
      <c r="FRE40" s="920"/>
      <c r="FRF40" s="920"/>
      <c r="FRG40" s="920"/>
      <c r="FRH40" s="920"/>
      <c r="FRI40" s="920"/>
      <c r="FRJ40" s="920"/>
      <c r="FRK40" s="920"/>
      <c r="FRL40" s="920"/>
      <c r="FRM40" s="920"/>
      <c r="FRN40" s="920"/>
      <c r="FRO40" s="920"/>
      <c r="FRP40" s="920"/>
      <c r="FRQ40" s="920"/>
      <c r="FRR40" s="920"/>
      <c r="FRS40" s="920"/>
      <c r="FRT40" s="920"/>
      <c r="FRU40" s="920"/>
      <c r="FRV40" s="920"/>
      <c r="FRW40" s="920"/>
      <c r="FRX40" s="920"/>
      <c r="FRY40" s="920"/>
      <c r="FRZ40" s="920"/>
      <c r="FSA40" s="920"/>
      <c r="FSB40" s="920"/>
      <c r="FSC40" s="920"/>
      <c r="FSD40" s="920"/>
      <c r="FSE40" s="920"/>
      <c r="FSF40" s="920"/>
      <c r="FSG40" s="920"/>
      <c r="FSH40" s="920"/>
      <c r="FSI40" s="920"/>
      <c r="FSJ40" s="920"/>
      <c r="FSK40" s="920"/>
      <c r="FSL40" s="920"/>
      <c r="FSM40" s="920"/>
      <c r="FSN40" s="920"/>
      <c r="FSO40" s="920"/>
      <c r="FSP40" s="920"/>
      <c r="FSQ40" s="920"/>
      <c r="FSR40" s="920"/>
      <c r="FSS40" s="920"/>
      <c r="FST40" s="920"/>
      <c r="FSU40" s="920"/>
      <c r="FSV40" s="920"/>
      <c r="FSW40" s="920"/>
      <c r="FSX40" s="920"/>
      <c r="FSY40" s="920"/>
      <c r="FSZ40" s="920"/>
      <c r="FTA40" s="920"/>
      <c r="FTB40" s="920"/>
      <c r="FTC40" s="920"/>
      <c r="FTD40" s="920"/>
      <c r="FTE40" s="920"/>
      <c r="FTF40" s="920"/>
      <c r="FTG40" s="920"/>
      <c r="FTH40" s="920"/>
      <c r="FTI40" s="920"/>
      <c r="FTJ40" s="920"/>
      <c r="FTK40" s="920"/>
      <c r="FTL40" s="920"/>
      <c r="FTM40" s="920"/>
      <c r="FTN40" s="920"/>
      <c r="FTO40" s="920"/>
      <c r="FTP40" s="920"/>
      <c r="FTQ40" s="920"/>
      <c r="FTR40" s="920"/>
      <c r="FTS40" s="920"/>
      <c r="FTT40" s="920"/>
      <c r="FTU40" s="920"/>
      <c r="FTV40" s="920"/>
      <c r="FTW40" s="920"/>
      <c r="FTX40" s="920"/>
      <c r="FTY40" s="920"/>
      <c r="FTZ40" s="920"/>
      <c r="FUA40" s="920"/>
      <c r="FUB40" s="920"/>
      <c r="FUC40" s="920"/>
      <c r="FUD40" s="920"/>
      <c r="FUE40" s="920"/>
      <c r="FUF40" s="920"/>
      <c r="FUG40" s="920"/>
      <c r="FUH40" s="920"/>
      <c r="FUI40" s="920"/>
      <c r="FUJ40" s="920"/>
      <c r="FUK40" s="920"/>
      <c r="FUL40" s="920"/>
      <c r="FUM40" s="920"/>
      <c r="FUN40" s="920"/>
      <c r="FUO40" s="920"/>
      <c r="FUP40" s="920"/>
      <c r="FUQ40" s="920"/>
      <c r="FUR40" s="920"/>
      <c r="FUS40" s="920"/>
      <c r="FUT40" s="920"/>
      <c r="FUU40" s="920"/>
      <c r="FUV40" s="920"/>
      <c r="FUW40" s="920"/>
      <c r="FUX40" s="920"/>
      <c r="FUY40" s="920"/>
      <c r="FUZ40" s="920"/>
      <c r="FVA40" s="920"/>
      <c r="FVB40" s="920"/>
      <c r="FVC40" s="920"/>
      <c r="FVD40" s="920"/>
      <c r="FVE40" s="920"/>
      <c r="FVF40" s="920"/>
      <c r="FVG40" s="920"/>
      <c r="FVH40" s="920"/>
      <c r="FVI40" s="920"/>
      <c r="FVJ40" s="920"/>
      <c r="FVK40" s="920"/>
      <c r="FVL40" s="920"/>
      <c r="FVM40" s="920"/>
      <c r="FVN40" s="920"/>
      <c r="FVO40" s="920"/>
      <c r="FVP40" s="920"/>
      <c r="FVQ40" s="920"/>
      <c r="FVR40" s="920"/>
      <c r="FVS40" s="920"/>
      <c r="FVT40" s="920"/>
      <c r="FVU40" s="920"/>
      <c r="FVV40" s="920"/>
      <c r="FVW40" s="920"/>
      <c r="FVX40" s="920"/>
      <c r="FVY40" s="920"/>
      <c r="FVZ40" s="920"/>
      <c r="FWA40" s="920"/>
      <c r="FWB40" s="920"/>
      <c r="FWC40" s="920"/>
      <c r="FWD40" s="920"/>
      <c r="FWE40" s="920"/>
      <c r="FWF40" s="920"/>
      <c r="FWG40" s="920"/>
      <c r="FWH40" s="920"/>
      <c r="FWI40" s="920"/>
      <c r="FWJ40" s="920"/>
      <c r="FWK40" s="920"/>
      <c r="FWL40" s="920"/>
      <c r="FWM40" s="920"/>
      <c r="FWN40" s="920"/>
      <c r="FWO40" s="920"/>
      <c r="FWP40" s="920"/>
      <c r="FWQ40" s="920"/>
      <c r="FWR40" s="920"/>
      <c r="FWS40" s="920"/>
      <c r="FWT40" s="920"/>
      <c r="FWU40" s="920"/>
      <c r="FWV40" s="920"/>
      <c r="FWW40" s="920"/>
      <c r="FWX40" s="920"/>
      <c r="FWY40" s="920"/>
      <c r="FWZ40" s="920"/>
      <c r="FXA40" s="920"/>
      <c r="FXB40" s="920"/>
      <c r="FXC40" s="920"/>
      <c r="FXD40" s="920"/>
      <c r="FXE40" s="920"/>
      <c r="FXF40" s="920"/>
      <c r="FXG40" s="920"/>
      <c r="FXH40" s="920"/>
      <c r="FXI40" s="920"/>
      <c r="FXJ40" s="920"/>
      <c r="FXK40" s="920"/>
      <c r="FXL40" s="920"/>
      <c r="FXM40" s="920"/>
      <c r="FXN40" s="920"/>
      <c r="FXO40" s="920"/>
      <c r="FXP40" s="920"/>
      <c r="FXQ40" s="920"/>
      <c r="FXR40" s="920"/>
      <c r="FXS40" s="920"/>
      <c r="FXT40" s="920"/>
      <c r="FXU40" s="920"/>
      <c r="FXV40" s="920"/>
      <c r="FXW40" s="920"/>
      <c r="FXX40" s="920"/>
      <c r="FXY40" s="920"/>
      <c r="FXZ40" s="920"/>
      <c r="FYA40" s="920"/>
      <c r="FYB40" s="920"/>
      <c r="FYC40" s="920"/>
      <c r="FYD40" s="920"/>
      <c r="FYE40" s="920"/>
      <c r="FYF40" s="920"/>
      <c r="FYG40" s="920"/>
      <c r="FYH40" s="920"/>
      <c r="FYI40" s="920"/>
      <c r="FYJ40" s="920"/>
      <c r="FYK40" s="920"/>
      <c r="FYL40" s="920"/>
      <c r="FYM40" s="920"/>
      <c r="FYN40" s="920"/>
      <c r="FYO40" s="920"/>
      <c r="FYP40" s="920"/>
      <c r="FYQ40" s="920"/>
      <c r="FYR40" s="920"/>
      <c r="FYS40" s="920"/>
      <c r="FYT40" s="920"/>
      <c r="FYU40" s="920"/>
      <c r="FYV40" s="920"/>
      <c r="FYW40" s="920"/>
      <c r="FYX40" s="920"/>
      <c r="FYY40" s="920"/>
      <c r="FYZ40" s="920"/>
      <c r="FZA40" s="920"/>
      <c r="FZB40" s="920"/>
      <c r="FZC40" s="920"/>
      <c r="FZD40" s="920"/>
      <c r="FZE40" s="920"/>
      <c r="FZF40" s="920"/>
      <c r="FZG40" s="920"/>
      <c r="FZH40" s="920"/>
      <c r="FZI40" s="920"/>
      <c r="FZJ40" s="920"/>
      <c r="FZK40" s="920"/>
      <c r="FZL40" s="920"/>
      <c r="FZM40" s="920"/>
      <c r="FZN40" s="920"/>
      <c r="FZO40" s="920"/>
      <c r="FZP40" s="920"/>
      <c r="FZQ40" s="920"/>
      <c r="FZR40" s="920"/>
      <c r="FZS40" s="920"/>
      <c r="FZT40" s="920"/>
      <c r="FZU40" s="920"/>
      <c r="FZV40" s="920"/>
      <c r="FZW40" s="920"/>
      <c r="FZX40" s="920"/>
      <c r="FZY40" s="920"/>
      <c r="FZZ40" s="920"/>
      <c r="GAA40" s="920"/>
      <c r="GAB40" s="920"/>
      <c r="GAC40" s="920"/>
      <c r="GAD40" s="920"/>
      <c r="GAE40" s="920"/>
      <c r="GAF40" s="920"/>
      <c r="GAG40" s="920"/>
      <c r="GAH40" s="920"/>
      <c r="GAI40" s="920"/>
      <c r="GAJ40" s="920"/>
      <c r="GAK40" s="920"/>
      <c r="GAL40" s="920"/>
      <c r="GAM40" s="920"/>
      <c r="GAN40" s="920"/>
      <c r="GAO40" s="920"/>
      <c r="GAP40" s="920"/>
      <c r="GAQ40" s="920"/>
      <c r="GAR40" s="920"/>
      <c r="GAS40" s="920"/>
      <c r="GAT40" s="920"/>
      <c r="GAU40" s="920"/>
      <c r="GAV40" s="920"/>
      <c r="GAW40" s="920"/>
      <c r="GAX40" s="920"/>
      <c r="GAY40" s="920"/>
      <c r="GAZ40" s="920"/>
      <c r="GBA40" s="920"/>
      <c r="GBB40" s="920"/>
      <c r="GBC40" s="920"/>
      <c r="GBD40" s="920"/>
      <c r="GBE40" s="920"/>
      <c r="GBF40" s="920"/>
      <c r="GBG40" s="920"/>
      <c r="GBH40" s="920"/>
      <c r="GBI40" s="920"/>
      <c r="GBJ40" s="920"/>
      <c r="GBK40" s="920"/>
      <c r="GBL40" s="920"/>
      <c r="GBM40" s="920"/>
      <c r="GBN40" s="920"/>
      <c r="GBO40" s="920"/>
      <c r="GBP40" s="920"/>
      <c r="GBQ40" s="920"/>
      <c r="GBR40" s="920"/>
      <c r="GBS40" s="920"/>
      <c r="GBT40" s="920"/>
      <c r="GBU40" s="920"/>
      <c r="GBV40" s="920"/>
      <c r="GBW40" s="920"/>
      <c r="GBX40" s="920"/>
      <c r="GBY40" s="920"/>
      <c r="GBZ40" s="920"/>
      <c r="GCA40" s="920"/>
      <c r="GCB40" s="920"/>
      <c r="GCC40" s="920"/>
      <c r="GCD40" s="920"/>
      <c r="GCE40" s="920"/>
      <c r="GCF40" s="920"/>
      <c r="GCG40" s="920"/>
      <c r="GCH40" s="920"/>
      <c r="GCI40" s="920"/>
      <c r="GCJ40" s="920"/>
      <c r="GCK40" s="920"/>
      <c r="GCL40" s="920"/>
      <c r="GCM40" s="920"/>
      <c r="GCN40" s="920"/>
      <c r="GCO40" s="920"/>
      <c r="GCP40" s="920"/>
      <c r="GCQ40" s="920"/>
      <c r="GCR40" s="920"/>
      <c r="GCS40" s="920"/>
      <c r="GCT40" s="920"/>
      <c r="GCU40" s="920"/>
      <c r="GCV40" s="920"/>
      <c r="GCW40" s="920"/>
      <c r="GCX40" s="920"/>
      <c r="GCY40" s="920"/>
      <c r="GCZ40" s="920"/>
      <c r="GDA40" s="920"/>
      <c r="GDB40" s="920"/>
      <c r="GDC40" s="920"/>
      <c r="GDD40" s="920"/>
      <c r="GDE40" s="920"/>
      <c r="GDF40" s="920"/>
      <c r="GDG40" s="920"/>
      <c r="GDH40" s="920"/>
      <c r="GDI40" s="920"/>
      <c r="GDJ40" s="920"/>
      <c r="GDK40" s="920"/>
      <c r="GDL40" s="920"/>
      <c r="GDM40" s="920"/>
      <c r="GDN40" s="920"/>
      <c r="GDO40" s="920"/>
      <c r="GDP40" s="920"/>
      <c r="GDQ40" s="920"/>
      <c r="GDR40" s="920"/>
      <c r="GDS40" s="920"/>
      <c r="GDT40" s="920"/>
      <c r="GDU40" s="920"/>
      <c r="GDV40" s="920"/>
      <c r="GDW40" s="920"/>
      <c r="GDX40" s="920"/>
      <c r="GDY40" s="920"/>
      <c r="GDZ40" s="920"/>
      <c r="GEA40" s="920"/>
      <c r="GEB40" s="920"/>
      <c r="GEC40" s="920"/>
      <c r="GED40" s="920"/>
      <c r="GEE40" s="920"/>
      <c r="GEF40" s="920"/>
      <c r="GEG40" s="920"/>
      <c r="GEH40" s="920"/>
      <c r="GEI40" s="920"/>
      <c r="GEJ40" s="920"/>
      <c r="GEK40" s="920"/>
      <c r="GEL40" s="920"/>
      <c r="GEM40" s="920"/>
      <c r="GEN40" s="920"/>
      <c r="GEO40" s="920"/>
      <c r="GEP40" s="920"/>
      <c r="GEQ40" s="920"/>
      <c r="GER40" s="920"/>
      <c r="GES40" s="920"/>
      <c r="GET40" s="920"/>
      <c r="GEU40" s="920"/>
      <c r="GEV40" s="920"/>
      <c r="GEW40" s="920"/>
      <c r="GEX40" s="920"/>
      <c r="GEY40" s="920"/>
      <c r="GEZ40" s="920"/>
      <c r="GFA40" s="920"/>
      <c r="GFB40" s="920"/>
      <c r="GFC40" s="920"/>
      <c r="GFD40" s="920"/>
      <c r="GFE40" s="920"/>
      <c r="GFF40" s="920"/>
      <c r="GFG40" s="920"/>
      <c r="GFH40" s="920"/>
      <c r="GFI40" s="920"/>
      <c r="GFJ40" s="920"/>
      <c r="GFK40" s="920"/>
      <c r="GFL40" s="920"/>
      <c r="GFM40" s="920"/>
      <c r="GFN40" s="920"/>
      <c r="GFO40" s="920"/>
      <c r="GFP40" s="920"/>
      <c r="GFQ40" s="920"/>
      <c r="GFR40" s="920"/>
      <c r="GFS40" s="920"/>
      <c r="GFT40" s="920"/>
      <c r="GFU40" s="920"/>
      <c r="GFV40" s="920"/>
      <c r="GFW40" s="920"/>
      <c r="GFX40" s="920"/>
      <c r="GFY40" s="920"/>
      <c r="GFZ40" s="920"/>
      <c r="GGA40" s="920"/>
      <c r="GGB40" s="920"/>
      <c r="GGC40" s="920"/>
      <c r="GGD40" s="920"/>
      <c r="GGE40" s="920"/>
      <c r="GGF40" s="920"/>
      <c r="GGG40" s="920"/>
      <c r="GGH40" s="920"/>
      <c r="GGI40" s="920"/>
      <c r="GGJ40" s="920"/>
      <c r="GGK40" s="920"/>
      <c r="GGL40" s="920"/>
      <c r="GGM40" s="920"/>
      <c r="GGN40" s="920"/>
      <c r="GGO40" s="920"/>
      <c r="GGP40" s="920"/>
      <c r="GGQ40" s="920"/>
      <c r="GGR40" s="920"/>
      <c r="GGS40" s="920"/>
      <c r="GGT40" s="920"/>
      <c r="GGU40" s="920"/>
      <c r="GGV40" s="920"/>
      <c r="GGW40" s="920"/>
      <c r="GGX40" s="920"/>
      <c r="GGY40" s="920"/>
      <c r="GGZ40" s="920"/>
      <c r="GHA40" s="920"/>
      <c r="GHB40" s="920"/>
      <c r="GHC40" s="920"/>
      <c r="GHD40" s="920"/>
      <c r="GHE40" s="920"/>
      <c r="GHF40" s="920"/>
      <c r="GHG40" s="920"/>
      <c r="GHH40" s="920"/>
      <c r="GHI40" s="920"/>
      <c r="GHJ40" s="920"/>
      <c r="GHK40" s="920"/>
      <c r="GHL40" s="920"/>
      <c r="GHM40" s="920"/>
      <c r="GHN40" s="920"/>
      <c r="GHO40" s="920"/>
      <c r="GHP40" s="920"/>
      <c r="GHQ40" s="920"/>
      <c r="GHR40" s="920"/>
      <c r="GHS40" s="920"/>
      <c r="GHT40" s="920"/>
      <c r="GHU40" s="920"/>
      <c r="GHV40" s="920"/>
      <c r="GHW40" s="920"/>
      <c r="GHX40" s="920"/>
      <c r="GHY40" s="920"/>
      <c r="GHZ40" s="920"/>
      <c r="GIA40" s="920"/>
      <c r="GIB40" s="920"/>
      <c r="GIC40" s="920"/>
      <c r="GID40" s="920"/>
      <c r="GIE40" s="920"/>
      <c r="GIF40" s="920"/>
      <c r="GIG40" s="920"/>
      <c r="GIH40" s="920"/>
      <c r="GII40" s="920"/>
      <c r="GIJ40" s="920"/>
      <c r="GIK40" s="920"/>
      <c r="GIL40" s="920"/>
      <c r="GIM40" s="920"/>
      <c r="GIN40" s="920"/>
      <c r="GIO40" s="920"/>
      <c r="GIP40" s="920"/>
      <c r="GIQ40" s="920"/>
      <c r="GIR40" s="920"/>
      <c r="GIS40" s="920"/>
      <c r="GIT40" s="920"/>
      <c r="GIU40" s="920"/>
      <c r="GIV40" s="920"/>
      <c r="GIW40" s="920"/>
      <c r="GIX40" s="920"/>
      <c r="GIY40" s="920"/>
      <c r="GIZ40" s="920"/>
      <c r="GJA40" s="920"/>
      <c r="GJB40" s="920"/>
      <c r="GJC40" s="920"/>
      <c r="GJD40" s="920"/>
      <c r="GJE40" s="920"/>
      <c r="GJF40" s="920"/>
      <c r="GJG40" s="920"/>
      <c r="GJH40" s="920"/>
      <c r="GJI40" s="920"/>
      <c r="GJJ40" s="920"/>
      <c r="GJK40" s="920"/>
      <c r="GJL40" s="920"/>
      <c r="GJM40" s="920"/>
      <c r="GJN40" s="920"/>
      <c r="GJO40" s="920"/>
      <c r="GJP40" s="920"/>
      <c r="GJQ40" s="920"/>
      <c r="GJR40" s="920"/>
      <c r="GJS40" s="920"/>
      <c r="GJT40" s="920"/>
      <c r="GJU40" s="920"/>
      <c r="GJV40" s="920"/>
      <c r="GJW40" s="920"/>
      <c r="GJX40" s="920"/>
      <c r="GJY40" s="920"/>
      <c r="GJZ40" s="920"/>
      <c r="GKA40" s="920"/>
      <c r="GKB40" s="920"/>
      <c r="GKC40" s="920"/>
      <c r="GKD40" s="920"/>
      <c r="GKE40" s="920"/>
      <c r="GKF40" s="920"/>
      <c r="GKG40" s="920"/>
      <c r="GKH40" s="920"/>
      <c r="GKI40" s="920"/>
      <c r="GKJ40" s="920"/>
      <c r="GKK40" s="920"/>
      <c r="GKL40" s="920"/>
      <c r="GKM40" s="920"/>
      <c r="GKN40" s="920"/>
      <c r="GKO40" s="920"/>
      <c r="GKP40" s="920"/>
      <c r="GKQ40" s="920"/>
      <c r="GKR40" s="920"/>
      <c r="GKS40" s="920"/>
      <c r="GKT40" s="920"/>
      <c r="GKU40" s="920"/>
      <c r="GKV40" s="920"/>
      <c r="GKW40" s="920"/>
      <c r="GKX40" s="920"/>
      <c r="GKY40" s="920"/>
      <c r="GKZ40" s="920"/>
      <c r="GLA40" s="920"/>
      <c r="GLB40" s="920"/>
      <c r="GLC40" s="920"/>
      <c r="GLD40" s="920"/>
      <c r="GLE40" s="920"/>
      <c r="GLF40" s="920"/>
      <c r="GLG40" s="920"/>
      <c r="GLH40" s="920"/>
      <c r="GLI40" s="920"/>
      <c r="GLJ40" s="920"/>
      <c r="GLK40" s="920"/>
      <c r="GLL40" s="920"/>
      <c r="GLM40" s="920"/>
      <c r="GLN40" s="920"/>
      <c r="GLO40" s="920"/>
      <c r="GLP40" s="920"/>
      <c r="GLQ40" s="920"/>
      <c r="GLR40" s="920"/>
      <c r="GLS40" s="920"/>
      <c r="GLT40" s="920"/>
      <c r="GLU40" s="920"/>
      <c r="GLV40" s="920"/>
      <c r="GLW40" s="920"/>
      <c r="GLX40" s="920"/>
      <c r="GLY40" s="920"/>
      <c r="GLZ40" s="920"/>
      <c r="GMA40" s="920"/>
      <c r="GMB40" s="920"/>
      <c r="GMC40" s="920"/>
      <c r="GMD40" s="920"/>
      <c r="GME40" s="920"/>
      <c r="GMF40" s="920"/>
      <c r="GMG40" s="920"/>
      <c r="GMH40" s="920"/>
      <c r="GMI40" s="920"/>
      <c r="GMJ40" s="920"/>
      <c r="GMK40" s="920"/>
      <c r="GML40" s="920"/>
      <c r="GMM40" s="920"/>
      <c r="GMN40" s="920"/>
      <c r="GMO40" s="920"/>
      <c r="GMP40" s="920"/>
      <c r="GMQ40" s="920"/>
      <c r="GMR40" s="920"/>
      <c r="GMS40" s="920"/>
      <c r="GMT40" s="920"/>
      <c r="GMU40" s="920"/>
      <c r="GMV40" s="920"/>
      <c r="GMW40" s="920"/>
      <c r="GMX40" s="920"/>
      <c r="GMY40" s="920"/>
      <c r="GMZ40" s="920"/>
      <c r="GNA40" s="920"/>
      <c r="GNB40" s="920"/>
      <c r="GNC40" s="920"/>
      <c r="GND40" s="920"/>
      <c r="GNE40" s="920"/>
      <c r="GNF40" s="920"/>
      <c r="GNG40" s="920"/>
      <c r="GNH40" s="920"/>
      <c r="GNI40" s="920"/>
      <c r="GNJ40" s="920"/>
      <c r="GNK40" s="920"/>
      <c r="GNL40" s="920"/>
      <c r="GNM40" s="920"/>
      <c r="GNN40" s="920"/>
      <c r="GNO40" s="920"/>
      <c r="GNP40" s="920"/>
      <c r="GNQ40" s="920"/>
      <c r="GNR40" s="920"/>
      <c r="GNS40" s="920"/>
      <c r="GNT40" s="920"/>
      <c r="GNU40" s="920"/>
      <c r="GNV40" s="920"/>
      <c r="GNW40" s="920"/>
      <c r="GNX40" s="920"/>
      <c r="GNY40" s="920"/>
      <c r="GNZ40" s="920"/>
      <c r="GOA40" s="920"/>
      <c r="GOB40" s="920"/>
      <c r="GOC40" s="920"/>
      <c r="GOD40" s="920"/>
      <c r="GOE40" s="920"/>
      <c r="GOF40" s="920"/>
      <c r="GOG40" s="920"/>
      <c r="GOH40" s="920"/>
      <c r="GOI40" s="920"/>
      <c r="GOJ40" s="920"/>
      <c r="GOK40" s="920"/>
      <c r="GOL40" s="920"/>
      <c r="GOM40" s="920"/>
      <c r="GON40" s="920"/>
      <c r="GOO40" s="920"/>
      <c r="GOP40" s="920"/>
      <c r="GOQ40" s="920"/>
      <c r="GOR40" s="920"/>
      <c r="GOS40" s="920"/>
      <c r="GOT40" s="920"/>
      <c r="GOU40" s="920"/>
      <c r="GOV40" s="920"/>
      <c r="GOW40" s="920"/>
      <c r="GOX40" s="920"/>
      <c r="GOY40" s="920"/>
      <c r="GOZ40" s="920"/>
      <c r="GPA40" s="920"/>
      <c r="GPB40" s="920"/>
      <c r="GPC40" s="920"/>
      <c r="GPD40" s="920"/>
      <c r="GPE40" s="920"/>
      <c r="GPF40" s="920"/>
      <c r="GPG40" s="920"/>
      <c r="GPH40" s="920"/>
      <c r="GPI40" s="920"/>
      <c r="GPJ40" s="920"/>
      <c r="GPK40" s="920"/>
      <c r="GPL40" s="920"/>
      <c r="GPM40" s="920"/>
      <c r="GPN40" s="920"/>
      <c r="GPO40" s="920"/>
      <c r="GPP40" s="920"/>
      <c r="GPQ40" s="920"/>
      <c r="GPR40" s="920"/>
      <c r="GPS40" s="920"/>
      <c r="GPT40" s="920"/>
      <c r="GPU40" s="920"/>
      <c r="GPV40" s="920"/>
      <c r="GPW40" s="920"/>
      <c r="GPX40" s="920"/>
      <c r="GPY40" s="920"/>
      <c r="GPZ40" s="920"/>
      <c r="GQA40" s="920"/>
      <c r="GQB40" s="920"/>
      <c r="GQC40" s="920"/>
      <c r="GQD40" s="920"/>
      <c r="GQE40" s="920"/>
      <c r="GQF40" s="920"/>
      <c r="GQG40" s="920"/>
      <c r="GQH40" s="920"/>
      <c r="GQI40" s="920"/>
      <c r="GQJ40" s="920"/>
      <c r="GQK40" s="920"/>
      <c r="GQL40" s="920"/>
      <c r="GQM40" s="920"/>
      <c r="GQN40" s="920"/>
      <c r="GQO40" s="920"/>
      <c r="GQP40" s="920"/>
      <c r="GQQ40" s="920"/>
      <c r="GQR40" s="920"/>
      <c r="GQS40" s="920"/>
      <c r="GQT40" s="920"/>
      <c r="GQU40" s="920"/>
      <c r="GQV40" s="920"/>
      <c r="GQW40" s="920"/>
      <c r="GQX40" s="920"/>
      <c r="GQY40" s="920"/>
      <c r="GQZ40" s="920"/>
      <c r="GRA40" s="920"/>
      <c r="GRB40" s="920"/>
      <c r="GRC40" s="920"/>
      <c r="GRD40" s="920"/>
      <c r="GRE40" s="920"/>
      <c r="GRF40" s="920"/>
      <c r="GRG40" s="920"/>
      <c r="GRH40" s="920"/>
      <c r="GRI40" s="920"/>
      <c r="GRJ40" s="920"/>
      <c r="GRK40" s="920"/>
      <c r="GRL40" s="920"/>
      <c r="GRM40" s="920"/>
      <c r="GRN40" s="920"/>
      <c r="GRO40" s="920"/>
      <c r="GRP40" s="920"/>
      <c r="GRQ40" s="920"/>
      <c r="GRR40" s="920"/>
      <c r="GRS40" s="920"/>
      <c r="GRT40" s="920"/>
      <c r="GRU40" s="920"/>
      <c r="GRV40" s="920"/>
      <c r="GRW40" s="920"/>
      <c r="GRX40" s="920"/>
      <c r="GRY40" s="920"/>
      <c r="GRZ40" s="920"/>
      <c r="GSA40" s="920"/>
      <c r="GSB40" s="920"/>
      <c r="GSC40" s="920"/>
      <c r="GSD40" s="920"/>
      <c r="GSE40" s="920"/>
      <c r="GSF40" s="920"/>
      <c r="GSG40" s="920"/>
      <c r="GSH40" s="920"/>
      <c r="GSI40" s="920"/>
      <c r="GSJ40" s="920"/>
      <c r="GSK40" s="920"/>
      <c r="GSL40" s="920"/>
      <c r="GSM40" s="920"/>
      <c r="GSN40" s="920"/>
      <c r="GSO40" s="920"/>
      <c r="GSP40" s="920"/>
      <c r="GSQ40" s="920"/>
      <c r="GSR40" s="920"/>
      <c r="GSS40" s="920"/>
      <c r="GST40" s="920"/>
      <c r="GSU40" s="920"/>
      <c r="GSV40" s="920"/>
      <c r="GSW40" s="920"/>
      <c r="GSX40" s="920"/>
      <c r="GSY40" s="920"/>
      <c r="GSZ40" s="920"/>
      <c r="GTA40" s="920"/>
      <c r="GTB40" s="920"/>
      <c r="GTC40" s="920"/>
      <c r="GTD40" s="920"/>
      <c r="GTE40" s="920"/>
      <c r="GTF40" s="920"/>
      <c r="GTG40" s="920"/>
      <c r="GTH40" s="920"/>
      <c r="GTI40" s="920"/>
      <c r="GTJ40" s="920"/>
      <c r="GTK40" s="920"/>
      <c r="GTL40" s="920"/>
      <c r="GTM40" s="920"/>
      <c r="GTN40" s="920"/>
      <c r="GTO40" s="920"/>
      <c r="GTP40" s="920"/>
      <c r="GTQ40" s="920"/>
      <c r="GTR40" s="920"/>
      <c r="GTS40" s="920"/>
      <c r="GTT40" s="920"/>
      <c r="GTU40" s="920"/>
      <c r="GTV40" s="920"/>
      <c r="GTW40" s="920"/>
      <c r="GTX40" s="920"/>
      <c r="GTY40" s="920"/>
      <c r="GTZ40" s="920"/>
      <c r="GUA40" s="920"/>
      <c r="GUB40" s="920"/>
      <c r="GUC40" s="920"/>
      <c r="GUD40" s="920"/>
      <c r="GUE40" s="920"/>
      <c r="GUF40" s="920"/>
      <c r="GUG40" s="920"/>
      <c r="GUH40" s="920"/>
      <c r="GUI40" s="920"/>
      <c r="GUJ40" s="920"/>
      <c r="GUK40" s="920"/>
      <c r="GUL40" s="920"/>
      <c r="GUM40" s="920"/>
      <c r="GUN40" s="920"/>
      <c r="GUO40" s="920"/>
      <c r="GUP40" s="920"/>
      <c r="GUQ40" s="920"/>
      <c r="GUR40" s="920"/>
      <c r="GUS40" s="920"/>
      <c r="GUT40" s="920"/>
      <c r="GUU40" s="920"/>
      <c r="GUV40" s="920"/>
      <c r="GUW40" s="920"/>
      <c r="GUX40" s="920"/>
      <c r="GUY40" s="920"/>
      <c r="GUZ40" s="920"/>
      <c r="GVA40" s="920"/>
      <c r="GVB40" s="920"/>
      <c r="GVC40" s="920"/>
      <c r="GVD40" s="920"/>
      <c r="GVE40" s="920"/>
      <c r="GVF40" s="920"/>
      <c r="GVG40" s="920"/>
      <c r="GVH40" s="920"/>
      <c r="GVI40" s="920"/>
      <c r="GVJ40" s="920"/>
      <c r="GVK40" s="920"/>
      <c r="GVL40" s="920"/>
      <c r="GVM40" s="920"/>
      <c r="GVN40" s="920"/>
      <c r="GVO40" s="920"/>
      <c r="GVP40" s="920"/>
      <c r="GVQ40" s="920"/>
      <c r="GVR40" s="920"/>
      <c r="GVS40" s="920"/>
      <c r="GVT40" s="920"/>
      <c r="GVU40" s="920"/>
      <c r="GVV40" s="920"/>
      <c r="GVW40" s="920"/>
      <c r="GVX40" s="920"/>
      <c r="GVY40" s="920"/>
      <c r="GVZ40" s="920"/>
      <c r="GWA40" s="920"/>
      <c r="GWB40" s="920"/>
      <c r="GWC40" s="920"/>
      <c r="GWD40" s="920"/>
      <c r="GWE40" s="920"/>
      <c r="GWF40" s="920"/>
      <c r="GWG40" s="920"/>
      <c r="GWH40" s="920"/>
      <c r="GWI40" s="920"/>
      <c r="GWJ40" s="920"/>
      <c r="GWK40" s="920"/>
      <c r="GWL40" s="920"/>
      <c r="GWM40" s="920"/>
      <c r="GWN40" s="920"/>
      <c r="GWO40" s="920"/>
      <c r="GWP40" s="920"/>
      <c r="GWQ40" s="920"/>
      <c r="GWR40" s="920"/>
      <c r="GWS40" s="920"/>
      <c r="GWT40" s="920"/>
      <c r="GWU40" s="920"/>
      <c r="GWV40" s="920"/>
      <c r="GWW40" s="920"/>
      <c r="GWX40" s="920"/>
      <c r="GWY40" s="920"/>
      <c r="GWZ40" s="920"/>
      <c r="GXA40" s="920"/>
      <c r="GXB40" s="920"/>
      <c r="GXC40" s="920"/>
      <c r="GXD40" s="920"/>
      <c r="GXE40" s="920"/>
      <c r="GXF40" s="920"/>
      <c r="GXG40" s="920"/>
      <c r="GXH40" s="920"/>
      <c r="GXI40" s="920"/>
      <c r="GXJ40" s="920"/>
      <c r="GXK40" s="920"/>
      <c r="GXL40" s="920"/>
      <c r="GXM40" s="920"/>
      <c r="GXN40" s="920"/>
      <c r="GXO40" s="920"/>
      <c r="GXP40" s="920"/>
      <c r="GXQ40" s="920"/>
      <c r="GXR40" s="920"/>
      <c r="GXS40" s="920"/>
      <c r="GXT40" s="920"/>
      <c r="GXU40" s="920"/>
      <c r="GXV40" s="920"/>
      <c r="GXW40" s="920"/>
      <c r="GXX40" s="920"/>
      <c r="GXY40" s="920"/>
      <c r="GXZ40" s="920"/>
      <c r="GYA40" s="920"/>
      <c r="GYB40" s="920"/>
      <c r="GYC40" s="920"/>
      <c r="GYD40" s="920"/>
      <c r="GYE40" s="920"/>
      <c r="GYF40" s="920"/>
      <c r="GYG40" s="920"/>
      <c r="GYH40" s="920"/>
      <c r="GYI40" s="920"/>
      <c r="GYJ40" s="920"/>
      <c r="GYK40" s="920"/>
      <c r="GYL40" s="920"/>
      <c r="GYM40" s="920"/>
      <c r="GYN40" s="920"/>
      <c r="GYO40" s="920"/>
      <c r="GYP40" s="920"/>
      <c r="GYQ40" s="920"/>
      <c r="GYR40" s="920"/>
      <c r="GYS40" s="920"/>
      <c r="GYT40" s="920"/>
      <c r="GYU40" s="920"/>
      <c r="GYV40" s="920"/>
      <c r="GYW40" s="920"/>
      <c r="GYX40" s="920"/>
      <c r="GYY40" s="920"/>
      <c r="GYZ40" s="920"/>
      <c r="GZA40" s="920"/>
      <c r="GZB40" s="920"/>
      <c r="GZC40" s="920"/>
      <c r="GZD40" s="920"/>
      <c r="GZE40" s="920"/>
      <c r="GZF40" s="920"/>
      <c r="GZG40" s="920"/>
      <c r="GZH40" s="920"/>
      <c r="GZI40" s="920"/>
      <c r="GZJ40" s="920"/>
      <c r="GZK40" s="920"/>
      <c r="GZL40" s="920"/>
      <c r="GZM40" s="920"/>
      <c r="GZN40" s="920"/>
      <c r="GZO40" s="920"/>
      <c r="GZP40" s="920"/>
      <c r="GZQ40" s="920"/>
      <c r="GZR40" s="920"/>
      <c r="GZS40" s="920"/>
      <c r="GZT40" s="920"/>
      <c r="GZU40" s="920"/>
      <c r="GZV40" s="920"/>
      <c r="GZW40" s="920"/>
      <c r="GZX40" s="920"/>
      <c r="GZY40" s="920"/>
      <c r="GZZ40" s="920"/>
      <c r="HAA40" s="920"/>
      <c r="HAB40" s="920"/>
      <c r="HAC40" s="920"/>
      <c r="HAD40" s="920"/>
      <c r="HAE40" s="920"/>
      <c r="HAF40" s="920"/>
      <c r="HAG40" s="920"/>
      <c r="HAH40" s="920"/>
      <c r="HAI40" s="920"/>
      <c r="HAJ40" s="920"/>
      <c r="HAK40" s="920"/>
      <c r="HAL40" s="920"/>
      <c r="HAM40" s="920"/>
      <c r="HAN40" s="920"/>
      <c r="HAO40" s="920"/>
      <c r="HAP40" s="920"/>
      <c r="HAQ40" s="920"/>
      <c r="HAR40" s="920"/>
      <c r="HAS40" s="920"/>
      <c r="HAT40" s="920"/>
      <c r="HAU40" s="920"/>
      <c r="HAV40" s="920"/>
      <c r="HAW40" s="920"/>
      <c r="HAX40" s="920"/>
      <c r="HAY40" s="920"/>
      <c r="HAZ40" s="920"/>
      <c r="HBA40" s="920"/>
      <c r="HBB40" s="920"/>
      <c r="HBC40" s="920"/>
      <c r="HBD40" s="920"/>
      <c r="HBE40" s="920"/>
      <c r="HBF40" s="920"/>
      <c r="HBG40" s="920"/>
      <c r="HBH40" s="920"/>
      <c r="HBI40" s="920"/>
      <c r="HBJ40" s="920"/>
      <c r="HBK40" s="920"/>
      <c r="HBL40" s="920"/>
      <c r="HBM40" s="920"/>
      <c r="HBN40" s="920"/>
      <c r="HBO40" s="920"/>
      <c r="HBP40" s="920"/>
      <c r="HBQ40" s="920"/>
      <c r="HBR40" s="920"/>
      <c r="HBS40" s="920"/>
      <c r="HBT40" s="920"/>
      <c r="HBU40" s="920"/>
      <c r="HBV40" s="920"/>
      <c r="HBW40" s="920"/>
      <c r="HBX40" s="920"/>
      <c r="HBY40" s="920"/>
      <c r="HBZ40" s="920"/>
      <c r="HCA40" s="920"/>
      <c r="HCB40" s="920"/>
      <c r="HCC40" s="920"/>
      <c r="HCD40" s="920"/>
      <c r="HCE40" s="920"/>
      <c r="HCF40" s="920"/>
      <c r="HCG40" s="920"/>
      <c r="HCH40" s="920"/>
      <c r="HCI40" s="920"/>
      <c r="HCJ40" s="920"/>
      <c r="HCK40" s="920"/>
      <c r="HCL40" s="920"/>
      <c r="HCM40" s="920"/>
      <c r="HCN40" s="920"/>
      <c r="HCO40" s="920"/>
      <c r="HCP40" s="920"/>
      <c r="HCQ40" s="920"/>
      <c r="HCR40" s="920"/>
      <c r="HCS40" s="920"/>
      <c r="HCT40" s="920"/>
      <c r="HCU40" s="920"/>
      <c r="HCV40" s="920"/>
      <c r="HCW40" s="920"/>
      <c r="HCX40" s="920"/>
      <c r="HCY40" s="920"/>
      <c r="HCZ40" s="920"/>
      <c r="HDA40" s="920"/>
      <c r="HDB40" s="920"/>
      <c r="HDC40" s="920"/>
      <c r="HDD40" s="920"/>
      <c r="HDE40" s="920"/>
      <c r="HDF40" s="920"/>
      <c r="HDG40" s="920"/>
      <c r="HDH40" s="920"/>
      <c r="HDI40" s="920"/>
      <c r="HDJ40" s="920"/>
      <c r="HDK40" s="920"/>
      <c r="HDL40" s="920"/>
      <c r="HDM40" s="920"/>
      <c r="HDN40" s="920"/>
      <c r="HDO40" s="920"/>
      <c r="HDP40" s="920"/>
      <c r="HDQ40" s="920"/>
      <c r="HDR40" s="920"/>
      <c r="HDS40" s="920"/>
      <c r="HDT40" s="920"/>
      <c r="HDU40" s="920"/>
      <c r="HDV40" s="920"/>
      <c r="HDW40" s="920"/>
      <c r="HDX40" s="920"/>
      <c r="HDY40" s="920"/>
      <c r="HDZ40" s="920"/>
      <c r="HEA40" s="920"/>
      <c r="HEB40" s="920"/>
      <c r="HEC40" s="920"/>
      <c r="HED40" s="920"/>
      <c r="HEE40" s="920"/>
      <c r="HEF40" s="920"/>
      <c r="HEG40" s="920"/>
      <c r="HEH40" s="920"/>
      <c r="HEI40" s="920"/>
      <c r="HEJ40" s="920"/>
      <c r="HEK40" s="920"/>
      <c r="HEL40" s="920"/>
      <c r="HEM40" s="920"/>
      <c r="HEN40" s="920"/>
      <c r="HEO40" s="920"/>
      <c r="HEP40" s="920"/>
      <c r="HEQ40" s="920"/>
      <c r="HER40" s="920"/>
      <c r="HES40" s="920"/>
      <c r="HET40" s="920"/>
      <c r="HEU40" s="920"/>
      <c r="HEV40" s="920"/>
      <c r="HEW40" s="920"/>
      <c r="HEX40" s="920"/>
      <c r="HEY40" s="920"/>
      <c r="HEZ40" s="920"/>
      <c r="HFA40" s="920"/>
      <c r="HFB40" s="920"/>
      <c r="HFC40" s="920"/>
      <c r="HFD40" s="920"/>
      <c r="HFE40" s="920"/>
      <c r="HFF40" s="920"/>
      <c r="HFG40" s="920"/>
      <c r="HFH40" s="920"/>
      <c r="HFI40" s="920"/>
      <c r="HFJ40" s="920"/>
      <c r="HFK40" s="920"/>
      <c r="HFL40" s="920"/>
      <c r="HFM40" s="920"/>
      <c r="HFN40" s="920"/>
      <c r="HFO40" s="920"/>
      <c r="HFP40" s="920"/>
      <c r="HFQ40" s="920"/>
      <c r="HFR40" s="920"/>
      <c r="HFS40" s="920"/>
      <c r="HFT40" s="920"/>
      <c r="HFU40" s="920"/>
      <c r="HFV40" s="920"/>
      <c r="HFW40" s="920"/>
      <c r="HFX40" s="920"/>
      <c r="HFY40" s="920"/>
      <c r="HFZ40" s="920"/>
      <c r="HGA40" s="920"/>
      <c r="HGB40" s="920"/>
      <c r="HGC40" s="920"/>
      <c r="HGD40" s="920"/>
      <c r="HGE40" s="920"/>
      <c r="HGF40" s="920"/>
      <c r="HGG40" s="920"/>
      <c r="HGH40" s="920"/>
      <c r="HGI40" s="920"/>
      <c r="HGJ40" s="920"/>
      <c r="HGK40" s="920"/>
      <c r="HGL40" s="920"/>
      <c r="HGM40" s="920"/>
      <c r="HGN40" s="920"/>
      <c r="HGO40" s="920"/>
      <c r="HGP40" s="920"/>
      <c r="HGQ40" s="920"/>
      <c r="HGR40" s="920"/>
      <c r="HGS40" s="920"/>
      <c r="HGT40" s="920"/>
      <c r="HGU40" s="920"/>
      <c r="HGV40" s="920"/>
      <c r="HGW40" s="920"/>
      <c r="HGX40" s="920"/>
      <c r="HGY40" s="920"/>
      <c r="HGZ40" s="920"/>
      <c r="HHA40" s="920"/>
      <c r="HHB40" s="920"/>
      <c r="HHC40" s="920"/>
      <c r="HHD40" s="920"/>
      <c r="HHE40" s="920"/>
      <c r="HHF40" s="920"/>
      <c r="HHG40" s="920"/>
      <c r="HHH40" s="920"/>
      <c r="HHI40" s="920"/>
      <c r="HHJ40" s="920"/>
      <c r="HHK40" s="920"/>
      <c r="HHL40" s="920"/>
      <c r="HHM40" s="920"/>
      <c r="HHN40" s="920"/>
      <c r="HHO40" s="920"/>
      <c r="HHP40" s="920"/>
      <c r="HHQ40" s="920"/>
      <c r="HHR40" s="920"/>
      <c r="HHS40" s="920"/>
      <c r="HHT40" s="920"/>
      <c r="HHU40" s="920"/>
      <c r="HHV40" s="920"/>
      <c r="HHW40" s="920"/>
      <c r="HHX40" s="920"/>
      <c r="HHY40" s="920"/>
      <c r="HHZ40" s="920"/>
      <c r="HIA40" s="920"/>
      <c r="HIB40" s="920"/>
      <c r="HIC40" s="920"/>
      <c r="HID40" s="920"/>
      <c r="HIE40" s="920"/>
      <c r="HIF40" s="920"/>
      <c r="HIG40" s="920"/>
      <c r="HIH40" s="920"/>
      <c r="HII40" s="920"/>
      <c r="HIJ40" s="920"/>
      <c r="HIK40" s="920"/>
      <c r="HIL40" s="920"/>
      <c r="HIM40" s="920"/>
      <c r="HIN40" s="920"/>
      <c r="HIO40" s="920"/>
      <c r="HIP40" s="920"/>
      <c r="HIQ40" s="920"/>
      <c r="HIR40" s="920"/>
      <c r="HIS40" s="920"/>
      <c r="HIT40" s="920"/>
      <c r="HIU40" s="920"/>
      <c r="HIV40" s="920"/>
      <c r="HIW40" s="920"/>
      <c r="HIX40" s="920"/>
      <c r="HIY40" s="920"/>
      <c r="HIZ40" s="920"/>
      <c r="HJA40" s="920"/>
      <c r="HJB40" s="920"/>
      <c r="HJC40" s="920"/>
      <c r="HJD40" s="920"/>
      <c r="HJE40" s="920"/>
      <c r="HJF40" s="920"/>
      <c r="HJG40" s="920"/>
      <c r="HJH40" s="920"/>
      <c r="HJI40" s="920"/>
      <c r="HJJ40" s="920"/>
      <c r="HJK40" s="920"/>
      <c r="HJL40" s="920"/>
      <c r="HJM40" s="920"/>
      <c r="HJN40" s="920"/>
      <c r="HJO40" s="920"/>
      <c r="HJP40" s="920"/>
      <c r="HJQ40" s="920"/>
      <c r="HJR40" s="920"/>
      <c r="HJS40" s="920"/>
      <c r="HJT40" s="920"/>
      <c r="HJU40" s="920"/>
      <c r="HJV40" s="920"/>
      <c r="HJW40" s="920"/>
      <c r="HJX40" s="920"/>
      <c r="HJY40" s="920"/>
      <c r="HJZ40" s="920"/>
      <c r="HKA40" s="920"/>
      <c r="HKB40" s="920"/>
      <c r="HKC40" s="920"/>
      <c r="HKD40" s="920"/>
      <c r="HKE40" s="920"/>
      <c r="HKF40" s="920"/>
      <c r="HKG40" s="920"/>
      <c r="HKH40" s="920"/>
      <c r="HKI40" s="920"/>
      <c r="HKJ40" s="920"/>
      <c r="HKK40" s="920"/>
      <c r="HKL40" s="920"/>
      <c r="HKM40" s="920"/>
      <c r="HKN40" s="920"/>
      <c r="HKO40" s="920"/>
      <c r="HKP40" s="920"/>
      <c r="HKQ40" s="920"/>
      <c r="HKR40" s="920"/>
      <c r="HKS40" s="920"/>
      <c r="HKT40" s="920"/>
      <c r="HKU40" s="920"/>
      <c r="HKV40" s="920"/>
      <c r="HKW40" s="920"/>
      <c r="HKX40" s="920"/>
      <c r="HKY40" s="920"/>
      <c r="HKZ40" s="920"/>
      <c r="HLA40" s="920"/>
      <c r="HLB40" s="920"/>
      <c r="HLC40" s="920"/>
      <c r="HLD40" s="920"/>
      <c r="HLE40" s="920"/>
      <c r="HLF40" s="920"/>
      <c r="HLG40" s="920"/>
      <c r="HLH40" s="920"/>
      <c r="HLI40" s="920"/>
      <c r="HLJ40" s="920"/>
      <c r="HLK40" s="920"/>
      <c r="HLL40" s="920"/>
      <c r="HLM40" s="920"/>
      <c r="HLN40" s="920"/>
      <c r="HLO40" s="920"/>
      <c r="HLP40" s="920"/>
      <c r="HLQ40" s="920"/>
      <c r="HLR40" s="920"/>
      <c r="HLS40" s="920"/>
      <c r="HLT40" s="920"/>
      <c r="HLU40" s="920"/>
      <c r="HLV40" s="920"/>
      <c r="HLW40" s="920"/>
      <c r="HLX40" s="920"/>
      <c r="HLY40" s="920"/>
      <c r="HLZ40" s="920"/>
      <c r="HMA40" s="920"/>
      <c r="HMB40" s="920"/>
      <c r="HMC40" s="920"/>
      <c r="HMD40" s="920"/>
      <c r="HME40" s="920"/>
      <c r="HMF40" s="920"/>
      <c r="HMG40" s="920"/>
      <c r="HMH40" s="920"/>
      <c r="HMI40" s="920"/>
      <c r="HMJ40" s="920"/>
      <c r="HMK40" s="920"/>
      <c r="HML40" s="920"/>
      <c r="HMM40" s="920"/>
      <c r="HMN40" s="920"/>
      <c r="HMO40" s="920"/>
      <c r="HMP40" s="920"/>
      <c r="HMQ40" s="920"/>
      <c r="HMR40" s="920"/>
      <c r="HMS40" s="920"/>
      <c r="HMT40" s="920"/>
      <c r="HMU40" s="920"/>
      <c r="HMV40" s="920"/>
      <c r="HMW40" s="920"/>
      <c r="HMX40" s="920"/>
      <c r="HMY40" s="920"/>
      <c r="HMZ40" s="920"/>
      <c r="HNA40" s="920"/>
      <c r="HNB40" s="920"/>
      <c r="HNC40" s="920"/>
      <c r="HND40" s="920"/>
      <c r="HNE40" s="920"/>
      <c r="HNF40" s="920"/>
      <c r="HNG40" s="920"/>
      <c r="HNH40" s="920"/>
      <c r="HNI40" s="920"/>
      <c r="HNJ40" s="920"/>
      <c r="HNK40" s="920"/>
      <c r="HNL40" s="920"/>
      <c r="HNM40" s="920"/>
      <c r="HNN40" s="920"/>
      <c r="HNO40" s="920"/>
      <c r="HNP40" s="920"/>
      <c r="HNQ40" s="920"/>
      <c r="HNR40" s="920"/>
      <c r="HNS40" s="920"/>
      <c r="HNT40" s="920"/>
      <c r="HNU40" s="920"/>
      <c r="HNV40" s="920"/>
      <c r="HNW40" s="920"/>
      <c r="HNX40" s="920"/>
      <c r="HNY40" s="920"/>
      <c r="HNZ40" s="920"/>
      <c r="HOA40" s="920"/>
      <c r="HOB40" s="920"/>
      <c r="HOC40" s="920"/>
      <c r="HOD40" s="920"/>
      <c r="HOE40" s="920"/>
      <c r="HOF40" s="920"/>
      <c r="HOG40" s="920"/>
      <c r="HOH40" s="920"/>
      <c r="HOI40" s="920"/>
      <c r="HOJ40" s="920"/>
      <c r="HOK40" s="920"/>
      <c r="HOL40" s="920"/>
      <c r="HOM40" s="920"/>
      <c r="HON40" s="920"/>
      <c r="HOO40" s="920"/>
      <c r="HOP40" s="920"/>
      <c r="HOQ40" s="920"/>
      <c r="HOR40" s="920"/>
      <c r="HOS40" s="920"/>
      <c r="HOT40" s="920"/>
      <c r="HOU40" s="920"/>
      <c r="HOV40" s="920"/>
      <c r="HOW40" s="920"/>
      <c r="HOX40" s="920"/>
      <c r="HOY40" s="920"/>
      <c r="HOZ40" s="920"/>
      <c r="HPA40" s="920"/>
      <c r="HPB40" s="920"/>
      <c r="HPC40" s="920"/>
      <c r="HPD40" s="920"/>
      <c r="HPE40" s="920"/>
      <c r="HPF40" s="920"/>
      <c r="HPG40" s="920"/>
      <c r="HPH40" s="920"/>
      <c r="HPI40" s="920"/>
      <c r="HPJ40" s="920"/>
      <c r="HPK40" s="920"/>
      <c r="HPL40" s="920"/>
      <c r="HPM40" s="920"/>
      <c r="HPN40" s="920"/>
      <c r="HPO40" s="920"/>
      <c r="HPP40" s="920"/>
      <c r="HPQ40" s="920"/>
      <c r="HPR40" s="920"/>
      <c r="HPS40" s="920"/>
      <c r="HPT40" s="920"/>
      <c r="HPU40" s="920"/>
      <c r="HPV40" s="920"/>
      <c r="HPW40" s="920"/>
      <c r="HPX40" s="920"/>
      <c r="HPY40" s="920"/>
      <c r="HPZ40" s="920"/>
      <c r="HQA40" s="920"/>
      <c r="HQB40" s="920"/>
      <c r="HQC40" s="920"/>
      <c r="HQD40" s="920"/>
      <c r="HQE40" s="920"/>
      <c r="HQF40" s="920"/>
      <c r="HQG40" s="920"/>
      <c r="HQH40" s="920"/>
      <c r="HQI40" s="920"/>
      <c r="HQJ40" s="920"/>
      <c r="HQK40" s="920"/>
      <c r="HQL40" s="920"/>
      <c r="HQM40" s="920"/>
      <c r="HQN40" s="920"/>
      <c r="HQO40" s="920"/>
      <c r="HQP40" s="920"/>
      <c r="HQQ40" s="920"/>
      <c r="HQR40" s="920"/>
      <c r="HQS40" s="920"/>
      <c r="HQT40" s="920"/>
      <c r="HQU40" s="920"/>
      <c r="HQV40" s="920"/>
      <c r="HQW40" s="920"/>
      <c r="HQX40" s="920"/>
      <c r="HQY40" s="920"/>
      <c r="HQZ40" s="920"/>
      <c r="HRA40" s="920"/>
      <c r="HRB40" s="920"/>
      <c r="HRC40" s="920"/>
      <c r="HRD40" s="920"/>
      <c r="HRE40" s="920"/>
      <c r="HRF40" s="920"/>
      <c r="HRG40" s="920"/>
      <c r="HRH40" s="920"/>
      <c r="HRI40" s="920"/>
      <c r="HRJ40" s="920"/>
      <c r="HRK40" s="920"/>
      <c r="HRL40" s="920"/>
      <c r="HRM40" s="920"/>
      <c r="HRN40" s="920"/>
      <c r="HRO40" s="920"/>
      <c r="HRP40" s="920"/>
      <c r="HRQ40" s="920"/>
      <c r="HRR40" s="920"/>
      <c r="HRS40" s="920"/>
      <c r="HRT40" s="920"/>
      <c r="HRU40" s="920"/>
      <c r="HRV40" s="920"/>
      <c r="HRW40" s="920"/>
      <c r="HRX40" s="920"/>
      <c r="HRY40" s="920"/>
      <c r="HRZ40" s="920"/>
      <c r="HSA40" s="920"/>
      <c r="HSB40" s="920"/>
      <c r="HSC40" s="920"/>
      <c r="HSD40" s="920"/>
      <c r="HSE40" s="920"/>
      <c r="HSF40" s="920"/>
      <c r="HSG40" s="920"/>
      <c r="HSH40" s="920"/>
      <c r="HSI40" s="920"/>
      <c r="HSJ40" s="920"/>
      <c r="HSK40" s="920"/>
      <c r="HSL40" s="920"/>
      <c r="HSM40" s="920"/>
      <c r="HSN40" s="920"/>
      <c r="HSO40" s="920"/>
      <c r="HSP40" s="920"/>
      <c r="HSQ40" s="920"/>
      <c r="HSR40" s="920"/>
      <c r="HSS40" s="920"/>
      <c r="HST40" s="920"/>
      <c r="HSU40" s="920"/>
      <c r="HSV40" s="920"/>
      <c r="HSW40" s="920"/>
      <c r="HSX40" s="920"/>
      <c r="HSY40" s="920"/>
      <c r="HSZ40" s="920"/>
      <c r="HTA40" s="920"/>
      <c r="HTB40" s="920"/>
      <c r="HTC40" s="920"/>
      <c r="HTD40" s="920"/>
      <c r="HTE40" s="920"/>
      <c r="HTF40" s="920"/>
      <c r="HTG40" s="920"/>
      <c r="HTH40" s="920"/>
      <c r="HTI40" s="920"/>
      <c r="HTJ40" s="920"/>
      <c r="HTK40" s="920"/>
      <c r="HTL40" s="920"/>
      <c r="HTM40" s="920"/>
      <c r="HTN40" s="920"/>
      <c r="HTO40" s="920"/>
      <c r="HTP40" s="920"/>
      <c r="HTQ40" s="920"/>
      <c r="HTR40" s="920"/>
      <c r="HTS40" s="920"/>
      <c r="HTT40" s="920"/>
      <c r="HTU40" s="920"/>
      <c r="HTV40" s="920"/>
      <c r="HTW40" s="920"/>
      <c r="HTX40" s="920"/>
      <c r="HTY40" s="920"/>
      <c r="HTZ40" s="920"/>
      <c r="HUA40" s="920"/>
      <c r="HUB40" s="920"/>
      <c r="HUC40" s="920"/>
      <c r="HUD40" s="920"/>
      <c r="HUE40" s="920"/>
      <c r="HUF40" s="920"/>
      <c r="HUG40" s="920"/>
      <c r="HUH40" s="920"/>
      <c r="HUI40" s="920"/>
      <c r="HUJ40" s="920"/>
      <c r="HUK40" s="920"/>
      <c r="HUL40" s="920"/>
      <c r="HUM40" s="920"/>
      <c r="HUN40" s="920"/>
      <c r="HUO40" s="920"/>
      <c r="HUP40" s="920"/>
      <c r="HUQ40" s="920"/>
      <c r="HUR40" s="920"/>
      <c r="HUS40" s="920"/>
      <c r="HUT40" s="920"/>
      <c r="HUU40" s="920"/>
      <c r="HUV40" s="920"/>
      <c r="HUW40" s="920"/>
      <c r="HUX40" s="920"/>
      <c r="HUY40" s="920"/>
      <c r="HUZ40" s="920"/>
      <c r="HVA40" s="920"/>
      <c r="HVB40" s="920"/>
      <c r="HVC40" s="920"/>
      <c r="HVD40" s="920"/>
      <c r="HVE40" s="920"/>
      <c r="HVF40" s="920"/>
      <c r="HVG40" s="920"/>
      <c r="HVH40" s="920"/>
      <c r="HVI40" s="920"/>
      <c r="HVJ40" s="920"/>
      <c r="HVK40" s="920"/>
      <c r="HVL40" s="920"/>
      <c r="HVM40" s="920"/>
      <c r="HVN40" s="920"/>
      <c r="HVO40" s="920"/>
      <c r="HVP40" s="920"/>
      <c r="HVQ40" s="920"/>
      <c r="HVR40" s="920"/>
      <c r="HVS40" s="920"/>
      <c r="HVT40" s="920"/>
      <c r="HVU40" s="920"/>
      <c r="HVV40" s="920"/>
      <c r="HVW40" s="920"/>
      <c r="HVX40" s="920"/>
      <c r="HVY40" s="920"/>
      <c r="HVZ40" s="920"/>
      <c r="HWA40" s="920"/>
      <c r="HWB40" s="920"/>
      <c r="HWC40" s="920"/>
      <c r="HWD40" s="920"/>
      <c r="HWE40" s="920"/>
      <c r="HWF40" s="920"/>
      <c r="HWG40" s="920"/>
      <c r="HWH40" s="920"/>
      <c r="HWI40" s="920"/>
      <c r="HWJ40" s="920"/>
      <c r="HWK40" s="920"/>
      <c r="HWL40" s="920"/>
      <c r="HWM40" s="920"/>
      <c r="HWN40" s="920"/>
      <c r="HWO40" s="920"/>
      <c r="HWP40" s="920"/>
      <c r="HWQ40" s="920"/>
      <c r="HWR40" s="920"/>
      <c r="HWS40" s="920"/>
      <c r="HWT40" s="920"/>
      <c r="HWU40" s="920"/>
      <c r="HWV40" s="920"/>
      <c r="HWW40" s="920"/>
      <c r="HWX40" s="920"/>
      <c r="HWY40" s="920"/>
      <c r="HWZ40" s="920"/>
      <c r="HXA40" s="920"/>
      <c r="HXB40" s="920"/>
      <c r="HXC40" s="920"/>
      <c r="HXD40" s="920"/>
      <c r="HXE40" s="920"/>
      <c r="HXF40" s="920"/>
      <c r="HXG40" s="920"/>
      <c r="HXH40" s="920"/>
      <c r="HXI40" s="920"/>
      <c r="HXJ40" s="920"/>
      <c r="HXK40" s="920"/>
      <c r="HXL40" s="920"/>
      <c r="HXM40" s="920"/>
      <c r="HXN40" s="920"/>
      <c r="HXO40" s="920"/>
      <c r="HXP40" s="920"/>
      <c r="HXQ40" s="920"/>
      <c r="HXR40" s="920"/>
      <c r="HXS40" s="920"/>
      <c r="HXT40" s="920"/>
      <c r="HXU40" s="920"/>
      <c r="HXV40" s="920"/>
      <c r="HXW40" s="920"/>
      <c r="HXX40" s="920"/>
      <c r="HXY40" s="920"/>
      <c r="HXZ40" s="920"/>
      <c r="HYA40" s="920"/>
      <c r="HYB40" s="920"/>
      <c r="HYC40" s="920"/>
      <c r="HYD40" s="920"/>
      <c r="HYE40" s="920"/>
      <c r="HYF40" s="920"/>
      <c r="HYG40" s="920"/>
      <c r="HYH40" s="920"/>
      <c r="HYI40" s="920"/>
      <c r="HYJ40" s="920"/>
      <c r="HYK40" s="920"/>
      <c r="HYL40" s="920"/>
      <c r="HYM40" s="920"/>
      <c r="HYN40" s="920"/>
      <c r="HYO40" s="920"/>
      <c r="HYP40" s="920"/>
      <c r="HYQ40" s="920"/>
      <c r="HYR40" s="920"/>
      <c r="HYS40" s="920"/>
      <c r="HYT40" s="920"/>
      <c r="HYU40" s="920"/>
      <c r="HYV40" s="920"/>
      <c r="HYW40" s="920"/>
      <c r="HYX40" s="920"/>
      <c r="HYY40" s="920"/>
      <c r="HYZ40" s="920"/>
      <c r="HZA40" s="920"/>
      <c r="HZB40" s="920"/>
      <c r="HZC40" s="920"/>
      <c r="HZD40" s="920"/>
      <c r="HZE40" s="920"/>
      <c r="HZF40" s="920"/>
      <c r="HZG40" s="920"/>
      <c r="HZH40" s="920"/>
      <c r="HZI40" s="920"/>
      <c r="HZJ40" s="920"/>
      <c r="HZK40" s="920"/>
      <c r="HZL40" s="920"/>
      <c r="HZM40" s="920"/>
      <c r="HZN40" s="920"/>
      <c r="HZO40" s="920"/>
      <c r="HZP40" s="920"/>
      <c r="HZQ40" s="920"/>
      <c r="HZR40" s="920"/>
      <c r="HZS40" s="920"/>
      <c r="HZT40" s="920"/>
      <c r="HZU40" s="920"/>
      <c r="HZV40" s="920"/>
      <c r="HZW40" s="920"/>
      <c r="HZX40" s="920"/>
      <c r="HZY40" s="920"/>
      <c r="HZZ40" s="920"/>
      <c r="IAA40" s="920"/>
      <c r="IAB40" s="920"/>
      <c r="IAC40" s="920"/>
      <c r="IAD40" s="920"/>
      <c r="IAE40" s="920"/>
      <c r="IAF40" s="920"/>
      <c r="IAG40" s="920"/>
      <c r="IAH40" s="920"/>
      <c r="IAI40" s="920"/>
      <c r="IAJ40" s="920"/>
      <c r="IAK40" s="920"/>
      <c r="IAL40" s="920"/>
      <c r="IAM40" s="920"/>
      <c r="IAN40" s="920"/>
      <c r="IAO40" s="920"/>
      <c r="IAP40" s="920"/>
      <c r="IAQ40" s="920"/>
      <c r="IAR40" s="920"/>
      <c r="IAS40" s="920"/>
      <c r="IAT40" s="920"/>
      <c r="IAU40" s="920"/>
      <c r="IAV40" s="920"/>
      <c r="IAW40" s="920"/>
      <c r="IAX40" s="920"/>
      <c r="IAY40" s="920"/>
      <c r="IAZ40" s="920"/>
      <c r="IBA40" s="920"/>
      <c r="IBB40" s="920"/>
      <c r="IBC40" s="920"/>
      <c r="IBD40" s="920"/>
      <c r="IBE40" s="920"/>
      <c r="IBF40" s="920"/>
      <c r="IBG40" s="920"/>
      <c r="IBH40" s="920"/>
      <c r="IBI40" s="920"/>
      <c r="IBJ40" s="920"/>
      <c r="IBK40" s="920"/>
      <c r="IBL40" s="920"/>
      <c r="IBM40" s="920"/>
      <c r="IBN40" s="920"/>
      <c r="IBO40" s="920"/>
      <c r="IBP40" s="920"/>
      <c r="IBQ40" s="920"/>
      <c r="IBR40" s="920"/>
      <c r="IBS40" s="920"/>
      <c r="IBT40" s="920"/>
      <c r="IBU40" s="920"/>
      <c r="IBV40" s="920"/>
      <c r="IBW40" s="920"/>
      <c r="IBX40" s="920"/>
      <c r="IBY40" s="920"/>
      <c r="IBZ40" s="920"/>
      <c r="ICA40" s="920"/>
      <c r="ICB40" s="920"/>
      <c r="ICC40" s="920"/>
      <c r="ICD40" s="920"/>
      <c r="ICE40" s="920"/>
      <c r="ICF40" s="920"/>
      <c r="ICG40" s="920"/>
      <c r="ICH40" s="920"/>
      <c r="ICI40" s="920"/>
      <c r="ICJ40" s="920"/>
      <c r="ICK40" s="920"/>
      <c r="ICL40" s="920"/>
      <c r="ICM40" s="920"/>
      <c r="ICN40" s="920"/>
      <c r="ICO40" s="920"/>
      <c r="ICP40" s="920"/>
      <c r="ICQ40" s="920"/>
      <c r="ICR40" s="920"/>
      <c r="ICS40" s="920"/>
      <c r="ICT40" s="920"/>
      <c r="ICU40" s="920"/>
      <c r="ICV40" s="920"/>
      <c r="ICW40" s="920"/>
      <c r="ICX40" s="920"/>
      <c r="ICY40" s="920"/>
      <c r="ICZ40" s="920"/>
      <c r="IDA40" s="920"/>
      <c r="IDB40" s="920"/>
      <c r="IDC40" s="920"/>
      <c r="IDD40" s="920"/>
      <c r="IDE40" s="920"/>
      <c r="IDF40" s="920"/>
      <c r="IDG40" s="920"/>
      <c r="IDH40" s="920"/>
      <c r="IDI40" s="920"/>
      <c r="IDJ40" s="920"/>
      <c r="IDK40" s="920"/>
      <c r="IDL40" s="920"/>
      <c r="IDM40" s="920"/>
      <c r="IDN40" s="920"/>
      <c r="IDO40" s="920"/>
      <c r="IDP40" s="920"/>
      <c r="IDQ40" s="920"/>
      <c r="IDR40" s="920"/>
      <c r="IDS40" s="920"/>
      <c r="IDT40" s="920"/>
      <c r="IDU40" s="920"/>
      <c r="IDV40" s="920"/>
      <c r="IDW40" s="920"/>
      <c r="IDX40" s="920"/>
      <c r="IDY40" s="920"/>
      <c r="IDZ40" s="920"/>
      <c r="IEA40" s="920"/>
      <c r="IEB40" s="920"/>
      <c r="IEC40" s="920"/>
      <c r="IED40" s="920"/>
      <c r="IEE40" s="920"/>
      <c r="IEF40" s="920"/>
      <c r="IEG40" s="920"/>
      <c r="IEH40" s="920"/>
      <c r="IEI40" s="920"/>
      <c r="IEJ40" s="920"/>
      <c r="IEK40" s="920"/>
      <c r="IEL40" s="920"/>
      <c r="IEM40" s="920"/>
      <c r="IEN40" s="920"/>
      <c r="IEO40" s="920"/>
      <c r="IEP40" s="920"/>
      <c r="IEQ40" s="920"/>
      <c r="IER40" s="920"/>
      <c r="IES40" s="920"/>
      <c r="IET40" s="920"/>
      <c r="IEU40" s="920"/>
      <c r="IEV40" s="920"/>
      <c r="IEW40" s="920"/>
      <c r="IEX40" s="920"/>
      <c r="IEY40" s="920"/>
      <c r="IEZ40" s="920"/>
      <c r="IFA40" s="920"/>
      <c r="IFB40" s="920"/>
      <c r="IFC40" s="920"/>
      <c r="IFD40" s="920"/>
      <c r="IFE40" s="920"/>
      <c r="IFF40" s="920"/>
      <c r="IFG40" s="920"/>
      <c r="IFH40" s="920"/>
      <c r="IFI40" s="920"/>
      <c r="IFJ40" s="920"/>
      <c r="IFK40" s="920"/>
      <c r="IFL40" s="920"/>
      <c r="IFM40" s="920"/>
      <c r="IFN40" s="920"/>
      <c r="IFO40" s="920"/>
      <c r="IFP40" s="920"/>
      <c r="IFQ40" s="920"/>
      <c r="IFR40" s="920"/>
      <c r="IFS40" s="920"/>
      <c r="IFT40" s="920"/>
      <c r="IFU40" s="920"/>
      <c r="IFV40" s="920"/>
      <c r="IFW40" s="920"/>
      <c r="IFX40" s="920"/>
      <c r="IFY40" s="920"/>
      <c r="IFZ40" s="920"/>
      <c r="IGA40" s="920"/>
      <c r="IGB40" s="920"/>
      <c r="IGC40" s="920"/>
      <c r="IGD40" s="920"/>
      <c r="IGE40" s="920"/>
      <c r="IGF40" s="920"/>
      <c r="IGG40" s="920"/>
      <c r="IGH40" s="920"/>
      <c r="IGI40" s="920"/>
      <c r="IGJ40" s="920"/>
      <c r="IGK40" s="920"/>
      <c r="IGL40" s="920"/>
      <c r="IGM40" s="920"/>
      <c r="IGN40" s="920"/>
      <c r="IGO40" s="920"/>
      <c r="IGP40" s="920"/>
      <c r="IGQ40" s="920"/>
      <c r="IGR40" s="920"/>
      <c r="IGS40" s="920"/>
      <c r="IGT40" s="920"/>
      <c r="IGU40" s="920"/>
      <c r="IGV40" s="920"/>
      <c r="IGW40" s="920"/>
      <c r="IGX40" s="920"/>
      <c r="IGY40" s="920"/>
      <c r="IGZ40" s="920"/>
      <c r="IHA40" s="920"/>
      <c r="IHB40" s="920"/>
      <c r="IHC40" s="920"/>
      <c r="IHD40" s="920"/>
      <c r="IHE40" s="920"/>
      <c r="IHF40" s="920"/>
      <c r="IHG40" s="920"/>
      <c r="IHH40" s="920"/>
      <c r="IHI40" s="920"/>
      <c r="IHJ40" s="920"/>
      <c r="IHK40" s="920"/>
      <c r="IHL40" s="920"/>
      <c r="IHM40" s="920"/>
      <c r="IHN40" s="920"/>
      <c r="IHO40" s="920"/>
      <c r="IHP40" s="920"/>
      <c r="IHQ40" s="920"/>
      <c r="IHR40" s="920"/>
      <c r="IHS40" s="920"/>
      <c r="IHT40" s="920"/>
      <c r="IHU40" s="920"/>
      <c r="IHV40" s="920"/>
      <c r="IHW40" s="920"/>
      <c r="IHX40" s="920"/>
      <c r="IHY40" s="920"/>
      <c r="IHZ40" s="920"/>
      <c r="IIA40" s="920"/>
      <c r="IIB40" s="920"/>
      <c r="IIC40" s="920"/>
      <c r="IID40" s="920"/>
      <c r="IIE40" s="920"/>
      <c r="IIF40" s="920"/>
      <c r="IIG40" s="920"/>
      <c r="IIH40" s="920"/>
      <c r="III40" s="920"/>
      <c r="IIJ40" s="920"/>
      <c r="IIK40" s="920"/>
      <c r="IIL40" s="920"/>
      <c r="IIM40" s="920"/>
      <c r="IIN40" s="920"/>
      <c r="IIO40" s="920"/>
      <c r="IIP40" s="920"/>
      <c r="IIQ40" s="920"/>
      <c r="IIR40" s="920"/>
      <c r="IIS40" s="920"/>
      <c r="IIT40" s="920"/>
      <c r="IIU40" s="920"/>
      <c r="IIV40" s="920"/>
      <c r="IIW40" s="920"/>
      <c r="IIX40" s="920"/>
      <c r="IIY40" s="920"/>
      <c r="IIZ40" s="920"/>
      <c r="IJA40" s="920"/>
      <c r="IJB40" s="920"/>
      <c r="IJC40" s="920"/>
      <c r="IJD40" s="920"/>
      <c r="IJE40" s="920"/>
      <c r="IJF40" s="920"/>
      <c r="IJG40" s="920"/>
      <c r="IJH40" s="920"/>
      <c r="IJI40" s="920"/>
      <c r="IJJ40" s="920"/>
      <c r="IJK40" s="920"/>
      <c r="IJL40" s="920"/>
      <c r="IJM40" s="920"/>
      <c r="IJN40" s="920"/>
      <c r="IJO40" s="920"/>
      <c r="IJP40" s="920"/>
      <c r="IJQ40" s="920"/>
      <c r="IJR40" s="920"/>
      <c r="IJS40" s="920"/>
      <c r="IJT40" s="920"/>
      <c r="IJU40" s="920"/>
      <c r="IJV40" s="920"/>
      <c r="IJW40" s="920"/>
      <c r="IJX40" s="920"/>
      <c r="IJY40" s="920"/>
      <c r="IJZ40" s="920"/>
      <c r="IKA40" s="920"/>
      <c r="IKB40" s="920"/>
      <c r="IKC40" s="920"/>
      <c r="IKD40" s="920"/>
      <c r="IKE40" s="920"/>
      <c r="IKF40" s="920"/>
      <c r="IKG40" s="920"/>
      <c r="IKH40" s="920"/>
      <c r="IKI40" s="920"/>
      <c r="IKJ40" s="920"/>
      <c r="IKK40" s="920"/>
      <c r="IKL40" s="920"/>
      <c r="IKM40" s="920"/>
      <c r="IKN40" s="920"/>
      <c r="IKO40" s="920"/>
      <c r="IKP40" s="920"/>
      <c r="IKQ40" s="920"/>
      <c r="IKR40" s="920"/>
      <c r="IKS40" s="920"/>
      <c r="IKT40" s="920"/>
      <c r="IKU40" s="920"/>
      <c r="IKV40" s="920"/>
      <c r="IKW40" s="920"/>
      <c r="IKX40" s="920"/>
      <c r="IKY40" s="920"/>
      <c r="IKZ40" s="920"/>
      <c r="ILA40" s="920"/>
      <c r="ILB40" s="920"/>
      <c r="ILC40" s="920"/>
      <c r="ILD40" s="920"/>
      <c r="ILE40" s="920"/>
      <c r="ILF40" s="920"/>
      <c r="ILG40" s="920"/>
      <c r="ILH40" s="920"/>
      <c r="ILI40" s="920"/>
      <c r="ILJ40" s="920"/>
      <c r="ILK40" s="920"/>
      <c r="ILL40" s="920"/>
      <c r="ILM40" s="920"/>
      <c r="ILN40" s="920"/>
      <c r="ILO40" s="920"/>
      <c r="ILP40" s="920"/>
      <c r="ILQ40" s="920"/>
      <c r="ILR40" s="920"/>
      <c r="ILS40" s="920"/>
      <c r="ILT40" s="920"/>
      <c r="ILU40" s="920"/>
      <c r="ILV40" s="920"/>
      <c r="ILW40" s="920"/>
      <c r="ILX40" s="920"/>
      <c r="ILY40" s="920"/>
      <c r="ILZ40" s="920"/>
      <c r="IMA40" s="920"/>
      <c r="IMB40" s="920"/>
      <c r="IMC40" s="920"/>
      <c r="IMD40" s="920"/>
      <c r="IME40" s="920"/>
      <c r="IMF40" s="920"/>
      <c r="IMG40" s="920"/>
      <c r="IMH40" s="920"/>
      <c r="IMI40" s="920"/>
      <c r="IMJ40" s="920"/>
      <c r="IMK40" s="920"/>
      <c r="IML40" s="920"/>
      <c r="IMM40" s="920"/>
      <c r="IMN40" s="920"/>
      <c r="IMO40" s="920"/>
      <c r="IMP40" s="920"/>
      <c r="IMQ40" s="920"/>
      <c r="IMR40" s="920"/>
      <c r="IMS40" s="920"/>
      <c r="IMT40" s="920"/>
      <c r="IMU40" s="920"/>
      <c r="IMV40" s="920"/>
      <c r="IMW40" s="920"/>
      <c r="IMX40" s="920"/>
      <c r="IMY40" s="920"/>
      <c r="IMZ40" s="920"/>
      <c r="INA40" s="920"/>
      <c r="INB40" s="920"/>
      <c r="INC40" s="920"/>
      <c r="IND40" s="920"/>
      <c r="INE40" s="920"/>
      <c r="INF40" s="920"/>
      <c r="ING40" s="920"/>
      <c r="INH40" s="920"/>
      <c r="INI40" s="920"/>
      <c r="INJ40" s="920"/>
      <c r="INK40" s="920"/>
      <c r="INL40" s="920"/>
      <c r="INM40" s="920"/>
      <c r="INN40" s="920"/>
      <c r="INO40" s="920"/>
      <c r="INP40" s="920"/>
      <c r="INQ40" s="920"/>
      <c r="INR40" s="920"/>
      <c r="INS40" s="920"/>
      <c r="INT40" s="920"/>
      <c r="INU40" s="920"/>
      <c r="INV40" s="920"/>
      <c r="INW40" s="920"/>
      <c r="INX40" s="920"/>
      <c r="INY40" s="920"/>
      <c r="INZ40" s="920"/>
      <c r="IOA40" s="920"/>
      <c r="IOB40" s="920"/>
      <c r="IOC40" s="920"/>
      <c r="IOD40" s="920"/>
      <c r="IOE40" s="920"/>
      <c r="IOF40" s="920"/>
      <c r="IOG40" s="920"/>
      <c r="IOH40" s="920"/>
      <c r="IOI40" s="920"/>
      <c r="IOJ40" s="920"/>
      <c r="IOK40" s="920"/>
      <c r="IOL40" s="920"/>
      <c r="IOM40" s="920"/>
      <c r="ION40" s="920"/>
      <c r="IOO40" s="920"/>
      <c r="IOP40" s="920"/>
      <c r="IOQ40" s="920"/>
      <c r="IOR40" s="920"/>
      <c r="IOS40" s="920"/>
      <c r="IOT40" s="920"/>
      <c r="IOU40" s="920"/>
      <c r="IOV40" s="920"/>
      <c r="IOW40" s="920"/>
      <c r="IOX40" s="920"/>
      <c r="IOY40" s="920"/>
      <c r="IOZ40" s="920"/>
      <c r="IPA40" s="920"/>
      <c r="IPB40" s="920"/>
      <c r="IPC40" s="920"/>
      <c r="IPD40" s="920"/>
      <c r="IPE40" s="920"/>
      <c r="IPF40" s="920"/>
      <c r="IPG40" s="920"/>
      <c r="IPH40" s="920"/>
      <c r="IPI40" s="920"/>
      <c r="IPJ40" s="920"/>
      <c r="IPK40" s="920"/>
      <c r="IPL40" s="920"/>
      <c r="IPM40" s="920"/>
      <c r="IPN40" s="920"/>
      <c r="IPO40" s="920"/>
      <c r="IPP40" s="920"/>
      <c r="IPQ40" s="920"/>
      <c r="IPR40" s="920"/>
      <c r="IPS40" s="920"/>
      <c r="IPT40" s="920"/>
      <c r="IPU40" s="920"/>
      <c r="IPV40" s="920"/>
      <c r="IPW40" s="920"/>
      <c r="IPX40" s="920"/>
      <c r="IPY40" s="920"/>
      <c r="IPZ40" s="920"/>
      <c r="IQA40" s="920"/>
      <c r="IQB40" s="920"/>
      <c r="IQC40" s="920"/>
      <c r="IQD40" s="920"/>
      <c r="IQE40" s="920"/>
      <c r="IQF40" s="920"/>
      <c r="IQG40" s="920"/>
      <c r="IQH40" s="920"/>
      <c r="IQI40" s="920"/>
      <c r="IQJ40" s="920"/>
      <c r="IQK40" s="920"/>
      <c r="IQL40" s="920"/>
      <c r="IQM40" s="920"/>
      <c r="IQN40" s="920"/>
      <c r="IQO40" s="920"/>
      <c r="IQP40" s="920"/>
      <c r="IQQ40" s="920"/>
      <c r="IQR40" s="920"/>
      <c r="IQS40" s="920"/>
      <c r="IQT40" s="920"/>
      <c r="IQU40" s="920"/>
      <c r="IQV40" s="920"/>
      <c r="IQW40" s="920"/>
      <c r="IQX40" s="920"/>
      <c r="IQY40" s="920"/>
      <c r="IQZ40" s="920"/>
      <c r="IRA40" s="920"/>
      <c r="IRB40" s="920"/>
      <c r="IRC40" s="920"/>
      <c r="IRD40" s="920"/>
      <c r="IRE40" s="920"/>
      <c r="IRF40" s="920"/>
      <c r="IRG40" s="920"/>
      <c r="IRH40" s="920"/>
      <c r="IRI40" s="920"/>
      <c r="IRJ40" s="920"/>
      <c r="IRK40" s="920"/>
      <c r="IRL40" s="920"/>
      <c r="IRM40" s="920"/>
      <c r="IRN40" s="920"/>
      <c r="IRO40" s="920"/>
      <c r="IRP40" s="920"/>
      <c r="IRQ40" s="920"/>
      <c r="IRR40" s="920"/>
      <c r="IRS40" s="920"/>
      <c r="IRT40" s="920"/>
      <c r="IRU40" s="920"/>
      <c r="IRV40" s="920"/>
      <c r="IRW40" s="920"/>
      <c r="IRX40" s="920"/>
      <c r="IRY40" s="920"/>
      <c r="IRZ40" s="920"/>
      <c r="ISA40" s="920"/>
      <c r="ISB40" s="920"/>
      <c r="ISC40" s="920"/>
      <c r="ISD40" s="920"/>
      <c r="ISE40" s="920"/>
      <c r="ISF40" s="920"/>
      <c r="ISG40" s="920"/>
      <c r="ISH40" s="920"/>
      <c r="ISI40" s="920"/>
      <c r="ISJ40" s="920"/>
      <c r="ISK40" s="920"/>
      <c r="ISL40" s="920"/>
      <c r="ISM40" s="920"/>
      <c r="ISN40" s="920"/>
      <c r="ISO40" s="920"/>
      <c r="ISP40" s="920"/>
      <c r="ISQ40" s="920"/>
      <c r="ISR40" s="920"/>
      <c r="ISS40" s="920"/>
      <c r="IST40" s="920"/>
      <c r="ISU40" s="920"/>
      <c r="ISV40" s="920"/>
      <c r="ISW40" s="920"/>
      <c r="ISX40" s="920"/>
      <c r="ISY40" s="920"/>
      <c r="ISZ40" s="920"/>
      <c r="ITA40" s="920"/>
      <c r="ITB40" s="920"/>
      <c r="ITC40" s="920"/>
      <c r="ITD40" s="920"/>
      <c r="ITE40" s="920"/>
      <c r="ITF40" s="920"/>
      <c r="ITG40" s="920"/>
      <c r="ITH40" s="920"/>
      <c r="ITI40" s="920"/>
      <c r="ITJ40" s="920"/>
      <c r="ITK40" s="920"/>
      <c r="ITL40" s="920"/>
      <c r="ITM40" s="920"/>
      <c r="ITN40" s="920"/>
      <c r="ITO40" s="920"/>
      <c r="ITP40" s="920"/>
      <c r="ITQ40" s="920"/>
      <c r="ITR40" s="920"/>
      <c r="ITS40" s="920"/>
      <c r="ITT40" s="920"/>
      <c r="ITU40" s="920"/>
      <c r="ITV40" s="920"/>
      <c r="ITW40" s="920"/>
      <c r="ITX40" s="920"/>
      <c r="ITY40" s="920"/>
      <c r="ITZ40" s="920"/>
      <c r="IUA40" s="920"/>
      <c r="IUB40" s="920"/>
      <c r="IUC40" s="920"/>
      <c r="IUD40" s="920"/>
      <c r="IUE40" s="920"/>
      <c r="IUF40" s="920"/>
      <c r="IUG40" s="920"/>
      <c r="IUH40" s="920"/>
      <c r="IUI40" s="920"/>
      <c r="IUJ40" s="920"/>
      <c r="IUK40" s="920"/>
      <c r="IUL40" s="920"/>
      <c r="IUM40" s="920"/>
      <c r="IUN40" s="920"/>
      <c r="IUO40" s="920"/>
      <c r="IUP40" s="920"/>
      <c r="IUQ40" s="920"/>
      <c r="IUR40" s="920"/>
      <c r="IUS40" s="920"/>
      <c r="IUT40" s="920"/>
      <c r="IUU40" s="920"/>
      <c r="IUV40" s="920"/>
      <c r="IUW40" s="920"/>
      <c r="IUX40" s="920"/>
      <c r="IUY40" s="920"/>
      <c r="IUZ40" s="920"/>
      <c r="IVA40" s="920"/>
      <c r="IVB40" s="920"/>
      <c r="IVC40" s="920"/>
      <c r="IVD40" s="920"/>
      <c r="IVE40" s="920"/>
      <c r="IVF40" s="920"/>
      <c r="IVG40" s="920"/>
      <c r="IVH40" s="920"/>
      <c r="IVI40" s="920"/>
      <c r="IVJ40" s="920"/>
      <c r="IVK40" s="920"/>
      <c r="IVL40" s="920"/>
      <c r="IVM40" s="920"/>
      <c r="IVN40" s="920"/>
      <c r="IVO40" s="920"/>
      <c r="IVP40" s="920"/>
      <c r="IVQ40" s="920"/>
      <c r="IVR40" s="920"/>
      <c r="IVS40" s="920"/>
      <c r="IVT40" s="920"/>
      <c r="IVU40" s="920"/>
      <c r="IVV40" s="920"/>
      <c r="IVW40" s="920"/>
      <c r="IVX40" s="920"/>
      <c r="IVY40" s="920"/>
      <c r="IVZ40" s="920"/>
      <c r="IWA40" s="920"/>
      <c r="IWB40" s="920"/>
      <c r="IWC40" s="920"/>
      <c r="IWD40" s="920"/>
      <c r="IWE40" s="920"/>
      <c r="IWF40" s="920"/>
      <c r="IWG40" s="920"/>
      <c r="IWH40" s="920"/>
      <c r="IWI40" s="920"/>
      <c r="IWJ40" s="920"/>
      <c r="IWK40" s="920"/>
      <c r="IWL40" s="920"/>
      <c r="IWM40" s="920"/>
      <c r="IWN40" s="920"/>
      <c r="IWO40" s="920"/>
      <c r="IWP40" s="920"/>
      <c r="IWQ40" s="920"/>
      <c r="IWR40" s="920"/>
      <c r="IWS40" s="920"/>
      <c r="IWT40" s="920"/>
      <c r="IWU40" s="920"/>
      <c r="IWV40" s="920"/>
      <c r="IWW40" s="920"/>
      <c r="IWX40" s="920"/>
      <c r="IWY40" s="920"/>
      <c r="IWZ40" s="920"/>
      <c r="IXA40" s="920"/>
      <c r="IXB40" s="920"/>
      <c r="IXC40" s="920"/>
      <c r="IXD40" s="920"/>
      <c r="IXE40" s="920"/>
      <c r="IXF40" s="920"/>
      <c r="IXG40" s="920"/>
      <c r="IXH40" s="920"/>
      <c r="IXI40" s="920"/>
      <c r="IXJ40" s="920"/>
      <c r="IXK40" s="920"/>
      <c r="IXL40" s="920"/>
      <c r="IXM40" s="920"/>
      <c r="IXN40" s="920"/>
      <c r="IXO40" s="920"/>
      <c r="IXP40" s="920"/>
      <c r="IXQ40" s="920"/>
      <c r="IXR40" s="920"/>
      <c r="IXS40" s="920"/>
      <c r="IXT40" s="920"/>
      <c r="IXU40" s="920"/>
      <c r="IXV40" s="920"/>
      <c r="IXW40" s="920"/>
      <c r="IXX40" s="920"/>
      <c r="IXY40" s="920"/>
      <c r="IXZ40" s="920"/>
      <c r="IYA40" s="920"/>
      <c r="IYB40" s="920"/>
      <c r="IYC40" s="920"/>
      <c r="IYD40" s="920"/>
      <c r="IYE40" s="920"/>
      <c r="IYF40" s="920"/>
      <c r="IYG40" s="920"/>
      <c r="IYH40" s="920"/>
      <c r="IYI40" s="920"/>
      <c r="IYJ40" s="920"/>
      <c r="IYK40" s="920"/>
      <c r="IYL40" s="920"/>
      <c r="IYM40" s="920"/>
      <c r="IYN40" s="920"/>
      <c r="IYO40" s="920"/>
      <c r="IYP40" s="920"/>
      <c r="IYQ40" s="920"/>
      <c r="IYR40" s="920"/>
      <c r="IYS40" s="920"/>
      <c r="IYT40" s="920"/>
      <c r="IYU40" s="920"/>
      <c r="IYV40" s="920"/>
      <c r="IYW40" s="920"/>
      <c r="IYX40" s="920"/>
      <c r="IYY40" s="920"/>
      <c r="IYZ40" s="920"/>
      <c r="IZA40" s="920"/>
      <c r="IZB40" s="920"/>
      <c r="IZC40" s="920"/>
      <c r="IZD40" s="920"/>
      <c r="IZE40" s="920"/>
      <c r="IZF40" s="920"/>
      <c r="IZG40" s="920"/>
      <c r="IZH40" s="920"/>
      <c r="IZI40" s="920"/>
      <c r="IZJ40" s="920"/>
      <c r="IZK40" s="920"/>
      <c r="IZL40" s="920"/>
      <c r="IZM40" s="920"/>
      <c r="IZN40" s="920"/>
      <c r="IZO40" s="920"/>
      <c r="IZP40" s="920"/>
      <c r="IZQ40" s="920"/>
      <c r="IZR40" s="920"/>
      <c r="IZS40" s="920"/>
      <c r="IZT40" s="920"/>
      <c r="IZU40" s="920"/>
      <c r="IZV40" s="920"/>
      <c r="IZW40" s="920"/>
      <c r="IZX40" s="920"/>
      <c r="IZY40" s="920"/>
      <c r="IZZ40" s="920"/>
      <c r="JAA40" s="920"/>
      <c r="JAB40" s="920"/>
      <c r="JAC40" s="920"/>
      <c r="JAD40" s="920"/>
      <c r="JAE40" s="920"/>
      <c r="JAF40" s="920"/>
      <c r="JAG40" s="920"/>
      <c r="JAH40" s="920"/>
      <c r="JAI40" s="920"/>
      <c r="JAJ40" s="920"/>
      <c r="JAK40" s="920"/>
      <c r="JAL40" s="920"/>
      <c r="JAM40" s="920"/>
      <c r="JAN40" s="920"/>
      <c r="JAO40" s="920"/>
      <c r="JAP40" s="920"/>
      <c r="JAQ40" s="920"/>
      <c r="JAR40" s="920"/>
      <c r="JAS40" s="920"/>
      <c r="JAT40" s="920"/>
      <c r="JAU40" s="920"/>
      <c r="JAV40" s="920"/>
      <c r="JAW40" s="920"/>
      <c r="JAX40" s="920"/>
      <c r="JAY40" s="920"/>
      <c r="JAZ40" s="920"/>
      <c r="JBA40" s="920"/>
      <c r="JBB40" s="920"/>
      <c r="JBC40" s="920"/>
      <c r="JBD40" s="920"/>
      <c r="JBE40" s="920"/>
      <c r="JBF40" s="920"/>
      <c r="JBG40" s="920"/>
      <c r="JBH40" s="920"/>
      <c r="JBI40" s="920"/>
      <c r="JBJ40" s="920"/>
      <c r="JBK40" s="920"/>
      <c r="JBL40" s="920"/>
      <c r="JBM40" s="920"/>
      <c r="JBN40" s="920"/>
      <c r="JBO40" s="920"/>
      <c r="JBP40" s="920"/>
      <c r="JBQ40" s="920"/>
      <c r="JBR40" s="920"/>
      <c r="JBS40" s="920"/>
      <c r="JBT40" s="920"/>
      <c r="JBU40" s="920"/>
      <c r="JBV40" s="920"/>
      <c r="JBW40" s="920"/>
      <c r="JBX40" s="920"/>
      <c r="JBY40" s="920"/>
      <c r="JBZ40" s="920"/>
      <c r="JCA40" s="920"/>
      <c r="JCB40" s="920"/>
      <c r="JCC40" s="920"/>
      <c r="JCD40" s="920"/>
      <c r="JCE40" s="920"/>
      <c r="JCF40" s="920"/>
      <c r="JCG40" s="920"/>
      <c r="JCH40" s="920"/>
      <c r="JCI40" s="920"/>
      <c r="JCJ40" s="920"/>
      <c r="JCK40" s="920"/>
      <c r="JCL40" s="920"/>
      <c r="JCM40" s="920"/>
      <c r="JCN40" s="920"/>
      <c r="JCO40" s="920"/>
      <c r="JCP40" s="920"/>
      <c r="JCQ40" s="920"/>
      <c r="JCR40" s="920"/>
      <c r="JCS40" s="920"/>
      <c r="JCT40" s="920"/>
      <c r="JCU40" s="920"/>
      <c r="JCV40" s="920"/>
      <c r="JCW40" s="920"/>
      <c r="JCX40" s="920"/>
      <c r="JCY40" s="920"/>
      <c r="JCZ40" s="920"/>
      <c r="JDA40" s="920"/>
      <c r="JDB40" s="920"/>
      <c r="JDC40" s="920"/>
      <c r="JDD40" s="920"/>
      <c r="JDE40" s="920"/>
      <c r="JDF40" s="920"/>
      <c r="JDG40" s="920"/>
      <c r="JDH40" s="920"/>
      <c r="JDI40" s="920"/>
      <c r="JDJ40" s="920"/>
      <c r="JDK40" s="920"/>
      <c r="JDL40" s="920"/>
      <c r="JDM40" s="920"/>
      <c r="JDN40" s="920"/>
      <c r="JDO40" s="920"/>
      <c r="JDP40" s="920"/>
      <c r="JDQ40" s="920"/>
      <c r="JDR40" s="920"/>
      <c r="JDS40" s="920"/>
      <c r="JDT40" s="920"/>
      <c r="JDU40" s="920"/>
      <c r="JDV40" s="920"/>
      <c r="JDW40" s="920"/>
      <c r="JDX40" s="920"/>
      <c r="JDY40" s="920"/>
      <c r="JDZ40" s="920"/>
      <c r="JEA40" s="920"/>
      <c r="JEB40" s="920"/>
      <c r="JEC40" s="920"/>
      <c r="JED40" s="920"/>
      <c r="JEE40" s="920"/>
      <c r="JEF40" s="920"/>
      <c r="JEG40" s="920"/>
      <c r="JEH40" s="920"/>
      <c r="JEI40" s="920"/>
      <c r="JEJ40" s="920"/>
      <c r="JEK40" s="920"/>
      <c r="JEL40" s="920"/>
      <c r="JEM40" s="920"/>
      <c r="JEN40" s="920"/>
      <c r="JEO40" s="920"/>
      <c r="JEP40" s="920"/>
      <c r="JEQ40" s="920"/>
      <c r="JER40" s="920"/>
      <c r="JES40" s="920"/>
      <c r="JET40" s="920"/>
      <c r="JEU40" s="920"/>
      <c r="JEV40" s="920"/>
      <c r="JEW40" s="920"/>
      <c r="JEX40" s="920"/>
      <c r="JEY40" s="920"/>
      <c r="JEZ40" s="920"/>
      <c r="JFA40" s="920"/>
      <c r="JFB40" s="920"/>
      <c r="JFC40" s="920"/>
      <c r="JFD40" s="920"/>
      <c r="JFE40" s="920"/>
      <c r="JFF40" s="920"/>
      <c r="JFG40" s="920"/>
      <c r="JFH40" s="920"/>
      <c r="JFI40" s="920"/>
      <c r="JFJ40" s="920"/>
      <c r="JFK40" s="920"/>
      <c r="JFL40" s="920"/>
      <c r="JFM40" s="920"/>
      <c r="JFN40" s="920"/>
      <c r="JFO40" s="920"/>
      <c r="JFP40" s="920"/>
      <c r="JFQ40" s="920"/>
      <c r="JFR40" s="920"/>
      <c r="JFS40" s="920"/>
      <c r="JFT40" s="920"/>
      <c r="JFU40" s="920"/>
      <c r="JFV40" s="920"/>
      <c r="JFW40" s="920"/>
      <c r="JFX40" s="920"/>
      <c r="JFY40" s="920"/>
      <c r="JFZ40" s="920"/>
      <c r="JGA40" s="920"/>
      <c r="JGB40" s="920"/>
      <c r="JGC40" s="920"/>
      <c r="JGD40" s="920"/>
      <c r="JGE40" s="920"/>
      <c r="JGF40" s="920"/>
      <c r="JGG40" s="920"/>
      <c r="JGH40" s="920"/>
      <c r="JGI40" s="920"/>
      <c r="JGJ40" s="920"/>
      <c r="JGK40" s="920"/>
      <c r="JGL40" s="920"/>
      <c r="JGM40" s="920"/>
      <c r="JGN40" s="920"/>
      <c r="JGO40" s="920"/>
      <c r="JGP40" s="920"/>
      <c r="JGQ40" s="920"/>
      <c r="JGR40" s="920"/>
      <c r="JGS40" s="920"/>
      <c r="JGT40" s="920"/>
      <c r="JGU40" s="920"/>
      <c r="JGV40" s="920"/>
      <c r="JGW40" s="920"/>
      <c r="JGX40" s="920"/>
      <c r="JGY40" s="920"/>
      <c r="JGZ40" s="920"/>
      <c r="JHA40" s="920"/>
      <c r="JHB40" s="920"/>
      <c r="JHC40" s="920"/>
      <c r="JHD40" s="920"/>
      <c r="JHE40" s="920"/>
      <c r="JHF40" s="920"/>
      <c r="JHG40" s="920"/>
      <c r="JHH40" s="920"/>
      <c r="JHI40" s="920"/>
      <c r="JHJ40" s="920"/>
      <c r="JHK40" s="920"/>
      <c r="JHL40" s="920"/>
      <c r="JHM40" s="920"/>
      <c r="JHN40" s="920"/>
      <c r="JHO40" s="920"/>
      <c r="JHP40" s="920"/>
      <c r="JHQ40" s="920"/>
      <c r="JHR40" s="920"/>
      <c r="JHS40" s="920"/>
      <c r="JHT40" s="920"/>
      <c r="JHU40" s="920"/>
      <c r="JHV40" s="920"/>
      <c r="JHW40" s="920"/>
      <c r="JHX40" s="920"/>
      <c r="JHY40" s="920"/>
      <c r="JHZ40" s="920"/>
      <c r="JIA40" s="920"/>
      <c r="JIB40" s="920"/>
      <c r="JIC40" s="920"/>
      <c r="JID40" s="920"/>
      <c r="JIE40" s="920"/>
      <c r="JIF40" s="920"/>
      <c r="JIG40" s="920"/>
      <c r="JIH40" s="920"/>
      <c r="JII40" s="920"/>
      <c r="JIJ40" s="920"/>
      <c r="JIK40" s="920"/>
      <c r="JIL40" s="920"/>
      <c r="JIM40" s="920"/>
      <c r="JIN40" s="920"/>
      <c r="JIO40" s="920"/>
      <c r="JIP40" s="920"/>
      <c r="JIQ40" s="920"/>
      <c r="JIR40" s="920"/>
      <c r="JIS40" s="920"/>
      <c r="JIT40" s="920"/>
      <c r="JIU40" s="920"/>
      <c r="JIV40" s="920"/>
      <c r="JIW40" s="920"/>
      <c r="JIX40" s="920"/>
      <c r="JIY40" s="920"/>
      <c r="JIZ40" s="920"/>
      <c r="JJA40" s="920"/>
      <c r="JJB40" s="920"/>
      <c r="JJC40" s="920"/>
      <c r="JJD40" s="920"/>
      <c r="JJE40" s="920"/>
      <c r="JJF40" s="920"/>
      <c r="JJG40" s="920"/>
      <c r="JJH40" s="920"/>
      <c r="JJI40" s="920"/>
      <c r="JJJ40" s="920"/>
      <c r="JJK40" s="920"/>
      <c r="JJL40" s="920"/>
      <c r="JJM40" s="920"/>
      <c r="JJN40" s="920"/>
      <c r="JJO40" s="920"/>
      <c r="JJP40" s="920"/>
      <c r="JJQ40" s="920"/>
      <c r="JJR40" s="920"/>
      <c r="JJS40" s="920"/>
      <c r="JJT40" s="920"/>
      <c r="JJU40" s="920"/>
      <c r="JJV40" s="920"/>
      <c r="JJW40" s="920"/>
      <c r="JJX40" s="920"/>
      <c r="JJY40" s="920"/>
      <c r="JJZ40" s="920"/>
      <c r="JKA40" s="920"/>
      <c r="JKB40" s="920"/>
      <c r="JKC40" s="920"/>
      <c r="JKD40" s="920"/>
      <c r="JKE40" s="920"/>
      <c r="JKF40" s="920"/>
      <c r="JKG40" s="920"/>
      <c r="JKH40" s="920"/>
      <c r="JKI40" s="920"/>
      <c r="JKJ40" s="920"/>
      <c r="JKK40" s="920"/>
      <c r="JKL40" s="920"/>
      <c r="JKM40" s="920"/>
      <c r="JKN40" s="920"/>
      <c r="JKO40" s="920"/>
      <c r="JKP40" s="920"/>
      <c r="JKQ40" s="920"/>
      <c r="JKR40" s="920"/>
      <c r="JKS40" s="920"/>
      <c r="JKT40" s="920"/>
      <c r="JKU40" s="920"/>
      <c r="JKV40" s="920"/>
      <c r="JKW40" s="920"/>
      <c r="JKX40" s="920"/>
      <c r="JKY40" s="920"/>
      <c r="JKZ40" s="920"/>
      <c r="JLA40" s="920"/>
      <c r="JLB40" s="920"/>
      <c r="JLC40" s="920"/>
      <c r="JLD40" s="920"/>
      <c r="JLE40" s="920"/>
      <c r="JLF40" s="920"/>
      <c r="JLG40" s="920"/>
      <c r="JLH40" s="920"/>
      <c r="JLI40" s="920"/>
      <c r="JLJ40" s="920"/>
      <c r="JLK40" s="920"/>
      <c r="JLL40" s="920"/>
      <c r="JLM40" s="920"/>
      <c r="JLN40" s="920"/>
      <c r="JLO40" s="920"/>
      <c r="JLP40" s="920"/>
      <c r="JLQ40" s="920"/>
      <c r="JLR40" s="920"/>
      <c r="JLS40" s="920"/>
      <c r="JLT40" s="920"/>
      <c r="JLU40" s="920"/>
      <c r="JLV40" s="920"/>
      <c r="JLW40" s="920"/>
      <c r="JLX40" s="920"/>
      <c r="JLY40" s="920"/>
      <c r="JLZ40" s="920"/>
      <c r="JMA40" s="920"/>
      <c r="JMB40" s="920"/>
      <c r="JMC40" s="920"/>
      <c r="JMD40" s="920"/>
      <c r="JME40" s="920"/>
      <c r="JMF40" s="920"/>
      <c r="JMG40" s="920"/>
      <c r="JMH40" s="920"/>
      <c r="JMI40" s="920"/>
      <c r="JMJ40" s="920"/>
      <c r="JMK40" s="920"/>
      <c r="JML40" s="920"/>
      <c r="JMM40" s="920"/>
      <c r="JMN40" s="920"/>
      <c r="JMO40" s="920"/>
      <c r="JMP40" s="920"/>
      <c r="JMQ40" s="920"/>
      <c r="JMR40" s="920"/>
      <c r="JMS40" s="920"/>
      <c r="JMT40" s="920"/>
      <c r="JMU40" s="920"/>
      <c r="JMV40" s="920"/>
      <c r="JMW40" s="920"/>
      <c r="JMX40" s="920"/>
      <c r="JMY40" s="920"/>
      <c r="JMZ40" s="920"/>
      <c r="JNA40" s="920"/>
      <c r="JNB40" s="920"/>
      <c r="JNC40" s="920"/>
      <c r="JND40" s="920"/>
      <c r="JNE40" s="920"/>
      <c r="JNF40" s="920"/>
      <c r="JNG40" s="920"/>
      <c r="JNH40" s="920"/>
      <c r="JNI40" s="920"/>
      <c r="JNJ40" s="920"/>
      <c r="JNK40" s="920"/>
      <c r="JNL40" s="920"/>
      <c r="JNM40" s="920"/>
      <c r="JNN40" s="920"/>
      <c r="JNO40" s="920"/>
      <c r="JNP40" s="920"/>
      <c r="JNQ40" s="920"/>
      <c r="JNR40" s="920"/>
      <c r="JNS40" s="920"/>
      <c r="JNT40" s="920"/>
      <c r="JNU40" s="920"/>
      <c r="JNV40" s="920"/>
      <c r="JNW40" s="920"/>
      <c r="JNX40" s="920"/>
      <c r="JNY40" s="920"/>
      <c r="JNZ40" s="920"/>
      <c r="JOA40" s="920"/>
      <c r="JOB40" s="920"/>
      <c r="JOC40" s="920"/>
      <c r="JOD40" s="920"/>
      <c r="JOE40" s="920"/>
      <c r="JOF40" s="920"/>
      <c r="JOG40" s="920"/>
      <c r="JOH40" s="920"/>
      <c r="JOI40" s="920"/>
      <c r="JOJ40" s="920"/>
      <c r="JOK40" s="920"/>
      <c r="JOL40" s="920"/>
      <c r="JOM40" s="920"/>
      <c r="JON40" s="920"/>
      <c r="JOO40" s="920"/>
      <c r="JOP40" s="920"/>
      <c r="JOQ40" s="920"/>
      <c r="JOR40" s="920"/>
      <c r="JOS40" s="920"/>
      <c r="JOT40" s="920"/>
      <c r="JOU40" s="920"/>
      <c r="JOV40" s="920"/>
      <c r="JOW40" s="920"/>
      <c r="JOX40" s="920"/>
      <c r="JOY40" s="920"/>
      <c r="JOZ40" s="920"/>
      <c r="JPA40" s="920"/>
      <c r="JPB40" s="920"/>
      <c r="JPC40" s="920"/>
      <c r="JPD40" s="920"/>
      <c r="JPE40" s="920"/>
      <c r="JPF40" s="920"/>
      <c r="JPG40" s="920"/>
      <c r="JPH40" s="920"/>
      <c r="JPI40" s="920"/>
      <c r="JPJ40" s="920"/>
      <c r="JPK40" s="920"/>
      <c r="JPL40" s="920"/>
      <c r="JPM40" s="920"/>
      <c r="JPN40" s="920"/>
      <c r="JPO40" s="920"/>
      <c r="JPP40" s="920"/>
      <c r="JPQ40" s="920"/>
      <c r="JPR40" s="920"/>
      <c r="JPS40" s="920"/>
      <c r="JPT40" s="920"/>
      <c r="JPU40" s="920"/>
      <c r="JPV40" s="920"/>
      <c r="JPW40" s="920"/>
      <c r="JPX40" s="920"/>
      <c r="JPY40" s="920"/>
      <c r="JPZ40" s="920"/>
      <c r="JQA40" s="920"/>
      <c r="JQB40" s="920"/>
      <c r="JQC40" s="920"/>
      <c r="JQD40" s="920"/>
      <c r="JQE40" s="920"/>
      <c r="JQF40" s="920"/>
      <c r="JQG40" s="920"/>
      <c r="JQH40" s="920"/>
      <c r="JQI40" s="920"/>
      <c r="JQJ40" s="920"/>
      <c r="JQK40" s="920"/>
      <c r="JQL40" s="920"/>
      <c r="JQM40" s="920"/>
      <c r="JQN40" s="920"/>
      <c r="JQO40" s="920"/>
      <c r="JQP40" s="920"/>
      <c r="JQQ40" s="920"/>
      <c r="JQR40" s="920"/>
      <c r="JQS40" s="920"/>
      <c r="JQT40" s="920"/>
      <c r="JQU40" s="920"/>
      <c r="JQV40" s="920"/>
      <c r="JQW40" s="920"/>
      <c r="JQX40" s="920"/>
      <c r="JQY40" s="920"/>
      <c r="JQZ40" s="920"/>
      <c r="JRA40" s="920"/>
      <c r="JRB40" s="920"/>
      <c r="JRC40" s="920"/>
      <c r="JRD40" s="920"/>
      <c r="JRE40" s="920"/>
      <c r="JRF40" s="920"/>
      <c r="JRG40" s="920"/>
      <c r="JRH40" s="920"/>
      <c r="JRI40" s="920"/>
      <c r="JRJ40" s="920"/>
      <c r="JRK40" s="920"/>
      <c r="JRL40" s="920"/>
      <c r="JRM40" s="920"/>
      <c r="JRN40" s="920"/>
      <c r="JRO40" s="920"/>
      <c r="JRP40" s="920"/>
      <c r="JRQ40" s="920"/>
      <c r="JRR40" s="920"/>
      <c r="JRS40" s="920"/>
      <c r="JRT40" s="920"/>
      <c r="JRU40" s="920"/>
      <c r="JRV40" s="920"/>
      <c r="JRW40" s="920"/>
      <c r="JRX40" s="920"/>
      <c r="JRY40" s="920"/>
      <c r="JRZ40" s="920"/>
      <c r="JSA40" s="920"/>
      <c r="JSB40" s="920"/>
      <c r="JSC40" s="920"/>
      <c r="JSD40" s="920"/>
      <c r="JSE40" s="920"/>
      <c r="JSF40" s="920"/>
      <c r="JSG40" s="920"/>
      <c r="JSH40" s="920"/>
      <c r="JSI40" s="920"/>
      <c r="JSJ40" s="920"/>
      <c r="JSK40" s="920"/>
      <c r="JSL40" s="920"/>
      <c r="JSM40" s="920"/>
      <c r="JSN40" s="920"/>
      <c r="JSO40" s="920"/>
      <c r="JSP40" s="920"/>
      <c r="JSQ40" s="920"/>
      <c r="JSR40" s="920"/>
      <c r="JSS40" s="920"/>
      <c r="JST40" s="920"/>
      <c r="JSU40" s="920"/>
      <c r="JSV40" s="920"/>
      <c r="JSW40" s="920"/>
      <c r="JSX40" s="920"/>
      <c r="JSY40" s="920"/>
      <c r="JSZ40" s="920"/>
      <c r="JTA40" s="920"/>
      <c r="JTB40" s="920"/>
      <c r="JTC40" s="920"/>
      <c r="JTD40" s="920"/>
      <c r="JTE40" s="920"/>
      <c r="JTF40" s="920"/>
      <c r="JTG40" s="920"/>
      <c r="JTH40" s="920"/>
      <c r="JTI40" s="920"/>
      <c r="JTJ40" s="920"/>
      <c r="JTK40" s="920"/>
      <c r="JTL40" s="920"/>
      <c r="JTM40" s="920"/>
      <c r="JTN40" s="920"/>
      <c r="JTO40" s="920"/>
      <c r="JTP40" s="920"/>
      <c r="JTQ40" s="920"/>
      <c r="JTR40" s="920"/>
      <c r="JTS40" s="920"/>
      <c r="JTT40" s="920"/>
      <c r="JTU40" s="920"/>
      <c r="JTV40" s="920"/>
      <c r="JTW40" s="920"/>
      <c r="JTX40" s="920"/>
      <c r="JTY40" s="920"/>
      <c r="JTZ40" s="920"/>
      <c r="JUA40" s="920"/>
      <c r="JUB40" s="920"/>
      <c r="JUC40" s="920"/>
      <c r="JUD40" s="920"/>
      <c r="JUE40" s="920"/>
      <c r="JUF40" s="920"/>
      <c r="JUG40" s="920"/>
      <c r="JUH40" s="920"/>
      <c r="JUI40" s="920"/>
      <c r="JUJ40" s="920"/>
      <c r="JUK40" s="920"/>
      <c r="JUL40" s="920"/>
      <c r="JUM40" s="920"/>
      <c r="JUN40" s="920"/>
      <c r="JUO40" s="920"/>
      <c r="JUP40" s="920"/>
      <c r="JUQ40" s="920"/>
      <c r="JUR40" s="920"/>
      <c r="JUS40" s="920"/>
      <c r="JUT40" s="920"/>
      <c r="JUU40" s="920"/>
      <c r="JUV40" s="920"/>
      <c r="JUW40" s="920"/>
      <c r="JUX40" s="920"/>
      <c r="JUY40" s="920"/>
      <c r="JUZ40" s="920"/>
      <c r="JVA40" s="920"/>
      <c r="JVB40" s="920"/>
      <c r="JVC40" s="920"/>
      <c r="JVD40" s="920"/>
      <c r="JVE40" s="920"/>
      <c r="JVF40" s="920"/>
      <c r="JVG40" s="920"/>
      <c r="JVH40" s="920"/>
      <c r="JVI40" s="920"/>
      <c r="JVJ40" s="920"/>
      <c r="JVK40" s="920"/>
      <c r="JVL40" s="920"/>
      <c r="JVM40" s="920"/>
      <c r="JVN40" s="920"/>
      <c r="JVO40" s="920"/>
      <c r="JVP40" s="920"/>
      <c r="JVQ40" s="920"/>
      <c r="JVR40" s="920"/>
      <c r="JVS40" s="920"/>
      <c r="JVT40" s="920"/>
      <c r="JVU40" s="920"/>
      <c r="JVV40" s="920"/>
      <c r="JVW40" s="920"/>
      <c r="JVX40" s="920"/>
      <c r="JVY40" s="920"/>
      <c r="JVZ40" s="920"/>
      <c r="JWA40" s="920"/>
      <c r="JWB40" s="920"/>
      <c r="JWC40" s="920"/>
      <c r="JWD40" s="920"/>
      <c r="JWE40" s="920"/>
      <c r="JWF40" s="920"/>
      <c r="JWG40" s="920"/>
      <c r="JWH40" s="920"/>
      <c r="JWI40" s="920"/>
      <c r="JWJ40" s="920"/>
      <c r="JWK40" s="920"/>
      <c r="JWL40" s="920"/>
      <c r="JWM40" s="920"/>
      <c r="JWN40" s="920"/>
      <c r="JWO40" s="920"/>
      <c r="JWP40" s="920"/>
      <c r="JWQ40" s="920"/>
      <c r="JWR40" s="920"/>
      <c r="JWS40" s="920"/>
      <c r="JWT40" s="920"/>
      <c r="JWU40" s="920"/>
      <c r="JWV40" s="920"/>
      <c r="JWW40" s="920"/>
      <c r="JWX40" s="920"/>
      <c r="JWY40" s="920"/>
      <c r="JWZ40" s="920"/>
      <c r="JXA40" s="920"/>
      <c r="JXB40" s="920"/>
      <c r="JXC40" s="920"/>
      <c r="JXD40" s="920"/>
      <c r="JXE40" s="920"/>
      <c r="JXF40" s="920"/>
      <c r="JXG40" s="920"/>
      <c r="JXH40" s="920"/>
      <c r="JXI40" s="920"/>
      <c r="JXJ40" s="920"/>
      <c r="JXK40" s="920"/>
      <c r="JXL40" s="920"/>
      <c r="JXM40" s="920"/>
      <c r="JXN40" s="920"/>
      <c r="JXO40" s="920"/>
      <c r="JXP40" s="920"/>
      <c r="JXQ40" s="920"/>
      <c r="JXR40" s="920"/>
      <c r="JXS40" s="920"/>
      <c r="JXT40" s="920"/>
      <c r="JXU40" s="920"/>
      <c r="JXV40" s="920"/>
      <c r="JXW40" s="920"/>
      <c r="JXX40" s="920"/>
      <c r="JXY40" s="920"/>
      <c r="JXZ40" s="920"/>
      <c r="JYA40" s="920"/>
      <c r="JYB40" s="920"/>
      <c r="JYC40" s="920"/>
      <c r="JYD40" s="920"/>
      <c r="JYE40" s="920"/>
      <c r="JYF40" s="920"/>
      <c r="JYG40" s="920"/>
      <c r="JYH40" s="920"/>
      <c r="JYI40" s="920"/>
      <c r="JYJ40" s="920"/>
      <c r="JYK40" s="920"/>
      <c r="JYL40" s="920"/>
      <c r="JYM40" s="920"/>
      <c r="JYN40" s="920"/>
      <c r="JYO40" s="920"/>
      <c r="JYP40" s="920"/>
      <c r="JYQ40" s="920"/>
      <c r="JYR40" s="920"/>
      <c r="JYS40" s="920"/>
      <c r="JYT40" s="920"/>
      <c r="JYU40" s="920"/>
      <c r="JYV40" s="920"/>
      <c r="JYW40" s="920"/>
      <c r="JYX40" s="920"/>
      <c r="JYY40" s="920"/>
      <c r="JYZ40" s="920"/>
      <c r="JZA40" s="920"/>
      <c r="JZB40" s="920"/>
      <c r="JZC40" s="920"/>
      <c r="JZD40" s="920"/>
      <c r="JZE40" s="920"/>
      <c r="JZF40" s="920"/>
      <c r="JZG40" s="920"/>
      <c r="JZH40" s="920"/>
      <c r="JZI40" s="920"/>
      <c r="JZJ40" s="920"/>
      <c r="JZK40" s="920"/>
      <c r="JZL40" s="920"/>
      <c r="JZM40" s="920"/>
      <c r="JZN40" s="920"/>
      <c r="JZO40" s="920"/>
      <c r="JZP40" s="920"/>
      <c r="JZQ40" s="920"/>
      <c r="JZR40" s="920"/>
      <c r="JZS40" s="920"/>
      <c r="JZT40" s="920"/>
      <c r="JZU40" s="920"/>
      <c r="JZV40" s="920"/>
      <c r="JZW40" s="920"/>
      <c r="JZX40" s="920"/>
      <c r="JZY40" s="920"/>
      <c r="JZZ40" s="920"/>
      <c r="KAA40" s="920"/>
      <c r="KAB40" s="920"/>
      <c r="KAC40" s="920"/>
      <c r="KAD40" s="920"/>
      <c r="KAE40" s="920"/>
      <c r="KAF40" s="920"/>
      <c r="KAG40" s="920"/>
      <c r="KAH40" s="920"/>
      <c r="KAI40" s="920"/>
      <c r="KAJ40" s="920"/>
      <c r="KAK40" s="920"/>
      <c r="KAL40" s="920"/>
      <c r="KAM40" s="920"/>
      <c r="KAN40" s="920"/>
      <c r="KAO40" s="920"/>
      <c r="KAP40" s="920"/>
      <c r="KAQ40" s="920"/>
      <c r="KAR40" s="920"/>
      <c r="KAS40" s="920"/>
      <c r="KAT40" s="920"/>
      <c r="KAU40" s="920"/>
      <c r="KAV40" s="920"/>
      <c r="KAW40" s="920"/>
      <c r="KAX40" s="920"/>
      <c r="KAY40" s="920"/>
      <c r="KAZ40" s="920"/>
      <c r="KBA40" s="920"/>
      <c r="KBB40" s="920"/>
      <c r="KBC40" s="920"/>
      <c r="KBD40" s="920"/>
      <c r="KBE40" s="920"/>
      <c r="KBF40" s="920"/>
      <c r="KBG40" s="920"/>
      <c r="KBH40" s="920"/>
      <c r="KBI40" s="920"/>
      <c r="KBJ40" s="920"/>
      <c r="KBK40" s="920"/>
      <c r="KBL40" s="920"/>
      <c r="KBM40" s="920"/>
      <c r="KBN40" s="920"/>
      <c r="KBO40" s="920"/>
      <c r="KBP40" s="920"/>
      <c r="KBQ40" s="920"/>
      <c r="KBR40" s="920"/>
      <c r="KBS40" s="920"/>
      <c r="KBT40" s="920"/>
      <c r="KBU40" s="920"/>
      <c r="KBV40" s="920"/>
      <c r="KBW40" s="920"/>
      <c r="KBX40" s="920"/>
      <c r="KBY40" s="920"/>
      <c r="KBZ40" s="920"/>
      <c r="KCA40" s="920"/>
      <c r="KCB40" s="920"/>
      <c r="KCC40" s="920"/>
      <c r="KCD40" s="920"/>
      <c r="KCE40" s="920"/>
      <c r="KCF40" s="920"/>
      <c r="KCG40" s="920"/>
      <c r="KCH40" s="920"/>
      <c r="KCI40" s="920"/>
      <c r="KCJ40" s="920"/>
      <c r="KCK40" s="920"/>
      <c r="KCL40" s="920"/>
      <c r="KCM40" s="920"/>
      <c r="KCN40" s="920"/>
      <c r="KCO40" s="920"/>
      <c r="KCP40" s="920"/>
      <c r="KCQ40" s="920"/>
      <c r="KCR40" s="920"/>
      <c r="KCS40" s="920"/>
      <c r="KCT40" s="920"/>
      <c r="KCU40" s="920"/>
      <c r="KCV40" s="920"/>
      <c r="KCW40" s="920"/>
      <c r="KCX40" s="920"/>
      <c r="KCY40" s="920"/>
      <c r="KCZ40" s="920"/>
      <c r="KDA40" s="920"/>
      <c r="KDB40" s="920"/>
      <c r="KDC40" s="920"/>
      <c r="KDD40" s="920"/>
      <c r="KDE40" s="920"/>
      <c r="KDF40" s="920"/>
      <c r="KDG40" s="920"/>
      <c r="KDH40" s="920"/>
      <c r="KDI40" s="920"/>
      <c r="KDJ40" s="920"/>
      <c r="KDK40" s="920"/>
      <c r="KDL40" s="920"/>
      <c r="KDM40" s="920"/>
      <c r="KDN40" s="920"/>
      <c r="KDO40" s="920"/>
      <c r="KDP40" s="920"/>
      <c r="KDQ40" s="920"/>
      <c r="KDR40" s="920"/>
      <c r="KDS40" s="920"/>
      <c r="KDT40" s="920"/>
      <c r="KDU40" s="920"/>
      <c r="KDV40" s="920"/>
      <c r="KDW40" s="920"/>
      <c r="KDX40" s="920"/>
      <c r="KDY40" s="920"/>
      <c r="KDZ40" s="920"/>
      <c r="KEA40" s="920"/>
      <c r="KEB40" s="920"/>
      <c r="KEC40" s="920"/>
      <c r="KED40" s="920"/>
      <c r="KEE40" s="920"/>
      <c r="KEF40" s="920"/>
      <c r="KEG40" s="920"/>
      <c r="KEH40" s="920"/>
      <c r="KEI40" s="920"/>
      <c r="KEJ40" s="920"/>
      <c r="KEK40" s="920"/>
      <c r="KEL40" s="920"/>
      <c r="KEM40" s="920"/>
      <c r="KEN40" s="920"/>
      <c r="KEO40" s="920"/>
      <c r="KEP40" s="920"/>
      <c r="KEQ40" s="920"/>
      <c r="KER40" s="920"/>
      <c r="KES40" s="920"/>
      <c r="KET40" s="920"/>
      <c r="KEU40" s="920"/>
      <c r="KEV40" s="920"/>
      <c r="KEW40" s="920"/>
      <c r="KEX40" s="920"/>
      <c r="KEY40" s="920"/>
      <c r="KEZ40" s="920"/>
      <c r="KFA40" s="920"/>
      <c r="KFB40" s="920"/>
      <c r="KFC40" s="920"/>
      <c r="KFD40" s="920"/>
      <c r="KFE40" s="920"/>
      <c r="KFF40" s="920"/>
      <c r="KFG40" s="920"/>
      <c r="KFH40" s="920"/>
      <c r="KFI40" s="920"/>
      <c r="KFJ40" s="920"/>
      <c r="KFK40" s="920"/>
      <c r="KFL40" s="920"/>
      <c r="KFM40" s="920"/>
      <c r="KFN40" s="920"/>
      <c r="KFO40" s="920"/>
      <c r="KFP40" s="920"/>
      <c r="KFQ40" s="920"/>
      <c r="KFR40" s="920"/>
      <c r="KFS40" s="920"/>
      <c r="KFT40" s="920"/>
      <c r="KFU40" s="920"/>
      <c r="KFV40" s="920"/>
      <c r="KFW40" s="920"/>
      <c r="KFX40" s="920"/>
      <c r="KFY40" s="920"/>
      <c r="KFZ40" s="920"/>
      <c r="KGA40" s="920"/>
      <c r="KGB40" s="920"/>
      <c r="KGC40" s="920"/>
      <c r="KGD40" s="920"/>
      <c r="KGE40" s="920"/>
      <c r="KGF40" s="920"/>
      <c r="KGG40" s="920"/>
      <c r="KGH40" s="920"/>
      <c r="KGI40" s="920"/>
      <c r="KGJ40" s="920"/>
      <c r="KGK40" s="920"/>
      <c r="KGL40" s="920"/>
      <c r="KGM40" s="920"/>
      <c r="KGN40" s="920"/>
      <c r="KGO40" s="920"/>
      <c r="KGP40" s="920"/>
      <c r="KGQ40" s="920"/>
      <c r="KGR40" s="920"/>
      <c r="KGS40" s="920"/>
      <c r="KGT40" s="920"/>
      <c r="KGU40" s="920"/>
      <c r="KGV40" s="920"/>
      <c r="KGW40" s="920"/>
      <c r="KGX40" s="920"/>
      <c r="KGY40" s="920"/>
      <c r="KGZ40" s="920"/>
      <c r="KHA40" s="920"/>
      <c r="KHB40" s="920"/>
      <c r="KHC40" s="920"/>
      <c r="KHD40" s="920"/>
      <c r="KHE40" s="920"/>
      <c r="KHF40" s="920"/>
      <c r="KHG40" s="920"/>
      <c r="KHH40" s="920"/>
      <c r="KHI40" s="920"/>
      <c r="KHJ40" s="920"/>
      <c r="KHK40" s="920"/>
      <c r="KHL40" s="920"/>
      <c r="KHM40" s="920"/>
      <c r="KHN40" s="920"/>
      <c r="KHO40" s="920"/>
      <c r="KHP40" s="920"/>
      <c r="KHQ40" s="920"/>
      <c r="KHR40" s="920"/>
      <c r="KHS40" s="920"/>
      <c r="KHT40" s="920"/>
      <c r="KHU40" s="920"/>
      <c r="KHV40" s="920"/>
      <c r="KHW40" s="920"/>
      <c r="KHX40" s="920"/>
      <c r="KHY40" s="920"/>
      <c r="KHZ40" s="920"/>
      <c r="KIA40" s="920"/>
      <c r="KIB40" s="920"/>
      <c r="KIC40" s="920"/>
      <c r="KID40" s="920"/>
      <c r="KIE40" s="920"/>
      <c r="KIF40" s="920"/>
      <c r="KIG40" s="920"/>
      <c r="KIH40" s="920"/>
      <c r="KII40" s="920"/>
      <c r="KIJ40" s="920"/>
      <c r="KIK40" s="920"/>
      <c r="KIL40" s="920"/>
      <c r="KIM40" s="920"/>
      <c r="KIN40" s="920"/>
      <c r="KIO40" s="920"/>
      <c r="KIP40" s="920"/>
      <c r="KIQ40" s="920"/>
      <c r="KIR40" s="920"/>
      <c r="KIS40" s="920"/>
      <c r="KIT40" s="920"/>
      <c r="KIU40" s="920"/>
      <c r="KIV40" s="920"/>
      <c r="KIW40" s="920"/>
      <c r="KIX40" s="920"/>
      <c r="KIY40" s="920"/>
      <c r="KIZ40" s="920"/>
      <c r="KJA40" s="920"/>
      <c r="KJB40" s="920"/>
      <c r="KJC40" s="920"/>
      <c r="KJD40" s="920"/>
      <c r="KJE40" s="920"/>
      <c r="KJF40" s="920"/>
      <c r="KJG40" s="920"/>
      <c r="KJH40" s="920"/>
      <c r="KJI40" s="920"/>
      <c r="KJJ40" s="920"/>
      <c r="KJK40" s="920"/>
      <c r="KJL40" s="920"/>
      <c r="KJM40" s="920"/>
      <c r="KJN40" s="920"/>
      <c r="KJO40" s="920"/>
      <c r="KJP40" s="920"/>
      <c r="KJQ40" s="920"/>
      <c r="KJR40" s="920"/>
      <c r="KJS40" s="920"/>
      <c r="KJT40" s="920"/>
      <c r="KJU40" s="920"/>
      <c r="KJV40" s="920"/>
      <c r="KJW40" s="920"/>
      <c r="KJX40" s="920"/>
      <c r="KJY40" s="920"/>
      <c r="KJZ40" s="920"/>
      <c r="KKA40" s="920"/>
      <c r="KKB40" s="920"/>
      <c r="KKC40" s="920"/>
      <c r="KKD40" s="920"/>
      <c r="KKE40" s="920"/>
      <c r="KKF40" s="920"/>
      <c r="KKG40" s="920"/>
      <c r="KKH40" s="920"/>
      <c r="KKI40" s="920"/>
      <c r="KKJ40" s="920"/>
      <c r="KKK40" s="920"/>
      <c r="KKL40" s="920"/>
      <c r="KKM40" s="920"/>
      <c r="KKN40" s="920"/>
      <c r="KKO40" s="920"/>
      <c r="KKP40" s="920"/>
      <c r="KKQ40" s="920"/>
      <c r="KKR40" s="920"/>
      <c r="KKS40" s="920"/>
      <c r="KKT40" s="920"/>
      <c r="KKU40" s="920"/>
      <c r="KKV40" s="920"/>
      <c r="KKW40" s="920"/>
      <c r="KKX40" s="920"/>
      <c r="KKY40" s="920"/>
      <c r="KKZ40" s="920"/>
      <c r="KLA40" s="920"/>
      <c r="KLB40" s="920"/>
      <c r="KLC40" s="920"/>
      <c r="KLD40" s="920"/>
      <c r="KLE40" s="920"/>
      <c r="KLF40" s="920"/>
      <c r="KLG40" s="920"/>
      <c r="KLH40" s="920"/>
      <c r="KLI40" s="920"/>
      <c r="KLJ40" s="920"/>
      <c r="KLK40" s="920"/>
      <c r="KLL40" s="920"/>
      <c r="KLM40" s="920"/>
      <c r="KLN40" s="920"/>
      <c r="KLO40" s="920"/>
      <c r="KLP40" s="920"/>
      <c r="KLQ40" s="920"/>
      <c r="KLR40" s="920"/>
      <c r="KLS40" s="920"/>
      <c r="KLT40" s="920"/>
      <c r="KLU40" s="920"/>
      <c r="KLV40" s="920"/>
      <c r="KLW40" s="920"/>
      <c r="KLX40" s="920"/>
      <c r="KLY40" s="920"/>
      <c r="KLZ40" s="920"/>
      <c r="KMA40" s="920"/>
      <c r="KMB40" s="920"/>
      <c r="KMC40" s="920"/>
      <c r="KMD40" s="920"/>
      <c r="KME40" s="920"/>
      <c r="KMF40" s="920"/>
      <c r="KMG40" s="920"/>
      <c r="KMH40" s="920"/>
      <c r="KMI40" s="920"/>
      <c r="KMJ40" s="920"/>
      <c r="KMK40" s="920"/>
      <c r="KML40" s="920"/>
      <c r="KMM40" s="920"/>
      <c r="KMN40" s="920"/>
      <c r="KMO40" s="920"/>
      <c r="KMP40" s="920"/>
      <c r="KMQ40" s="920"/>
      <c r="KMR40" s="920"/>
      <c r="KMS40" s="920"/>
      <c r="KMT40" s="920"/>
      <c r="KMU40" s="920"/>
      <c r="KMV40" s="920"/>
      <c r="KMW40" s="920"/>
      <c r="KMX40" s="920"/>
      <c r="KMY40" s="920"/>
      <c r="KMZ40" s="920"/>
      <c r="KNA40" s="920"/>
      <c r="KNB40" s="920"/>
      <c r="KNC40" s="920"/>
      <c r="KND40" s="920"/>
      <c r="KNE40" s="920"/>
      <c r="KNF40" s="920"/>
      <c r="KNG40" s="920"/>
      <c r="KNH40" s="920"/>
      <c r="KNI40" s="920"/>
      <c r="KNJ40" s="920"/>
      <c r="KNK40" s="920"/>
      <c r="KNL40" s="920"/>
      <c r="KNM40" s="920"/>
      <c r="KNN40" s="920"/>
      <c r="KNO40" s="920"/>
      <c r="KNP40" s="920"/>
      <c r="KNQ40" s="920"/>
      <c r="KNR40" s="920"/>
      <c r="KNS40" s="920"/>
      <c r="KNT40" s="920"/>
      <c r="KNU40" s="920"/>
      <c r="KNV40" s="920"/>
      <c r="KNW40" s="920"/>
      <c r="KNX40" s="920"/>
      <c r="KNY40" s="920"/>
      <c r="KNZ40" s="920"/>
      <c r="KOA40" s="920"/>
      <c r="KOB40" s="920"/>
      <c r="KOC40" s="920"/>
      <c r="KOD40" s="920"/>
      <c r="KOE40" s="920"/>
      <c r="KOF40" s="920"/>
      <c r="KOG40" s="920"/>
      <c r="KOH40" s="920"/>
      <c r="KOI40" s="920"/>
      <c r="KOJ40" s="920"/>
      <c r="KOK40" s="920"/>
      <c r="KOL40" s="920"/>
      <c r="KOM40" s="920"/>
      <c r="KON40" s="920"/>
      <c r="KOO40" s="920"/>
      <c r="KOP40" s="920"/>
      <c r="KOQ40" s="920"/>
      <c r="KOR40" s="920"/>
      <c r="KOS40" s="920"/>
      <c r="KOT40" s="920"/>
      <c r="KOU40" s="920"/>
      <c r="KOV40" s="920"/>
      <c r="KOW40" s="920"/>
      <c r="KOX40" s="920"/>
      <c r="KOY40" s="920"/>
      <c r="KOZ40" s="920"/>
      <c r="KPA40" s="920"/>
      <c r="KPB40" s="920"/>
      <c r="KPC40" s="920"/>
      <c r="KPD40" s="920"/>
      <c r="KPE40" s="920"/>
      <c r="KPF40" s="920"/>
      <c r="KPG40" s="920"/>
      <c r="KPH40" s="920"/>
      <c r="KPI40" s="920"/>
      <c r="KPJ40" s="920"/>
      <c r="KPK40" s="920"/>
      <c r="KPL40" s="920"/>
      <c r="KPM40" s="920"/>
      <c r="KPN40" s="920"/>
      <c r="KPO40" s="920"/>
      <c r="KPP40" s="920"/>
      <c r="KPQ40" s="920"/>
      <c r="KPR40" s="920"/>
      <c r="KPS40" s="920"/>
      <c r="KPT40" s="920"/>
      <c r="KPU40" s="920"/>
      <c r="KPV40" s="920"/>
      <c r="KPW40" s="920"/>
      <c r="KPX40" s="920"/>
      <c r="KPY40" s="920"/>
      <c r="KPZ40" s="920"/>
      <c r="KQA40" s="920"/>
      <c r="KQB40" s="920"/>
      <c r="KQC40" s="920"/>
      <c r="KQD40" s="920"/>
      <c r="KQE40" s="920"/>
      <c r="KQF40" s="920"/>
      <c r="KQG40" s="920"/>
      <c r="KQH40" s="920"/>
      <c r="KQI40" s="920"/>
      <c r="KQJ40" s="920"/>
      <c r="KQK40" s="920"/>
      <c r="KQL40" s="920"/>
      <c r="KQM40" s="920"/>
      <c r="KQN40" s="920"/>
      <c r="KQO40" s="920"/>
      <c r="KQP40" s="920"/>
      <c r="KQQ40" s="920"/>
      <c r="KQR40" s="920"/>
      <c r="KQS40" s="920"/>
      <c r="KQT40" s="920"/>
      <c r="KQU40" s="920"/>
      <c r="KQV40" s="920"/>
      <c r="KQW40" s="920"/>
      <c r="KQX40" s="920"/>
      <c r="KQY40" s="920"/>
      <c r="KQZ40" s="920"/>
      <c r="KRA40" s="920"/>
      <c r="KRB40" s="920"/>
      <c r="KRC40" s="920"/>
      <c r="KRD40" s="920"/>
      <c r="KRE40" s="920"/>
      <c r="KRF40" s="920"/>
      <c r="KRG40" s="920"/>
      <c r="KRH40" s="920"/>
      <c r="KRI40" s="920"/>
      <c r="KRJ40" s="920"/>
      <c r="KRK40" s="920"/>
      <c r="KRL40" s="920"/>
      <c r="KRM40" s="920"/>
      <c r="KRN40" s="920"/>
      <c r="KRO40" s="920"/>
      <c r="KRP40" s="920"/>
      <c r="KRQ40" s="920"/>
      <c r="KRR40" s="920"/>
      <c r="KRS40" s="920"/>
      <c r="KRT40" s="920"/>
      <c r="KRU40" s="920"/>
      <c r="KRV40" s="920"/>
      <c r="KRW40" s="920"/>
      <c r="KRX40" s="920"/>
      <c r="KRY40" s="920"/>
      <c r="KRZ40" s="920"/>
      <c r="KSA40" s="920"/>
      <c r="KSB40" s="920"/>
      <c r="KSC40" s="920"/>
      <c r="KSD40" s="920"/>
      <c r="KSE40" s="920"/>
      <c r="KSF40" s="920"/>
      <c r="KSG40" s="920"/>
      <c r="KSH40" s="920"/>
      <c r="KSI40" s="920"/>
      <c r="KSJ40" s="920"/>
      <c r="KSK40" s="920"/>
      <c r="KSL40" s="920"/>
      <c r="KSM40" s="920"/>
      <c r="KSN40" s="920"/>
      <c r="KSO40" s="920"/>
      <c r="KSP40" s="920"/>
      <c r="KSQ40" s="920"/>
      <c r="KSR40" s="920"/>
      <c r="KSS40" s="920"/>
      <c r="KST40" s="920"/>
      <c r="KSU40" s="920"/>
      <c r="KSV40" s="920"/>
      <c r="KSW40" s="920"/>
      <c r="KSX40" s="920"/>
      <c r="KSY40" s="920"/>
      <c r="KSZ40" s="920"/>
      <c r="KTA40" s="920"/>
      <c r="KTB40" s="920"/>
      <c r="KTC40" s="920"/>
      <c r="KTD40" s="920"/>
      <c r="KTE40" s="920"/>
      <c r="KTF40" s="920"/>
      <c r="KTG40" s="920"/>
      <c r="KTH40" s="920"/>
      <c r="KTI40" s="920"/>
      <c r="KTJ40" s="920"/>
      <c r="KTK40" s="920"/>
      <c r="KTL40" s="920"/>
      <c r="KTM40" s="920"/>
      <c r="KTN40" s="920"/>
      <c r="KTO40" s="920"/>
      <c r="KTP40" s="920"/>
      <c r="KTQ40" s="920"/>
      <c r="KTR40" s="920"/>
      <c r="KTS40" s="920"/>
      <c r="KTT40" s="920"/>
      <c r="KTU40" s="920"/>
      <c r="KTV40" s="920"/>
      <c r="KTW40" s="920"/>
      <c r="KTX40" s="920"/>
      <c r="KTY40" s="920"/>
      <c r="KTZ40" s="920"/>
      <c r="KUA40" s="920"/>
      <c r="KUB40" s="920"/>
      <c r="KUC40" s="920"/>
      <c r="KUD40" s="920"/>
      <c r="KUE40" s="920"/>
      <c r="KUF40" s="920"/>
      <c r="KUG40" s="920"/>
      <c r="KUH40" s="920"/>
      <c r="KUI40" s="920"/>
      <c r="KUJ40" s="920"/>
      <c r="KUK40" s="920"/>
      <c r="KUL40" s="920"/>
      <c r="KUM40" s="920"/>
      <c r="KUN40" s="920"/>
      <c r="KUO40" s="920"/>
      <c r="KUP40" s="920"/>
      <c r="KUQ40" s="920"/>
      <c r="KUR40" s="920"/>
      <c r="KUS40" s="920"/>
      <c r="KUT40" s="920"/>
      <c r="KUU40" s="920"/>
      <c r="KUV40" s="920"/>
      <c r="KUW40" s="920"/>
      <c r="KUX40" s="920"/>
      <c r="KUY40" s="920"/>
      <c r="KUZ40" s="920"/>
      <c r="KVA40" s="920"/>
      <c r="KVB40" s="920"/>
      <c r="KVC40" s="920"/>
      <c r="KVD40" s="920"/>
      <c r="KVE40" s="920"/>
      <c r="KVF40" s="920"/>
      <c r="KVG40" s="920"/>
      <c r="KVH40" s="920"/>
      <c r="KVI40" s="920"/>
      <c r="KVJ40" s="920"/>
      <c r="KVK40" s="920"/>
      <c r="KVL40" s="920"/>
      <c r="KVM40" s="920"/>
      <c r="KVN40" s="920"/>
      <c r="KVO40" s="920"/>
      <c r="KVP40" s="920"/>
      <c r="KVQ40" s="920"/>
      <c r="KVR40" s="920"/>
      <c r="KVS40" s="920"/>
      <c r="KVT40" s="920"/>
      <c r="KVU40" s="920"/>
      <c r="KVV40" s="920"/>
      <c r="KVW40" s="920"/>
      <c r="KVX40" s="920"/>
      <c r="KVY40" s="920"/>
      <c r="KVZ40" s="920"/>
      <c r="KWA40" s="920"/>
      <c r="KWB40" s="920"/>
      <c r="KWC40" s="920"/>
      <c r="KWD40" s="920"/>
      <c r="KWE40" s="920"/>
      <c r="KWF40" s="920"/>
      <c r="KWG40" s="920"/>
      <c r="KWH40" s="920"/>
      <c r="KWI40" s="920"/>
      <c r="KWJ40" s="920"/>
      <c r="KWK40" s="920"/>
      <c r="KWL40" s="920"/>
      <c r="KWM40" s="920"/>
      <c r="KWN40" s="920"/>
      <c r="KWO40" s="920"/>
      <c r="KWP40" s="920"/>
      <c r="KWQ40" s="920"/>
      <c r="KWR40" s="920"/>
      <c r="KWS40" s="920"/>
      <c r="KWT40" s="920"/>
      <c r="KWU40" s="920"/>
      <c r="KWV40" s="920"/>
      <c r="KWW40" s="920"/>
      <c r="KWX40" s="920"/>
      <c r="KWY40" s="920"/>
      <c r="KWZ40" s="920"/>
      <c r="KXA40" s="920"/>
      <c r="KXB40" s="920"/>
      <c r="KXC40" s="920"/>
      <c r="KXD40" s="920"/>
      <c r="KXE40" s="920"/>
      <c r="KXF40" s="920"/>
      <c r="KXG40" s="920"/>
      <c r="KXH40" s="920"/>
      <c r="KXI40" s="920"/>
      <c r="KXJ40" s="920"/>
      <c r="KXK40" s="920"/>
      <c r="KXL40" s="920"/>
      <c r="KXM40" s="920"/>
      <c r="KXN40" s="920"/>
      <c r="KXO40" s="920"/>
      <c r="KXP40" s="920"/>
      <c r="KXQ40" s="920"/>
      <c r="KXR40" s="920"/>
      <c r="KXS40" s="920"/>
      <c r="KXT40" s="920"/>
      <c r="KXU40" s="920"/>
      <c r="KXV40" s="920"/>
      <c r="KXW40" s="920"/>
      <c r="KXX40" s="920"/>
      <c r="KXY40" s="920"/>
      <c r="KXZ40" s="920"/>
      <c r="KYA40" s="920"/>
      <c r="KYB40" s="920"/>
      <c r="KYC40" s="920"/>
      <c r="KYD40" s="920"/>
      <c r="KYE40" s="920"/>
      <c r="KYF40" s="920"/>
      <c r="KYG40" s="920"/>
      <c r="KYH40" s="920"/>
      <c r="KYI40" s="920"/>
      <c r="KYJ40" s="920"/>
      <c r="KYK40" s="920"/>
      <c r="KYL40" s="920"/>
      <c r="KYM40" s="920"/>
      <c r="KYN40" s="920"/>
      <c r="KYO40" s="920"/>
      <c r="KYP40" s="920"/>
      <c r="KYQ40" s="920"/>
      <c r="KYR40" s="920"/>
      <c r="KYS40" s="920"/>
      <c r="KYT40" s="920"/>
      <c r="KYU40" s="920"/>
      <c r="KYV40" s="920"/>
      <c r="KYW40" s="920"/>
      <c r="KYX40" s="920"/>
      <c r="KYY40" s="920"/>
      <c r="KYZ40" s="920"/>
      <c r="KZA40" s="920"/>
      <c r="KZB40" s="920"/>
      <c r="KZC40" s="920"/>
      <c r="KZD40" s="920"/>
      <c r="KZE40" s="920"/>
      <c r="KZF40" s="920"/>
      <c r="KZG40" s="920"/>
      <c r="KZH40" s="920"/>
      <c r="KZI40" s="920"/>
      <c r="KZJ40" s="920"/>
      <c r="KZK40" s="920"/>
      <c r="KZL40" s="920"/>
      <c r="KZM40" s="920"/>
      <c r="KZN40" s="920"/>
      <c r="KZO40" s="920"/>
      <c r="KZP40" s="920"/>
      <c r="KZQ40" s="920"/>
      <c r="KZR40" s="920"/>
      <c r="KZS40" s="920"/>
      <c r="KZT40" s="920"/>
      <c r="KZU40" s="920"/>
      <c r="KZV40" s="920"/>
      <c r="KZW40" s="920"/>
      <c r="KZX40" s="920"/>
      <c r="KZY40" s="920"/>
      <c r="KZZ40" s="920"/>
      <c r="LAA40" s="920"/>
      <c r="LAB40" s="920"/>
      <c r="LAC40" s="920"/>
      <c r="LAD40" s="920"/>
      <c r="LAE40" s="920"/>
      <c r="LAF40" s="920"/>
      <c r="LAG40" s="920"/>
      <c r="LAH40" s="920"/>
      <c r="LAI40" s="920"/>
      <c r="LAJ40" s="920"/>
      <c r="LAK40" s="920"/>
      <c r="LAL40" s="920"/>
      <c r="LAM40" s="920"/>
      <c r="LAN40" s="920"/>
      <c r="LAO40" s="920"/>
      <c r="LAP40" s="920"/>
      <c r="LAQ40" s="920"/>
      <c r="LAR40" s="920"/>
      <c r="LAS40" s="920"/>
      <c r="LAT40" s="920"/>
      <c r="LAU40" s="920"/>
      <c r="LAV40" s="920"/>
      <c r="LAW40" s="920"/>
      <c r="LAX40" s="920"/>
      <c r="LAY40" s="920"/>
      <c r="LAZ40" s="920"/>
      <c r="LBA40" s="920"/>
      <c r="LBB40" s="920"/>
      <c r="LBC40" s="920"/>
      <c r="LBD40" s="920"/>
      <c r="LBE40" s="920"/>
      <c r="LBF40" s="920"/>
      <c r="LBG40" s="920"/>
      <c r="LBH40" s="920"/>
      <c r="LBI40" s="920"/>
      <c r="LBJ40" s="920"/>
      <c r="LBK40" s="920"/>
      <c r="LBL40" s="920"/>
      <c r="LBM40" s="920"/>
      <c r="LBN40" s="920"/>
      <c r="LBO40" s="920"/>
      <c r="LBP40" s="920"/>
      <c r="LBQ40" s="920"/>
      <c r="LBR40" s="920"/>
      <c r="LBS40" s="920"/>
      <c r="LBT40" s="920"/>
      <c r="LBU40" s="920"/>
      <c r="LBV40" s="920"/>
      <c r="LBW40" s="920"/>
      <c r="LBX40" s="920"/>
      <c r="LBY40" s="920"/>
      <c r="LBZ40" s="920"/>
      <c r="LCA40" s="920"/>
      <c r="LCB40" s="920"/>
      <c r="LCC40" s="920"/>
      <c r="LCD40" s="920"/>
      <c r="LCE40" s="920"/>
      <c r="LCF40" s="920"/>
      <c r="LCG40" s="920"/>
      <c r="LCH40" s="920"/>
      <c r="LCI40" s="920"/>
      <c r="LCJ40" s="920"/>
      <c r="LCK40" s="920"/>
      <c r="LCL40" s="920"/>
      <c r="LCM40" s="920"/>
      <c r="LCN40" s="920"/>
      <c r="LCO40" s="920"/>
      <c r="LCP40" s="920"/>
      <c r="LCQ40" s="920"/>
      <c r="LCR40" s="920"/>
      <c r="LCS40" s="920"/>
      <c r="LCT40" s="920"/>
      <c r="LCU40" s="920"/>
      <c r="LCV40" s="920"/>
      <c r="LCW40" s="920"/>
      <c r="LCX40" s="920"/>
      <c r="LCY40" s="920"/>
      <c r="LCZ40" s="920"/>
      <c r="LDA40" s="920"/>
      <c r="LDB40" s="920"/>
      <c r="LDC40" s="920"/>
      <c r="LDD40" s="920"/>
      <c r="LDE40" s="920"/>
      <c r="LDF40" s="920"/>
      <c r="LDG40" s="920"/>
      <c r="LDH40" s="920"/>
      <c r="LDI40" s="920"/>
      <c r="LDJ40" s="920"/>
      <c r="LDK40" s="920"/>
      <c r="LDL40" s="920"/>
      <c r="LDM40" s="920"/>
      <c r="LDN40" s="920"/>
      <c r="LDO40" s="920"/>
      <c r="LDP40" s="920"/>
      <c r="LDQ40" s="920"/>
      <c r="LDR40" s="920"/>
      <c r="LDS40" s="920"/>
      <c r="LDT40" s="920"/>
      <c r="LDU40" s="920"/>
      <c r="LDV40" s="920"/>
      <c r="LDW40" s="920"/>
      <c r="LDX40" s="920"/>
      <c r="LDY40" s="920"/>
      <c r="LDZ40" s="920"/>
      <c r="LEA40" s="920"/>
      <c r="LEB40" s="920"/>
      <c r="LEC40" s="920"/>
      <c r="LED40" s="920"/>
      <c r="LEE40" s="920"/>
      <c r="LEF40" s="920"/>
      <c r="LEG40" s="920"/>
      <c r="LEH40" s="920"/>
      <c r="LEI40" s="920"/>
      <c r="LEJ40" s="920"/>
      <c r="LEK40" s="920"/>
      <c r="LEL40" s="920"/>
      <c r="LEM40" s="920"/>
      <c r="LEN40" s="920"/>
      <c r="LEO40" s="920"/>
      <c r="LEP40" s="920"/>
      <c r="LEQ40" s="920"/>
      <c r="LER40" s="920"/>
      <c r="LES40" s="920"/>
      <c r="LET40" s="920"/>
      <c r="LEU40" s="920"/>
      <c r="LEV40" s="920"/>
      <c r="LEW40" s="920"/>
      <c r="LEX40" s="920"/>
      <c r="LEY40" s="920"/>
      <c r="LEZ40" s="920"/>
      <c r="LFA40" s="920"/>
      <c r="LFB40" s="920"/>
      <c r="LFC40" s="920"/>
      <c r="LFD40" s="920"/>
      <c r="LFE40" s="920"/>
      <c r="LFF40" s="920"/>
      <c r="LFG40" s="920"/>
      <c r="LFH40" s="920"/>
      <c r="LFI40" s="920"/>
      <c r="LFJ40" s="920"/>
      <c r="LFK40" s="920"/>
      <c r="LFL40" s="920"/>
      <c r="LFM40" s="920"/>
      <c r="LFN40" s="920"/>
      <c r="LFO40" s="920"/>
      <c r="LFP40" s="920"/>
      <c r="LFQ40" s="920"/>
      <c r="LFR40" s="920"/>
      <c r="LFS40" s="920"/>
      <c r="LFT40" s="920"/>
      <c r="LFU40" s="920"/>
      <c r="LFV40" s="920"/>
      <c r="LFW40" s="920"/>
      <c r="LFX40" s="920"/>
      <c r="LFY40" s="920"/>
      <c r="LFZ40" s="920"/>
      <c r="LGA40" s="920"/>
      <c r="LGB40" s="920"/>
      <c r="LGC40" s="920"/>
      <c r="LGD40" s="920"/>
      <c r="LGE40" s="920"/>
      <c r="LGF40" s="920"/>
      <c r="LGG40" s="920"/>
      <c r="LGH40" s="920"/>
      <c r="LGI40" s="920"/>
      <c r="LGJ40" s="920"/>
      <c r="LGK40" s="920"/>
      <c r="LGL40" s="920"/>
      <c r="LGM40" s="920"/>
      <c r="LGN40" s="920"/>
      <c r="LGO40" s="920"/>
      <c r="LGP40" s="920"/>
      <c r="LGQ40" s="920"/>
      <c r="LGR40" s="920"/>
      <c r="LGS40" s="920"/>
      <c r="LGT40" s="920"/>
      <c r="LGU40" s="920"/>
      <c r="LGV40" s="920"/>
      <c r="LGW40" s="920"/>
      <c r="LGX40" s="920"/>
      <c r="LGY40" s="920"/>
      <c r="LGZ40" s="920"/>
      <c r="LHA40" s="920"/>
      <c r="LHB40" s="920"/>
      <c r="LHC40" s="920"/>
      <c r="LHD40" s="920"/>
      <c r="LHE40" s="920"/>
      <c r="LHF40" s="920"/>
      <c r="LHG40" s="920"/>
      <c r="LHH40" s="920"/>
      <c r="LHI40" s="920"/>
      <c r="LHJ40" s="920"/>
      <c r="LHK40" s="920"/>
      <c r="LHL40" s="920"/>
      <c r="LHM40" s="920"/>
      <c r="LHN40" s="920"/>
      <c r="LHO40" s="920"/>
      <c r="LHP40" s="920"/>
      <c r="LHQ40" s="920"/>
      <c r="LHR40" s="920"/>
      <c r="LHS40" s="920"/>
      <c r="LHT40" s="920"/>
      <c r="LHU40" s="920"/>
      <c r="LHV40" s="920"/>
      <c r="LHW40" s="920"/>
      <c r="LHX40" s="920"/>
      <c r="LHY40" s="920"/>
      <c r="LHZ40" s="920"/>
      <c r="LIA40" s="920"/>
      <c r="LIB40" s="920"/>
      <c r="LIC40" s="920"/>
      <c r="LID40" s="920"/>
      <c r="LIE40" s="920"/>
      <c r="LIF40" s="920"/>
      <c r="LIG40" s="920"/>
      <c r="LIH40" s="920"/>
      <c r="LII40" s="920"/>
      <c r="LIJ40" s="920"/>
      <c r="LIK40" s="920"/>
      <c r="LIL40" s="920"/>
      <c r="LIM40" s="920"/>
      <c r="LIN40" s="920"/>
      <c r="LIO40" s="920"/>
      <c r="LIP40" s="920"/>
      <c r="LIQ40" s="920"/>
      <c r="LIR40" s="920"/>
      <c r="LIS40" s="920"/>
      <c r="LIT40" s="920"/>
      <c r="LIU40" s="920"/>
      <c r="LIV40" s="920"/>
      <c r="LIW40" s="920"/>
      <c r="LIX40" s="920"/>
      <c r="LIY40" s="920"/>
      <c r="LIZ40" s="920"/>
      <c r="LJA40" s="920"/>
      <c r="LJB40" s="920"/>
      <c r="LJC40" s="920"/>
      <c r="LJD40" s="920"/>
      <c r="LJE40" s="920"/>
      <c r="LJF40" s="920"/>
      <c r="LJG40" s="920"/>
      <c r="LJH40" s="920"/>
      <c r="LJI40" s="920"/>
      <c r="LJJ40" s="920"/>
      <c r="LJK40" s="920"/>
      <c r="LJL40" s="920"/>
      <c r="LJM40" s="920"/>
      <c r="LJN40" s="920"/>
      <c r="LJO40" s="920"/>
      <c r="LJP40" s="920"/>
      <c r="LJQ40" s="920"/>
      <c r="LJR40" s="920"/>
      <c r="LJS40" s="920"/>
      <c r="LJT40" s="920"/>
      <c r="LJU40" s="920"/>
      <c r="LJV40" s="920"/>
      <c r="LJW40" s="920"/>
      <c r="LJX40" s="920"/>
      <c r="LJY40" s="920"/>
      <c r="LJZ40" s="920"/>
      <c r="LKA40" s="920"/>
      <c r="LKB40" s="920"/>
      <c r="LKC40" s="920"/>
      <c r="LKD40" s="920"/>
      <c r="LKE40" s="920"/>
      <c r="LKF40" s="920"/>
      <c r="LKG40" s="920"/>
      <c r="LKH40" s="920"/>
      <c r="LKI40" s="920"/>
      <c r="LKJ40" s="920"/>
      <c r="LKK40" s="920"/>
      <c r="LKL40" s="920"/>
      <c r="LKM40" s="920"/>
      <c r="LKN40" s="920"/>
      <c r="LKO40" s="920"/>
      <c r="LKP40" s="920"/>
      <c r="LKQ40" s="920"/>
      <c r="LKR40" s="920"/>
      <c r="LKS40" s="920"/>
      <c r="LKT40" s="920"/>
      <c r="LKU40" s="920"/>
      <c r="LKV40" s="920"/>
      <c r="LKW40" s="920"/>
      <c r="LKX40" s="920"/>
      <c r="LKY40" s="920"/>
      <c r="LKZ40" s="920"/>
      <c r="LLA40" s="920"/>
      <c r="LLB40" s="920"/>
      <c r="LLC40" s="920"/>
      <c r="LLD40" s="920"/>
      <c r="LLE40" s="920"/>
      <c r="LLF40" s="920"/>
      <c r="LLG40" s="920"/>
      <c r="LLH40" s="920"/>
      <c r="LLI40" s="920"/>
      <c r="LLJ40" s="920"/>
      <c r="LLK40" s="920"/>
      <c r="LLL40" s="920"/>
      <c r="LLM40" s="920"/>
      <c r="LLN40" s="920"/>
      <c r="LLO40" s="920"/>
      <c r="LLP40" s="920"/>
      <c r="LLQ40" s="920"/>
      <c r="LLR40" s="920"/>
      <c r="LLS40" s="920"/>
      <c r="LLT40" s="920"/>
      <c r="LLU40" s="920"/>
      <c r="LLV40" s="920"/>
      <c r="LLW40" s="920"/>
      <c r="LLX40" s="920"/>
      <c r="LLY40" s="920"/>
      <c r="LLZ40" s="920"/>
      <c r="LMA40" s="920"/>
      <c r="LMB40" s="920"/>
      <c r="LMC40" s="920"/>
      <c r="LMD40" s="920"/>
      <c r="LME40" s="920"/>
      <c r="LMF40" s="920"/>
      <c r="LMG40" s="920"/>
      <c r="LMH40" s="920"/>
      <c r="LMI40" s="920"/>
      <c r="LMJ40" s="920"/>
      <c r="LMK40" s="920"/>
      <c r="LML40" s="920"/>
      <c r="LMM40" s="920"/>
      <c r="LMN40" s="920"/>
      <c r="LMO40" s="920"/>
      <c r="LMP40" s="920"/>
      <c r="LMQ40" s="920"/>
      <c r="LMR40" s="920"/>
      <c r="LMS40" s="920"/>
      <c r="LMT40" s="920"/>
      <c r="LMU40" s="920"/>
      <c r="LMV40" s="920"/>
      <c r="LMW40" s="920"/>
      <c r="LMX40" s="920"/>
      <c r="LMY40" s="920"/>
      <c r="LMZ40" s="920"/>
      <c r="LNA40" s="920"/>
      <c r="LNB40" s="920"/>
      <c r="LNC40" s="920"/>
      <c r="LND40" s="920"/>
      <c r="LNE40" s="920"/>
      <c r="LNF40" s="920"/>
      <c r="LNG40" s="920"/>
      <c r="LNH40" s="920"/>
      <c r="LNI40" s="920"/>
      <c r="LNJ40" s="920"/>
      <c r="LNK40" s="920"/>
      <c r="LNL40" s="920"/>
      <c r="LNM40" s="920"/>
      <c r="LNN40" s="920"/>
      <c r="LNO40" s="920"/>
      <c r="LNP40" s="920"/>
      <c r="LNQ40" s="920"/>
      <c r="LNR40" s="920"/>
      <c r="LNS40" s="920"/>
      <c r="LNT40" s="920"/>
      <c r="LNU40" s="920"/>
      <c r="LNV40" s="920"/>
      <c r="LNW40" s="920"/>
      <c r="LNX40" s="920"/>
      <c r="LNY40" s="920"/>
      <c r="LNZ40" s="920"/>
      <c r="LOA40" s="920"/>
      <c r="LOB40" s="920"/>
      <c r="LOC40" s="920"/>
      <c r="LOD40" s="920"/>
      <c r="LOE40" s="920"/>
      <c r="LOF40" s="920"/>
      <c r="LOG40" s="920"/>
      <c r="LOH40" s="920"/>
      <c r="LOI40" s="920"/>
      <c r="LOJ40" s="920"/>
      <c r="LOK40" s="920"/>
      <c r="LOL40" s="920"/>
      <c r="LOM40" s="920"/>
      <c r="LON40" s="920"/>
      <c r="LOO40" s="920"/>
      <c r="LOP40" s="920"/>
      <c r="LOQ40" s="920"/>
      <c r="LOR40" s="920"/>
      <c r="LOS40" s="920"/>
      <c r="LOT40" s="920"/>
      <c r="LOU40" s="920"/>
      <c r="LOV40" s="920"/>
      <c r="LOW40" s="920"/>
      <c r="LOX40" s="920"/>
      <c r="LOY40" s="920"/>
      <c r="LOZ40" s="920"/>
      <c r="LPA40" s="920"/>
      <c r="LPB40" s="920"/>
      <c r="LPC40" s="920"/>
      <c r="LPD40" s="920"/>
      <c r="LPE40" s="920"/>
      <c r="LPF40" s="920"/>
      <c r="LPG40" s="920"/>
      <c r="LPH40" s="920"/>
      <c r="LPI40" s="920"/>
      <c r="LPJ40" s="920"/>
      <c r="LPK40" s="920"/>
      <c r="LPL40" s="920"/>
      <c r="LPM40" s="920"/>
      <c r="LPN40" s="920"/>
      <c r="LPO40" s="920"/>
      <c r="LPP40" s="920"/>
      <c r="LPQ40" s="920"/>
      <c r="LPR40" s="920"/>
      <c r="LPS40" s="920"/>
      <c r="LPT40" s="920"/>
      <c r="LPU40" s="920"/>
      <c r="LPV40" s="920"/>
      <c r="LPW40" s="920"/>
      <c r="LPX40" s="920"/>
      <c r="LPY40" s="920"/>
      <c r="LPZ40" s="920"/>
      <c r="LQA40" s="920"/>
      <c r="LQB40" s="920"/>
      <c r="LQC40" s="920"/>
      <c r="LQD40" s="920"/>
      <c r="LQE40" s="920"/>
      <c r="LQF40" s="920"/>
      <c r="LQG40" s="920"/>
      <c r="LQH40" s="920"/>
      <c r="LQI40" s="920"/>
      <c r="LQJ40" s="920"/>
      <c r="LQK40" s="920"/>
      <c r="LQL40" s="920"/>
      <c r="LQM40" s="920"/>
      <c r="LQN40" s="920"/>
      <c r="LQO40" s="920"/>
      <c r="LQP40" s="920"/>
      <c r="LQQ40" s="920"/>
      <c r="LQR40" s="920"/>
      <c r="LQS40" s="920"/>
      <c r="LQT40" s="920"/>
      <c r="LQU40" s="920"/>
      <c r="LQV40" s="920"/>
      <c r="LQW40" s="920"/>
      <c r="LQX40" s="920"/>
      <c r="LQY40" s="920"/>
      <c r="LQZ40" s="920"/>
      <c r="LRA40" s="920"/>
      <c r="LRB40" s="920"/>
      <c r="LRC40" s="920"/>
      <c r="LRD40" s="920"/>
      <c r="LRE40" s="920"/>
      <c r="LRF40" s="920"/>
      <c r="LRG40" s="920"/>
      <c r="LRH40" s="920"/>
      <c r="LRI40" s="920"/>
      <c r="LRJ40" s="920"/>
      <c r="LRK40" s="920"/>
      <c r="LRL40" s="920"/>
      <c r="LRM40" s="920"/>
      <c r="LRN40" s="920"/>
      <c r="LRO40" s="920"/>
      <c r="LRP40" s="920"/>
      <c r="LRQ40" s="920"/>
      <c r="LRR40" s="920"/>
      <c r="LRS40" s="920"/>
      <c r="LRT40" s="920"/>
      <c r="LRU40" s="920"/>
      <c r="LRV40" s="920"/>
      <c r="LRW40" s="920"/>
      <c r="LRX40" s="920"/>
      <c r="LRY40" s="920"/>
      <c r="LRZ40" s="920"/>
      <c r="LSA40" s="920"/>
      <c r="LSB40" s="920"/>
      <c r="LSC40" s="920"/>
      <c r="LSD40" s="920"/>
      <c r="LSE40" s="920"/>
      <c r="LSF40" s="920"/>
      <c r="LSG40" s="920"/>
      <c r="LSH40" s="920"/>
      <c r="LSI40" s="920"/>
      <c r="LSJ40" s="920"/>
      <c r="LSK40" s="920"/>
      <c r="LSL40" s="920"/>
      <c r="LSM40" s="920"/>
      <c r="LSN40" s="920"/>
      <c r="LSO40" s="920"/>
      <c r="LSP40" s="920"/>
      <c r="LSQ40" s="920"/>
      <c r="LSR40" s="920"/>
      <c r="LSS40" s="920"/>
      <c r="LST40" s="920"/>
      <c r="LSU40" s="920"/>
      <c r="LSV40" s="920"/>
      <c r="LSW40" s="920"/>
      <c r="LSX40" s="920"/>
      <c r="LSY40" s="920"/>
      <c r="LSZ40" s="920"/>
      <c r="LTA40" s="920"/>
      <c r="LTB40" s="920"/>
      <c r="LTC40" s="920"/>
      <c r="LTD40" s="920"/>
      <c r="LTE40" s="920"/>
      <c r="LTF40" s="920"/>
      <c r="LTG40" s="920"/>
      <c r="LTH40" s="920"/>
      <c r="LTI40" s="920"/>
      <c r="LTJ40" s="920"/>
      <c r="LTK40" s="920"/>
      <c r="LTL40" s="920"/>
      <c r="LTM40" s="920"/>
      <c r="LTN40" s="920"/>
      <c r="LTO40" s="920"/>
      <c r="LTP40" s="920"/>
      <c r="LTQ40" s="920"/>
      <c r="LTR40" s="920"/>
      <c r="LTS40" s="920"/>
      <c r="LTT40" s="920"/>
      <c r="LTU40" s="920"/>
      <c r="LTV40" s="920"/>
      <c r="LTW40" s="920"/>
      <c r="LTX40" s="920"/>
      <c r="LTY40" s="920"/>
      <c r="LTZ40" s="920"/>
      <c r="LUA40" s="920"/>
      <c r="LUB40" s="920"/>
      <c r="LUC40" s="920"/>
      <c r="LUD40" s="920"/>
      <c r="LUE40" s="920"/>
      <c r="LUF40" s="920"/>
      <c r="LUG40" s="920"/>
      <c r="LUH40" s="920"/>
      <c r="LUI40" s="920"/>
      <c r="LUJ40" s="920"/>
      <c r="LUK40" s="920"/>
      <c r="LUL40" s="920"/>
      <c r="LUM40" s="920"/>
      <c r="LUN40" s="920"/>
      <c r="LUO40" s="920"/>
      <c r="LUP40" s="920"/>
      <c r="LUQ40" s="920"/>
      <c r="LUR40" s="920"/>
      <c r="LUS40" s="920"/>
      <c r="LUT40" s="920"/>
      <c r="LUU40" s="920"/>
      <c r="LUV40" s="920"/>
      <c r="LUW40" s="920"/>
      <c r="LUX40" s="920"/>
      <c r="LUY40" s="920"/>
      <c r="LUZ40" s="920"/>
      <c r="LVA40" s="920"/>
      <c r="LVB40" s="920"/>
      <c r="LVC40" s="920"/>
      <c r="LVD40" s="920"/>
      <c r="LVE40" s="920"/>
      <c r="LVF40" s="920"/>
      <c r="LVG40" s="920"/>
      <c r="LVH40" s="920"/>
      <c r="LVI40" s="920"/>
      <c r="LVJ40" s="920"/>
      <c r="LVK40" s="920"/>
      <c r="LVL40" s="920"/>
      <c r="LVM40" s="920"/>
      <c r="LVN40" s="920"/>
      <c r="LVO40" s="920"/>
      <c r="LVP40" s="920"/>
      <c r="LVQ40" s="920"/>
      <c r="LVR40" s="920"/>
      <c r="LVS40" s="920"/>
      <c r="LVT40" s="920"/>
      <c r="LVU40" s="920"/>
      <c r="LVV40" s="920"/>
      <c r="LVW40" s="920"/>
      <c r="LVX40" s="920"/>
      <c r="LVY40" s="920"/>
      <c r="LVZ40" s="920"/>
      <c r="LWA40" s="920"/>
      <c r="LWB40" s="920"/>
      <c r="LWC40" s="920"/>
      <c r="LWD40" s="920"/>
      <c r="LWE40" s="920"/>
      <c r="LWF40" s="920"/>
      <c r="LWG40" s="920"/>
      <c r="LWH40" s="920"/>
      <c r="LWI40" s="920"/>
      <c r="LWJ40" s="920"/>
      <c r="LWK40" s="920"/>
      <c r="LWL40" s="920"/>
      <c r="LWM40" s="920"/>
      <c r="LWN40" s="920"/>
      <c r="LWO40" s="920"/>
      <c r="LWP40" s="920"/>
      <c r="LWQ40" s="920"/>
      <c r="LWR40" s="920"/>
      <c r="LWS40" s="920"/>
      <c r="LWT40" s="920"/>
      <c r="LWU40" s="920"/>
      <c r="LWV40" s="920"/>
      <c r="LWW40" s="920"/>
      <c r="LWX40" s="920"/>
      <c r="LWY40" s="920"/>
      <c r="LWZ40" s="920"/>
      <c r="LXA40" s="920"/>
      <c r="LXB40" s="920"/>
      <c r="LXC40" s="920"/>
      <c r="LXD40" s="920"/>
      <c r="LXE40" s="920"/>
      <c r="LXF40" s="920"/>
      <c r="LXG40" s="920"/>
      <c r="LXH40" s="920"/>
      <c r="LXI40" s="920"/>
      <c r="LXJ40" s="920"/>
      <c r="LXK40" s="920"/>
      <c r="LXL40" s="920"/>
      <c r="LXM40" s="920"/>
      <c r="LXN40" s="920"/>
      <c r="LXO40" s="920"/>
      <c r="LXP40" s="920"/>
      <c r="LXQ40" s="920"/>
      <c r="LXR40" s="920"/>
      <c r="LXS40" s="920"/>
      <c r="LXT40" s="920"/>
      <c r="LXU40" s="920"/>
      <c r="LXV40" s="920"/>
      <c r="LXW40" s="920"/>
      <c r="LXX40" s="920"/>
      <c r="LXY40" s="920"/>
      <c r="LXZ40" s="920"/>
      <c r="LYA40" s="920"/>
      <c r="LYB40" s="920"/>
      <c r="LYC40" s="920"/>
      <c r="LYD40" s="920"/>
      <c r="LYE40" s="920"/>
      <c r="LYF40" s="920"/>
      <c r="LYG40" s="920"/>
      <c r="LYH40" s="920"/>
      <c r="LYI40" s="920"/>
      <c r="LYJ40" s="920"/>
      <c r="LYK40" s="920"/>
      <c r="LYL40" s="920"/>
      <c r="LYM40" s="920"/>
      <c r="LYN40" s="920"/>
      <c r="LYO40" s="920"/>
      <c r="LYP40" s="920"/>
      <c r="LYQ40" s="920"/>
      <c r="LYR40" s="920"/>
      <c r="LYS40" s="920"/>
      <c r="LYT40" s="920"/>
      <c r="LYU40" s="920"/>
      <c r="LYV40" s="920"/>
      <c r="LYW40" s="920"/>
      <c r="LYX40" s="920"/>
      <c r="LYY40" s="920"/>
      <c r="LYZ40" s="920"/>
      <c r="LZA40" s="920"/>
      <c r="LZB40" s="920"/>
      <c r="LZC40" s="920"/>
      <c r="LZD40" s="920"/>
      <c r="LZE40" s="920"/>
      <c r="LZF40" s="920"/>
      <c r="LZG40" s="920"/>
      <c r="LZH40" s="920"/>
      <c r="LZI40" s="920"/>
      <c r="LZJ40" s="920"/>
      <c r="LZK40" s="920"/>
      <c r="LZL40" s="920"/>
      <c r="LZM40" s="920"/>
      <c r="LZN40" s="920"/>
      <c r="LZO40" s="920"/>
      <c r="LZP40" s="920"/>
      <c r="LZQ40" s="920"/>
      <c r="LZR40" s="920"/>
      <c r="LZS40" s="920"/>
      <c r="LZT40" s="920"/>
      <c r="LZU40" s="920"/>
      <c r="LZV40" s="920"/>
      <c r="LZW40" s="920"/>
      <c r="LZX40" s="920"/>
      <c r="LZY40" s="920"/>
      <c r="LZZ40" s="920"/>
      <c r="MAA40" s="920"/>
      <c r="MAB40" s="920"/>
      <c r="MAC40" s="920"/>
      <c r="MAD40" s="920"/>
      <c r="MAE40" s="920"/>
      <c r="MAF40" s="920"/>
      <c r="MAG40" s="920"/>
      <c r="MAH40" s="920"/>
      <c r="MAI40" s="920"/>
      <c r="MAJ40" s="920"/>
      <c r="MAK40" s="920"/>
      <c r="MAL40" s="920"/>
      <c r="MAM40" s="920"/>
      <c r="MAN40" s="920"/>
      <c r="MAO40" s="920"/>
      <c r="MAP40" s="920"/>
      <c r="MAQ40" s="920"/>
      <c r="MAR40" s="920"/>
      <c r="MAS40" s="920"/>
      <c r="MAT40" s="920"/>
      <c r="MAU40" s="920"/>
      <c r="MAV40" s="920"/>
      <c r="MAW40" s="920"/>
      <c r="MAX40" s="920"/>
      <c r="MAY40" s="920"/>
      <c r="MAZ40" s="920"/>
      <c r="MBA40" s="920"/>
      <c r="MBB40" s="920"/>
      <c r="MBC40" s="920"/>
      <c r="MBD40" s="920"/>
      <c r="MBE40" s="920"/>
      <c r="MBF40" s="920"/>
      <c r="MBG40" s="920"/>
      <c r="MBH40" s="920"/>
      <c r="MBI40" s="920"/>
      <c r="MBJ40" s="920"/>
      <c r="MBK40" s="920"/>
      <c r="MBL40" s="920"/>
      <c r="MBM40" s="920"/>
      <c r="MBN40" s="920"/>
      <c r="MBO40" s="920"/>
      <c r="MBP40" s="920"/>
      <c r="MBQ40" s="920"/>
      <c r="MBR40" s="920"/>
      <c r="MBS40" s="920"/>
      <c r="MBT40" s="920"/>
      <c r="MBU40" s="920"/>
      <c r="MBV40" s="920"/>
      <c r="MBW40" s="920"/>
      <c r="MBX40" s="920"/>
      <c r="MBY40" s="920"/>
      <c r="MBZ40" s="920"/>
      <c r="MCA40" s="920"/>
      <c r="MCB40" s="920"/>
      <c r="MCC40" s="920"/>
      <c r="MCD40" s="920"/>
      <c r="MCE40" s="920"/>
      <c r="MCF40" s="920"/>
      <c r="MCG40" s="920"/>
      <c r="MCH40" s="920"/>
      <c r="MCI40" s="920"/>
      <c r="MCJ40" s="920"/>
      <c r="MCK40" s="920"/>
      <c r="MCL40" s="920"/>
      <c r="MCM40" s="920"/>
      <c r="MCN40" s="920"/>
      <c r="MCO40" s="920"/>
      <c r="MCP40" s="920"/>
      <c r="MCQ40" s="920"/>
      <c r="MCR40" s="920"/>
      <c r="MCS40" s="920"/>
      <c r="MCT40" s="920"/>
      <c r="MCU40" s="920"/>
      <c r="MCV40" s="920"/>
      <c r="MCW40" s="920"/>
      <c r="MCX40" s="920"/>
      <c r="MCY40" s="920"/>
      <c r="MCZ40" s="920"/>
      <c r="MDA40" s="920"/>
      <c r="MDB40" s="920"/>
      <c r="MDC40" s="920"/>
      <c r="MDD40" s="920"/>
      <c r="MDE40" s="920"/>
      <c r="MDF40" s="920"/>
      <c r="MDG40" s="920"/>
      <c r="MDH40" s="920"/>
      <c r="MDI40" s="920"/>
      <c r="MDJ40" s="920"/>
      <c r="MDK40" s="920"/>
      <c r="MDL40" s="920"/>
      <c r="MDM40" s="920"/>
      <c r="MDN40" s="920"/>
      <c r="MDO40" s="920"/>
      <c r="MDP40" s="920"/>
      <c r="MDQ40" s="920"/>
      <c r="MDR40" s="920"/>
      <c r="MDS40" s="920"/>
      <c r="MDT40" s="920"/>
      <c r="MDU40" s="920"/>
      <c r="MDV40" s="920"/>
      <c r="MDW40" s="920"/>
      <c r="MDX40" s="920"/>
      <c r="MDY40" s="920"/>
      <c r="MDZ40" s="920"/>
      <c r="MEA40" s="920"/>
      <c r="MEB40" s="920"/>
      <c r="MEC40" s="920"/>
      <c r="MED40" s="920"/>
      <c r="MEE40" s="920"/>
      <c r="MEF40" s="920"/>
      <c r="MEG40" s="920"/>
      <c r="MEH40" s="920"/>
      <c r="MEI40" s="920"/>
      <c r="MEJ40" s="920"/>
      <c r="MEK40" s="920"/>
      <c r="MEL40" s="920"/>
      <c r="MEM40" s="920"/>
      <c r="MEN40" s="920"/>
      <c r="MEO40" s="920"/>
      <c r="MEP40" s="920"/>
      <c r="MEQ40" s="920"/>
      <c r="MER40" s="920"/>
      <c r="MES40" s="920"/>
      <c r="MET40" s="920"/>
      <c r="MEU40" s="920"/>
      <c r="MEV40" s="920"/>
      <c r="MEW40" s="920"/>
      <c r="MEX40" s="920"/>
      <c r="MEY40" s="920"/>
      <c r="MEZ40" s="920"/>
      <c r="MFA40" s="920"/>
      <c r="MFB40" s="920"/>
      <c r="MFC40" s="920"/>
      <c r="MFD40" s="920"/>
      <c r="MFE40" s="920"/>
      <c r="MFF40" s="920"/>
      <c r="MFG40" s="920"/>
      <c r="MFH40" s="920"/>
      <c r="MFI40" s="920"/>
      <c r="MFJ40" s="920"/>
      <c r="MFK40" s="920"/>
      <c r="MFL40" s="920"/>
      <c r="MFM40" s="920"/>
      <c r="MFN40" s="920"/>
      <c r="MFO40" s="920"/>
      <c r="MFP40" s="920"/>
      <c r="MFQ40" s="920"/>
      <c r="MFR40" s="920"/>
      <c r="MFS40" s="920"/>
      <c r="MFT40" s="920"/>
      <c r="MFU40" s="920"/>
      <c r="MFV40" s="920"/>
      <c r="MFW40" s="920"/>
      <c r="MFX40" s="920"/>
      <c r="MFY40" s="920"/>
      <c r="MFZ40" s="920"/>
      <c r="MGA40" s="920"/>
      <c r="MGB40" s="920"/>
      <c r="MGC40" s="920"/>
      <c r="MGD40" s="920"/>
      <c r="MGE40" s="920"/>
      <c r="MGF40" s="920"/>
      <c r="MGG40" s="920"/>
      <c r="MGH40" s="920"/>
      <c r="MGI40" s="920"/>
      <c r="MGJ40" s="920"/>
      <c r="MGK40" s="920"/>
      <c r="MGL40" s="920"/>
      <c r="MGM40" s="920"/>
      <c r="MGN40" s="920"/>
      <c r="MGO40" s="920"/>
      <c r="MGP40" s="920"/>
      <c r="MGQ40" s="920"/>
      <c r="MGR40" s="920"/>
      <c r="MGS40" s="920"/>
      <c r="MGT40" s="920"/>
      <c r="MGU40" s="920"/>
      <c r="MGV40" s="920"/>
      <c r="MGW40" s="920"/>
      <c r="MGX40" s="920"/>
      <c r="MGY40" s="920"/>
      <c r="MGZ40" s="920"/>
      <c r="MHA40" s="920"/>
      <c r="MHB40" s="920"/>
      <c r="MHC40" s="920"/>
      <c r="MHD40" s="920"/>
      <c r="MHE40" s="920"/>
      <c r="MHF40" s="920"/>
      <c r="MHG40" s="920"/>
      <c r="MHH40" s="920"/>
      <c r="MHI40" s="920"/>
      <c r="MHJ40" s="920"/>
      <c r="MHK40" s="920"/>
      <c r="MHL40" s="920"/>
      <c r="MHM40" s="920"/>
      <c r="MHN40" s="920"/>
      <c r="MHO40" s="920"/>
      <c r="MHP40" s="920"/>
      <c r="MHQ40" s="920"/>
      <c r="MHR40" s="920"/>
      <c r="MHS40" s="920"/>
      <c r="MHT40" s="920"/>
      <c r="MHU40" s="920"/>
      <c r="MHV40" s="920"/>
      <c r="MHW40" s="920"/>
      <c r="MHX40" s="920"/>
      <c r="MHY40" s="920"/>
      <c r="MHZ40" s="920"/>
      <c r="MIA40" s="920"/>
      <c r="MIB40" s="920"/>
      <c r="MIC40" s="920"/>
      <c r="MID40" s="920"/>
      <c r="MIE40" s="920"/>
      <c r="MIF40" s="920"/>
      <c r="MIG40" s="920"/>
      <c r="MIH40" s="920"/>
      <c r="MII40" s="920"/>
      <c r="MIJ40" s="920"/>
      <c r="MIK40" s="920"/>
      <c r="MIL40" s="920"/>
      <c r="MIM40" s="920"/>
      <c r="MIN40" s="920"/>
      <c r="MIO40" s="920"/>
      <c r="MIP40" s="920"/>
      <c r="MIQ40" s="920"/>
      <c r="MIR40" s="920"/>
      <c r="MIS40" s="920"/>
      <c r="MIT40" s="920"/>
      <c r="MIU40" s="920"/>
      <c r="MIV40" s="920"/>
      <c r="MIW40" s="920"/>
      <c r="MIX40" s="920"/>
      <c r="MIY40" s="920"/>
      <c r="MIZ40" s="920"/>
      <c r="MJA40" s="920"/>
      <c r="MJB40" s="920"/>
      <c r="MJC40" s="920"/>
      <c r="MJD40" s="920"/>
      <c r="MJE40" s="920"/>
      <c r="MJF40" s="920"/>
      <c r="MJG40" s="920"/>
      <c r="MJH40" s="920"/>
      <c r="MJI40" s="920"/>
      <c r="MJJ40" s="920"/>
      <c r="MJK40" s="920"/>
      <c r="MJL40" s="920"/>
      <c r="MJM40" s="920"/>
      <c r="MJN40" s="920"/>
      <c r="MJO40" s="920"/>
      <c r="MJP40" s="920"/>
      <c r="MJQ40" s="920"/>
      <c r="MJR40" s="920"/>
      <c r="MJS40" s="920"/>
      <c r="MJT40" s="920"/>
      <c r="MJU40" s="920"/>
      <c r="MJV40" s="920"/>
      <c r="MJW40" s="920"/>
      <c r="MJX40" s="920"/>
      <c r="MJY40" s="920"/>
      <c r="MJZ40" s="920"/>
      <c r="MKA40" s="920"/>
      <c r="MKB40" s="920"/>
      <c r="MKC40" s="920"/>
      <c r="MKD40" s="920"/>
      <c r="MKE40" s="920"/>
      <c r="MKF40" s="920"/>
      <c r="MKG40" s="920"/>
      <c r="MKH40" s="920"/>
      <c r="MKI40" s="920"/>
      <c r="MKJ40" s="920"/>
      <c r="MKK40" s="920"/>
      <c r="MKL40" s="920"/>
      <c r="MKM40" s="920"/>
      <c r="MKN40" s="920"/>
      <c r="MKO40" s="920"/>
      <c r="MKP40" s="920"/>
      <c r="MKQ40" s="920"/>
      <c r="MKR40" s="920"/>
      <c r="MKS40" s="920"/>
      <c r="MKT40" s="920"/>
      <c r="MKU40" s="920"/>
      <c r="MKV40" s="920"/>
      <c r="MKW40" s="920"/>
      <c r="MKX40" s="920"/>
      <c r="MKY40" s="920"/>
      <c r="MKZ40" s="920"/>
      <c r="MLA40" s="920"/>
      <c r="MLB40" s="920"/>
      <c r="MLC40" s="920"/>
      <c r="MLD40" s="920"/>
      <c r="MLE40" s="920"/>
      <c r="MLF40" s="920"/>
      <c r="MLG40" s="920"/>
      <c r="MLH40" s="920"/>
      <c r="MLI40" s="920"/>
      <c r="MLJ40" s="920"/>
      <c r="MLK40" s="920"/>
      <c r="MLL40" s="920"/>
      <c r="MLM40" s="920"/>
      <c r="MLN40" s="920"/>
      <c r="MLO40" s="920"/>
      <c r="MLP40" s="920"/>
      <c r="MLQ40" s="920"/>
      <c r="MLR40" s="920"/>
      <c r="MLS40" s="920"/>
      <c r="MLT40" s="920"/>
      <c r="MLU40" s="920"/>
      <c r="MLV40" s="920"/>
      <c r="MLW40" s="920"/>
      <c r="MLX40" s="920"/>
      <c r="MLY40" s="920"/>
      <c r="MLZ40" s="920"/>
      <c r="MMA40" s="920"/>
      <c r="MMB40" s="920"/>
      <c r="MMC40" s="920"/>
      <c r="MMD40" s="920"/>
      <c r="MME40" s="920"/>
      <c r="MMF40" s="920"/>
      <c r="MMG40" s="920"/>
      <c r="MMH40" s="920"/>
      <c r="MMI40" s="920"/>
      <c r="MMJ40" s="920"/>
      <c r="MMK40" s="920"/>
      <c r="MML40" s="920"/>
      <c r="MMM40" s="920"/>
      <c r="MMN40" s="920"/>
      <c r="MMO40" s="920"/>
      <c r="MMP40" s="920"/>
      <c r="MMQ40" s="920"/>
      <c r="MMR40" s="920"/>
      <c r="MMS40" s="920"/>
      <c r="MMT40" s="920"/>
      <c r="MMU40" s="920"/>
      <c r="MMV40" s="920"/>
      <c r="MMW40" s="920"/>
      <c r="MMX40" s="920"/>
      <c r="MMY40" s="920"/>
      <c r="MMZ40" s="920"/>
      <c r="MNA40" s="920"/>
      <c r="MNB40" s="920"/>
      <c r="MNC40" s="920"/>
      <c r="MND40" s="920"/>
      <c r="MNE40" s="920"/>
      <c r="MNF40" s="920"/>
      <c r="MNG40" s="920"/>
      <c r="MNH40" s="920"/>
      <c r="MNI40" s="920"/>
      <c r="MNJ40" s="920"/>
      <c r="MNK40" s="920"/>
      <c r="MNL40" s="920"/>
      <c r="MNM40" s="920"/>
      <c r="MNN40" s="920"/>
      <c r="MNO40" s="920"/>
      <c r="MNP40" s="920"/>
      <c r="MNQ40" s="920"/>
      <c r="MNR40" s="920"/>
      <c r="MNS40" s="920"/>
      <c r="MNT40" s="920"/>
      <c r="MNU40" s="920"/>
      <c r="MNV40" s="920"/>
      <c r="MNW40" s="920"/>
      <c r="MNX40" s="920"/>
      <c r="MNY40" s="920"/>
      <c r="MNZ40" s="920"/>
      <c r="MOA40" s="920"/>
      <c r="MOB40" s="920"/>
      <c r="MOC40" s="920"/>
      <c r="MOD40" s="920"/>
      <c r="MOE40" s="920"/>
      <c r="MOF40" s="920"/>
      <c r="MOG40" s="920"/>
      <c r="MOH40" s="920"/>
      <c r="MOI40" s="920"/>
      <c r="MOJ40" s="920"/>
      <c r="MOK40" s="920"/>
      <c r="MOL40" s="920"/>
      <c r="MOM40" s="920"/>
      <c r="MON40" s="920"/>
      <c r="MOO40" s="920"/>
      <c r="MOP40" s="920"/>
      <c r="MOQ40" s="920"/>
      <c r="MOR40" s="920"/>
      <c r="MOS40" s="920"/>
      <c r="MOT40" s="920"/>
      <c r="MOU40" s="920"/>
      <c r="MOV40" s="920"/>
      <c r="MOW40" s="920"/>
      <c r="MOX40" s="920"/>
      <c r="MOY40" s="920"/>
      <c r="MOZ40" s="920"/>
      <c r="MPA40" s="920"/>
      <c r="MPB40" s="920"/>
      <c r="MPC40" s="920"/>
      <c r="MPD40" s="920"/>
      <c r="MPE40" s="920"/>
      <c r="MPF40" s="920"/>
      <c r="MPG40" s="920"/>
      <c r="MPH40" s="920"/>
      <c r="MPI40" s="920"/>
      <c r="MPJ40" s="920"/>
      <c r="MPK40" s="920"/>
      <c r="MPL40" s="920"/>
      <c r="MPM40" s="920"/>
      <c r="MPN40" s="920"/>
      <c r="MPO40" s="920"/>
      <c r="MPP40" s="920"/>
      <c r="MPQ40" s="920"/>
      <c r="MPR40" s="920"/>
      <c r="MPS40" s="920"/>
      <c r="MPT40" s="920"/>
      <c r="MPU40" s="920"/>
      <c r="MPV40" s="920"/>
      <c r="MPW40" s="920"/>
      <c r="MPX40" s="920"/>
      <c r="MPY40" s="920"/>
      <c r="MPZ40" s="920"/>
      <c r="MQA40" s="920"/>
      <c r="MQB40" s="920"/>
      <c r="MQC40" s="920"/>
      <c r="MQD40" s="920"/>
      <c r="MQE40" s="920"/>
      <c r="MQF40" s="920"/>
      <c r="MQG40" s="920"/>
      <c r="MQH40" s="920"/>
      <c r="MQI40" s="920"/>
      <c r="MQJ40" s="920"/>
      <c r="MQK40" s="920"/>
      <c r="MQL40" s="920"/>
      <c r="MQM40" s="920"/>
      <c r="MQN40" s="920"/>
      <c r="MQO40" s="920"/>
      <c r="MQP40" s="920"/>
      <c r="MQQ40" s="920"/>
      <c r="MQR40" s="920"/>
      <c r="MQS40" s="920"/>
      <c r="MQT40" s="920"/>
      <c r="MQU40" s="920"/>
      <c r="MQV40" s="920"/>
      <c r="MQW40" s="920"/>
      <c r="MQX40" s="920"/>
      <c r="MQY40" s="920"/>
      <c r="MQZ40" s="920"/>
      <c r="MRA40" s="920"/>
      <c r="MRB40" s="920"/>
      <c r="MRC40" s="920"/>
      <c r="MRD40" s="920"/>
      <c r="MRE40" s="920"/>
      <c r="MRF40" s="920"/>
      <c r="MRG40" s="920"/>
      <c r="MRH40" s="920"/>
      <c r="MRI40" s="920"/>
      <c r="MRJ40" s="920"/>
      <c r="MRK40" s="920"/>
      <c r="MRL40" s="920"/>
      <c r="MRM40" s="920"/>
      <c r="MRN40" s="920"/>
      <c r="MRO40" s="920"/>
      <c r="MRP40" s="920"/>
      <c r="MRQ40" s="920"/>
      <c r="MRR40" s="920"/>
      <c r="MRS40" s="920"/>
      <c r="MRT40" s="920"/>
      <c r="MRU40" s="920"/>
      <c r="MRV40" s="920"/>
      <c r="MRW40" s="920"/>
      <c r="MRX40" s="920"/>
      <c r="MRY40" s="920"/>
      <c r="MRZ40" s="920"/>
      <c r="MSA40" s="920"/>
      <c r="MSB40" s="920"/>
      <c r="MSC40" s="920"/>
      <c r="MSD40" s="920"/>
      <c r="MSE40" s="920"/>
      <c r="MSF40" s="920"/>
      <c r="MSG40" s="920"/>
      <c r="MSH40" s="920"/>
      <c r="MSI40" s="920"/>
      <c r="MSJ40" s="920"/>
      <c r="MSK40" s="920"/>
      <c r="MSL40" s="920"/>
      <c r="MSM40" s="920"/>
      <c r="MSN40" s="920"/>
      <c r="MSO40" s="920"/>
      <c r="MSP40" s="920"/>
      <c r="MSQ40" s="920"/>
      <c r="MSR40" s="920"/>
      <c r="MSS40" s="920"/>
      <c r="MST40" s="920"/>
      <c r="MSU40" s="920"/>
      <c r="MSV40" s="920"/>
      <c r="MSW40" s="920"/>
      <c r="MSX40" s="920"/>
      <c r="MSY40" s="920"/>
      <c r="MSZ40" s="920"/>
      <c r="MTA40" s="920"/>
      <c r="MTB40" s="920"/>
      <c r="MTC40" s="920"/>
      <c r="MTD40" s="920"/>
      <c r="MTE40" s="920"/>
      <c r="MTF40" s="920"/>
      <c r="MTG40" s="920"/>
      <c r="MTH40" s="920"/>
      <c r="MTI40" s="920"/>
      <c r="MTJ40" s="920"/>
      <c r="MTK40" s="920"/>
      <c r="MTL40" s="920"/>
      <c r="MTM40" s="920"/>
      <c r="MTN40" s="920"/>
      <c r="MTO40" s="920"/>
      <c r="MTP40" s="920"/>
      <c r="MTQ40" s="920"/>
      <c r="MTR40" s="920"/>
      <c r="MTS40" s="920"/>
      <c r="MTT40" s="920"/>
      <c r="MTU40" s="920"/>
      <c r="MTV40" s="920"/>
      <c r="MTW40" s="920"/>
      <c r="MTX40" s="920"/>
      <c r="MTY40" s="920"/>
      <c r="MTZ40" s="920"/>
      <c r="MUA40" s="920"/>
      <c r="MUB40" s="920"/>
      <c r="MUC40" s="920"/>
      <c r="MUD40" s="920"/>
      <c r="MUE40" s="920"/>
      <c r="MUF40" s="920"/>
      <c r="MUG40" s="920"/>
      <c r="MUH40" s="920"/>
      <c r="MUI40" s="920"/>
      <c r="MUJ40" s="920"/>
      <c r="MUK40" s="920"/>
      <c r="MUL40" s="920"/>
      <c r="MUM40" s="920"/>
      <c r="MUN40" s="920"/>
      <c r="MUO40" s="920"/>
      <c r="MUP40" s="920"/>
      <c r="MUQ40" s="920"/>
      <c r="MUR40" s="920"/>
      <c r="MUS40" s="920"/>
      <c r="MUT40" s="920"/>
      <c r="MUU40" s="920"/>
      <c r="MUV40" s="920"/>
      <c r="MUW40" s="920"/>
      <c r="MUX40" s="920"/>
      <c r="MUY40" s="920"/>
      <c r="MUZ40" s="920"/>
      <c r="MVA40" s="920"/>
      <c r="MVB40" s="920"/>
      <c r="MVC40" s="920"/>
      <c r="MVD40" s="920"/>
      <c r="MVE40" s="920"/>
      <c r="MVF40" s="920"/>
      <c r="MVG40" s="920"/>
      <c r="MVH40" s="920"/>
      <c r="MVI40" s="920"/>
      <c r="MVJ40" s="920"/>
      <c r="MVK40" s="920"/>
      <c r="MVL40" s="920"/>
      <c r="MVM40" s="920"/>
      <c r="MVN40" s="920"/>
      <c r="MVO40" s="920"/>
      <c r="MVP40" s="920"/>
      <c r="MVQ40" s="920"/>
      <c r="MVR40" s="920"/>
      <c r="MVS40" s="920"/>
      <c r="MVT40" s="920"/>
      <c r="MVU40" s="920"/>
      <c r="MVV40" s="920"/>
      <c r="MVW40" s="920"/>
      <c r="MVX40" s="920"/>
      <c r="MVY40" s="920"/>
      <c r="MVZ40" s="920"/>
      <c r="MWA40" s="920"/>
      <c r="MWB40" s="920"/>
      <c r="MWC40" s="920"/>
      <c r="MWD40" s="920"/>
      <c r="MWE40" s="920"/>
      <c r="MWF40" s="920"/>
      <c r="MWG40" s="920"/>
      <c r="MWH40" s="920"/>
      <c r="MWI40" s="920"/>
      <c r="MWJ40" s="920"/>
      <c r="MWK40" s="920"/>
      <c r="MWL40" s="920"/>
      <c r="MWM40" s="920"/>
      <c r="MWN40" s="920"/>
      <c r="MWO40" s="920"/>
      <c r="MWP40" s="920"/>
      <c r="MWQ40" s="920"/>
      <c r="MWR40" s="920"/>
      <c r="MWS40" s="920"/>
      <c r="MWT40" s="920"/>
      <c r="MWU40" s="920"/>
      <c r="MWV40" s="920"/>
      <c r="MWW40" s="920"/>
      <c r="MWX40" s="920"/>
      <c r="MWY40" s="920"/>
      <c r="MWZ40" s="920"/>
      <c r="MXA40" s="920"/>
      <c r="MXB40" s="920"/>
      <c r="MXC40" s="920"/>
      <c r="MXD40" s="920"/>
      <c r="MXE40" s="920"/>
      <c r="MXF40" s="920"/>
      <c r="MXG40" s="920"/>
      <c r="MXH40" s="920"/>
      <c r="MXI40" s="920"/>
      <c r="MXJ40" s="920"/>
      <c r="MXK40" s="920"/>
      <c r="MXL40" s="920"/>
      <c r="MXM40" s="920"/>
      <c r="MXN40" s="920"/>
      <c r="MXO40" s="920"/>
      <c r="MXP40" s="920"/>
      <c r="MXQ40" s="920"/>
      <c r="MXR40" s="920"/>
      <c r="MXS40" s="920"/>
      <c r="MXT40" s="920"/>
      <c r="MXU40" s="920"/>
      <c r="MXV40" s="920"/>
      <c r="MXW40" s="920"/>
      <c r="MXX40" s="920"/>
      <c r="MXY40" s="920"/>
      <c r="MXZ40" s="920"/>
      <c r="MYA40" s="920"/>
      <c r="MYB40" s="920"/>
      <c r="MYC40" s="920"/>
      <c r="MYD40" s="920"/>
      <c r="MYE40" s="920"/>
      <c r="MYF40" s="920"/>
      <c r="MYG40" s="920"/>
      <c r="MYH40" s="920"/>
      <c r="MYI40" s="920"/>
      <c r="MYJ40" s="920"/>
      <c r="MYK40" s="920"/>
      <c r="MYL40" s="920"/>
      <c r="MYM40" s="920"/>
      <c r="MYN40" s="920"/>
      <c r="MYO40" s="920"/>
      <c r="MYP40" s="920"/>
      <c r="MYQ40" s="920"/>
      <c r="MYR40" s="920"/>
      <c r="MYS40" s="920"/>
      <c r="MYT40" s="920"/>
      <c r="MYU40" s="920"/>
      <c r="MYV40" s="920"/>
      <c r="MYW40" s="920"/>
      <c r="MYX40" s="920"/>
      <c r="MYY40" s="920"/>
      <c r="MYZ40" s="920"/>
      <c r="MZA40" s="920"/>
      <c r="MZB40" s="920"/>
      <c r="MZC40" s="920"/>
      <c r="MZD40" s="920"/>
      <c r="MZE40" s="920"/>
      <c r="MZF40" s="920"/>
      <c r="MZG40" s="920"/>
      <c r="MZH40" s="920"/>
      <c r="MZI40" s="920"/>
      <c r="MZJ40" s="920"/>
      <c r="MZK40" s="920"/>
      <c r="MZL40" s="920"/>
      <c r="MZM40" s="920"/>
      <c r="MZN40" s="920"/>
      <c r="MZO40" s="920"/>
      <c r="MZP40" s="920"/>
      <c r="MZQ40" s="920"/>
      <c r="MZR40" s="920"/>
      <c r="MZS40" s="920"/>
      <c r="MZT40" s="920"/>
      <c r="MZU40" s="920"/>
      <c r="MZV40" s="920"/>
      <c r="MZW40" s="920"/>
      <c r="MZX40" s="920"/>
      <c r="MZY40" s="920"/>
      <c r="MZZ40" s="920"/>
      <c r="NAA40" s="920"/>
      <c r="NAB40" s="920"/>
      <c r="NAC40" s="920"/>
      <c r="NAD40" s="920"/>
      <c r="NAE40" s="920"/>
      <c r="NAF40" s="920"/>
      <c r="NAG40" s="920"/>
      <c r="NAH40" s="920"/>
      <c r="NAI40" s="920"/>
      <c r="NAJ40" s="920"/>
      <c r="NAK40" s="920"/>
      <c r="NAL40" s="920"/>
      <c r="NAM40" s="920"/>
      <c r="NAN40" s="920"/>
      <c r="NAO40" s="920"/>
      <c r="NAP40" s="920"/>
      <c r="NAQ40" s="920"/>
      <c r="NAR40" s="920"/>
      <c r="NAS40" s="920"/>
      <c r="NAT40" s="920"/>
      <c r="NAU40" s="920"/>
      <c r="NAV40" s="920"/>
      <c r="NAW40" s="920"/>
      <c r="NAX40" s="920"/>
      <c r="NAY40" s="920"/>
      <c r="NAZ40" s="920"/>
      <c r="NBA40" s="920"/>
      <c r="NBB40" s="920"/>
      <c r="NBC40" s="920"/>
      <c r="NBD40" s="920"/>
      <c r="NBE40" s="920"/>
      <c r="NBF40" s="920"/>
      <c r="NBG40" s="920"/>
      <c r="NBH40" s="920"/>
      <c r="NBI40" s="920"/>
      <c r="NBJ40" s="920"/>
      <c r="NBK40" s="920"/>
      <c r="NBL40" s="920"/>
      <c r="NBM40" s="920"/>
      <c r="NBN40" s="920"/>
      <c r="NBO40" s="920"/>
      <c r="NBP40" s="920"/>
      <c r="NBQ40" s="920"/>
      <c r="NBR40" s="920"/>
      <c r="NBS40" s="920"/>
      <c r="NBT40" s="920"/>
      <c r="NBU40" s="920"/>
      <c r="NBV40" s="920"/>
      <c r="NBW40" s="920"/>
      <c r="NBX40" s="920"/>
      <c r="NBY40" s="920"/>
      <c r="NBZ40" s="920"/>
      <c r="NCA40" s="920"/>
      <c r="NCB40" s="920"/>
      <c r="NCC40" s="920"/>
      <c r="NCD40" s="920"/>
      <c r="NCE40" s="920"/>
      <c r="NCF40" s="920"/>
      <c r="NCG40" s="920"/>
      <c r="NCH40" s="920"/>
      <c r="NCI40" s="920"/>
      <c r="NCJ40" s="920"/>
      <c r="NCK40" s="920"/>
      <c r="NCL40" s="920"/>
      <c r="NCM40" s="920"/>
      <c r="NCN40" s="920"/>
      <c r="NCO40" s="920"/>
      <c r="NCP40" s="920"/>
      <c r="NCQ40" s="920"/>
      <c r="NCR40" s="920"/>
      <c r="NCS40" s="920"/>
      <c r="NCT40" s="920"/>
      <c r="NCU40" s="920"/>
      <c r="NCV40" s="920"/>
      <c r="NCW40" s="920"/>
      <c r="NCX40" s="920"/>
      <c r="NCY40" s="920"/>
      <c r="NCZ40" s="920"/>
      <c r="NDA40" s="920"/>
      <c r="NDB40" s="920"/>
      <c r="NDC40" s="920"/>
      <c r="NDD40" s="920"/>
      <c r="NDE40" s="920"/>
      <c r="NDF40" s="920"/>
      <c r="NDG40" s="920"/>
      <c r="NDH40" s="920"/>
      <c r="NDI40" s="920"/>
      <c r="NDJ40" s="920"/>
      <c r="NDK40" s="920"/>
      <c r="NDL40" s="920"/>
      <c r="NDM40" s="920"/>
      <c r="NDN40" s="920"/>
      <c r="NDO40" s="920"/>
      <c r="NDP40" s="920"/>
      <c r="NDQ40" s="920"/>
      <c r="NDR40" s="920"/>
      <c r="NDS40" s="920"/>
      <c r="NDT40" s="920"/>
      <c r="NDU40" s="920"/>
      <c r="NDV40" s="920"/>
      <c r="NDW40" s="920"/>
      <c r="NDX40" s="920"/>
      <c r="NDY40" s="920"/>
      <c r="NDZ40" s="920"/>
      <c r="NEA40" s="920"/>
      <c r="NEB40" s="920"/>
      <c r="NEC40" s="920"/>
      <c r="NED40" s="920"/>
      <c r="NEE40" s="920"/>
      <c r="NEF40" s="920"/>
      <c r="NEG40" s="920"/>
      <c r="NEH40" s="920"/>
      <c r="NEI40" s="920"/>
      <c r="NEJ40" s="920"/>
      <c r="NEK40" s="920"/>
      <c r="NEL40" s="920"/>
      <c r="NEM40" s="920"/>
      <c r="NEN40" s="920"/>
      <c r="NEO40" s="920"/>
      <c r="NEP40" s="920"/>
      <c r="NEQ40" s="920"/>
      <c r="NER40" s="920"/>
      <c r="NES40" s="920"/>
      <c r="NET40" s="920"/>
      <c r="NEU40" s="920"/>
      <c r="NEV40" s="920"/>
      <c r="NEW40" s="920"/>
      <c r="NEX40" s="920"/>
      <c r="NEY40" s="920"/>
      <c r="NEZ40" s="920"/>
      <c r="NFA40" s="920"/>
      <c r="NFB40" s="920"/>
      <c r="NFC40" s="920"/>
      <c r="NFD40" s="920"/>
      <c r="NFE40" s="920"/>
      <c r="NFF40" s="920"/>
      <c r="NFG40" s="920"/>
      <c r="NFH40" s="920"/>
      <c r="NFI40" s="920"/>
      <c r="NFJ40" s="920"/>
      <c r="NFK40" s="920"/>
      <c r="NFL40" s="920"/>
      <c r="NFM40" s="920"/>
      <c r="NFN40" s="920"/>
      <c r="NFO40" s="920"/>
      <c r="NFP40" s="920"/>
      <c r="NFQ40" s="920"/>
      <c r="NFR40" s="920"/>
      <c r="NFS40" s="920"/>
      <c r="NFT40" s="920"/>
      <c r="NFU40" s="920"/>
      <c r="NFV40" s="920"/>
      <c r="NFW40" s="920"/>
      <c r="NFX40" s="920"/>
      <c r="NFY40" s="920"/>
      <c r="NFZ40" s="920"/>
      <c r="NGA40" s="920"/>
      <c r="NGB40" s="920"/>
      <c r="NGC40" s="920"/>
      <c r="NGD40" s="920"/>
      <c r="NGE40" s="920"/>
      <c r="NGF40" s="920"/>
      <c r="NGG40" s="920"/>
      <c r="NGH40" s="920"/>
      <c r="NGI40" s="920"/>
      <c r="NGJ40" s="920"/>
      <c r="NGK40" s="920"/>
      <c r="NGL40" s="920"/>
      <c r="NGM40" s="920"/>
      <c r="NGN40" s="920"/>
      <c r="NGO40" s="920"/>
      <c r="NGP40" s="920"/>
      <c r="NGQ40" s="920"/>
      <c r="NGR40" s="920"/>
      <c r="NGS40" s="920"/>
      <c r="NGT40" s="920"/>
      <c r="NGU40" s="920"/>
      <c r="NGV40" s="920"/>
      <c r="NGW40" s="920"/>
      <c r="NGX40" s="920"/>
      <c r="NGY40" s="920"/>
      <c r="NGZ40" s="920"/>
      <c r="NHA40" s="920"/>
      <c r="NHB40" s="920"/>
      <c r="NHC40" s="920"/>
      <c r="NHD40" s="920"/>
      <c r="NHE40" s="920"/>
      <c r="NHF40" s="920"/>
      <c r="NHG40" s="920"/>
      <c r="NHH40" s="920"/>
      <c r="NHI40" s="920"/>
      <c r="NHJ40" s="920"/>
      <c r="NHK40" s="920"/>
      <c r="NHL40" s="920"/>
      <c r="NHM40" s="920"/>
      <c r="NHN40" s="920"/>
      <c r="NHO40" s="920"/>
      <c r="NHP40" s="920"/>
      <c r="NHQ40" s="920"/>
      <c r="NHR40" s="920"/>
      <c r="NHS40" s="920"/>
      <c r="NHT40" s="920"/>
      <c r="NHU40" s="920"/>
      <c r="NHV40" s="920"/>
      <c r="NHW40" s="920"/>
      <c r="NHX40" s="920"/>
      <c r="NHY40" s="920"/>
      <c r="NHZ40" s="920"/>
      <c r="NIA40" s="920"/>
      <c r="NIB40" s="920"/>
      <c r="NIC40" s="920"/>
      <c r="NID40" s="920"/>
      <c r="NIE40" s="920"/>
      <c r="NIF40" s="920"/>
      <c r="NIG40" s="920"/>
      <c r="NIH40" s="920"/>
      <c r="NII40" s="920"/>
      <c r="NIJ40" s="920"/>
      <c r="NIK40" s="920"/>
      <c r="NIL40" s="920"/>
      <c r="NIM40" s="920"/>
      <c r="NIN40" s="920"/>
      <c r="NIO40" s="920"/>
      <c r="NIP40" s="920"/>
      <c r="NIQ40" s="920"/>
      <c r="NIR40" s="920"/>
      <c r="NIS40" s="920"/>
      <c r="NIT40" s="920"/>
      <c r="NIU40" s="920"/>
      <c r="NIV40" s="920"/>
      <c r="NIW40" s="920"/>
      <c r="NIX40" s="920"/>
      <c r="NIY40" s="920"/>
      <c r="NIZ40" s="920"/>
      <c r="NJA40" s="920"/>
      <c r="NJB40" s="920"/>
      <c r="NJC40" s="920"/>
      <c r="NJD40" s="920"/>
      <c r="NJE40" s="920"/>
      <c r="NJF40" s="920"/>
      <c r="NJG40" s="920"/>
      <c r="NJH40" s="920"/>
      <c r="NJI40" s="920"/>
      <c r="NJJ40" s="920"/>
      <c r="NJK40" s="920"/>
      <c r="NJL40" s="920"/>
      <c r="NJM40" s="920"/>
      <c r="NJN40" s="920"/>
      <c r="NJO40" s="920"/>
      <c r="NJP40" s="920"/>
      <c r="NJQ40" s="920"/>
      <c r="NJR40" s="920"/>
      <c r="NJS40" s="920"/>
      <c r="NJT40" s="920"/>
      <c r="NJU40" s="920"/>
      <c r="NJV40" s="920"/>
      <c r="NJW40" s="920"/>
      <c r="NJX40" s="920"/>
      <c r="NJY40" s="920"/>
      <c r="NJZ40" s="920"/>
      <c r="NKA40" s="920"/>
      <c r="NKB40" s="920"/>
      <c r="NKC40" s="920"/>
      <c r="NKD40" s="920"/>
      <c r="NKE40" s="920"/>
      <c r="NKF40" s="920"/>
      <c r="NKG40" s="920"/>
      <c r="NKH40" s="920"/>
      <c r="NKI40" s="920"/>
      <c r="NKJ40" s="920"/>
      <c r="NKK40" s="920"/>
      <c r="NKL40" s="920"/>
      <c r="NKM40" s="920"/>
      <c r="NKN40" s="920"/>
      <c r="NKO40" s="920"/>
      <c r="NKP40" s="920"/>
      <c r="NKQ40" s="920"/>
      <c r="NKR40" s="920"/>
      <c r="NKS40" s="920"/>
      <c r="NKT40" s="920"/>
      <c r="NKU40" s="920"/>
      <c r="NKV40" s="920"/>
      <c r="NKW40" s="920"/>
      <c r="NKX40" s="920"/>
      <c r="NKY40" s="920"/>
      <c r="NKZ40" s="920"/>
      <c r="NLA40" s="920"/>
      <c r="NLB40" s="920"/>
      <c r="NLC40" s="920"/>
      <c r="NLD40" s="920"/>
      <c r="NLE40" s="920"/>
      <c r="NLF40" s="920"/>
      <c r="NLG40" s="920"/>
      <c r="NLH40" s="920"/>
      <c r="NLI40" s="920"/>
      <c r="NLJ40" s="920"/>
      <c r="NLK40" s="920"/>
      <c r="NLL40" s="920"/>
      <c r="NLM40" s="920"/>
      <c r="NLN40" s="920"/>
      <c r="NLO40" s="920"/>
      <c r="NLP40" s="920"/>
      <c r="NLQ40" s="920"/>
      <c r="NLR40" s="920"/>
      <c r="NLS40" s="920"/>
      <c r="NLT40" s="920"/>
      <c r="NLU40" s="920"/>
      <c r="NLV40" s="920"/>
      <c r="NLW40" s="920"/>
      <c r="NLX40" s="920"/>
      <c r="NLY40" s="920"/>
      <c r="NLZ40" s="920"/>
      <c r="NMA40" s="920"/>
      <c r="NMB40" s="920"/>
      <c r="NMC40" s="920"/>
      <c r="NMD40" s="920"/>
      <c r="NME40" s="920"/>
      <c r="NMF40" s="920"/>
      <c r="NMG40" s="920"/>
      <c r="NMH40" s="920"/>
      <c r="NMI40" s="920"/>
      <c r="NMJ40" s="920"/>
      <c r="NMK40" s="920"/>
      <c r="NML40" s="920"/>
      <c r="NMM40" s="920"/>
      <c r="NMN40" s="920"/>
      <c r="NMO40" s="920"/>
      <c r="NMP40" s="920"/>
      <c r="NMQ40" s="920"/>
      <c r="NMR40" s="920"/>
      <c r="NMS40" s="920"/>
      <c r="NMT40" s="920"/>
      <c r="NMU40" s="920"/>
      <c r="NMV40" s="920"/>
      <c r="NMW40" s="920"/>
      <c r="NMX40" s="920"/>
      <c r="NMY40" s="920"/>
      <c r="NMZ40" s="920"/>
      <c r="NNA40" s="920"/>
      <c r="NNB40" s="920"/>
      <c r="NNC40" s="920"/>
      <c r="NND40" s="920"/>
      <c r="NNE40" s="920"/>
      <c r="NNF40" s="920"/>
      <c r="NNG40" s="920"/>
      <c r="NNH40" s="920"/>
      <c r="NNI40" s="920"/>
      <c r="NNJ40" s="920"/>
      <c r="NNK40" s="920"/>
      <c r="NNL40" s="920"/>
      <c r="NNM40" s="920"/>
      <c r="NNN40" s="920"/>
      <c r="NNO40" s="920"/>
      <c r="NNP40" s="920"/>
      <c r="NNQ40" s="920"/>
      <c r="NNR40" s="920"/>
      <c r="NNS40" s="920"/>
      <c r="NNT40" s="920"/>
      <c r="NNU40" s="920"/>
      <c r="NNV40" s="920"/>
      <c r="NNW40" s="920"/>
      <c r="NNX40" s="920"/>
      <c r="NNY40" s="920"/>
      <c r="NNZ40" s="920"/>
      <c r="NOA40" s="920"/>
      <c r="NOB40" s="920"/>
      <c r="NOC40" s="920"/>
      <c r="NOD40" s="920"/>
      <c r="NOE40" s="920"/>
      <c r="NOF40" s="920"/>
      <c r="NOG40" s="920"/>
      <c r="NOH40" s="920"/>
      <c r="NOI40" s="920"/>
      <c r="NOJ40" s="920"/>
      <c r="NOK40" s="920"/>
      <c r="NOL40" s="920"/>
      <c r="NOM40" s="920"/>
      <c r="NON40" s="920"/>
      <c r="NOO40" s="920"/>
      <c r="NOP40" s="920"/>
      <c r="NOQ40" s="920"/>
      <c r="NOR40" s="920"/>
      <c r="NOS40" s="920"/>
      <c r="NOT40" s="920"/>
      <c r="NOU40" s="920"/>
      <c r="NOV40" s="920"/>
      <c r="NOW40" s="920"/>
      <c r="NOX40" s="920"/>
      <c r="NOY40" s="920"/>
      <c r="NOZ40" s="920"/>
      <c r="NPA40" s="920"/>
      <c r="NPB40" s="920"/>
      <c r="NPC40" s="920"/>
      <c r="NPD40" s="920"/>
      <c r="NPE40" s="920"/>
      <c r="NPF40" s="920"/>
      <c r="NPG40" s="920"/>
      <c r="NPH40" s="920"/>
      <c r="NPI40" s="920"/>
      <c r="NPJ40" s="920"/>
      <c r="NPK40" s="920"/>
      <c r="NPL40" s="920"/>
      <c r="NPM40" s="920"/>
      <c r="NPN40" s="920"/>
      <c r="NPO40" s="920"/>
      <c r="NPP40" s="920"/>
      <c r="NPQ40" s="920"/>
      <c r="NPR40" s="920"/>
      <c r="NPS40" s="920"/>
      <c r="NPT40" s="920"/>
      <c r="NPU40" s="920"/>
      <c r="NPV40" s="920"/>
      <c r="NPW40" s="920"/>
      <c r="NPX40" s="920"/>
      <c r="NPY40" s="920"/>
      <c r="NPZ40" s="920"/>
      <c r="NQA40" s="920"/>
      <c r="NQB40" s="920"/>
      <c r="NQC40" s="920"/>
      <c r="NQD40" s="920"/>
      <c r="NQE40" s="920"/>
      <c r="NQF40" s="920"/>
      <c r="NQG40" s="920"/>
      <c r="NQH40" s="920"/>
      <c r="NQI40" s="920"/>
      <c r="NQJ40" s="920"/>
      <c r="NQK40" s="920"/>
      <c r="NQL40" s="920"/>
      <c r="NQM40" s="920"/>
      <c r="NQN40" s="920"/>
      <c r="NQO40" s="920"/>
      <c r="NQP40" s="920"/>
      <c r="NQQ40" s="920"/>
      <c r="NQR40" s="920"/>
      <c r="NQS40" s="920"/>
      <c r="NQT40" s="920"/>
      <c r="NQU40" s="920"/>
      <c r="NQV40" s="920"/>
      <c r="NQW40" s="920"/>
      <c r="NQX40" s="920"/>
      <c r="NQY40" s="920"/>
      <c r="NQZ40" s="920"/>
      <c r="NRA40" s="920"/>
      <c r="NRB40" s="920"/>
      <c r="NRC40" s="920"/>
      <c r="NRD40" s="920"/>
      <c r="NRE40" s="920"/>
      <c r="NRF40" s="920"/>
      <c r="NRG40" s="920"/>
      <c r="NRH40" s="920"/>
      <c r="NRI40" s="920"/>
      <c r="NRJ40" s="920"/>
      <c r="NRK40" s="920"/>
      <c r="NRL40" s="920"/>
      <c r="NRM40" s="920"/>
      <c r="NRN40" s="920"/>
      <c r="NRO40" s="920"/>
      <c r="NRP40" s="920"/>
      <c r="NRQ40" s="920"/>
      <c r="NRR40" s="920"/>
      <c r="NRS40" s="920"/>
      <c r="NRT40" s="920"/>
      <c r="NRU40" s="920"/>
      <c r="NRV40" s="920"/>
      <c r="NRW40" s="920"/>
      <c r="NRX40" s="920"/>
      <c r="NRY40" s="920"/>
      <c r="NRZ40" s="920"/>
      <c r="NSA40" s="920"/>
      <c r="NSB40" s="920"/>
      <c r="NSC40" s="920"/>
      <c r="NSD40" s="920"/>
      <c r="NSE40" s="920"/>
      <c r="NSF40" s="920"/>
      <c r="NSG40" s="920"/>
      <c r="NSH40" s="920"/>
      <c r="NSI40" s="920"/>
      <c r="NSJ40" s="920"/>
      <c r="NSK40" s="920"/>
      <c r="NSL40" s="920"/>
      <c r="NSM40" s="920"/>
      <c r="NSN40" s="920"/>
      <c r="NSO40" s="920"/>
      <c r="NSP40" s="920"/>
      <c r="NSQ40" s="920"/>
      <c r="NSR40" s="920"/>
      <c r="NSS40" s="920"/>
      <c r="NST40" s="920"/>
      <c r="NSU40" s="920"/>
      <c r="NSV40" s="920"/>
      <c r="NSW40" s="920"/>
      <c r="NSX40" s="920"/>
      <c r="NSY40" s="920"/>
      <c r="NSZ40" s="920"/>
      <c r="NTA40" s="920"/>
      <c r="NTB40" s="920"/>
      <c r="NTC40" s="920"/>
      <c r="NTD40" s="920"/>
      <c r="NTE40" s="920"/>
      <c r="NTF40" s="920"/>
      <c r="NTG40" s="920"/>
      <c r="NTH40" s="920"/>
      <c r="NTI40" s="920"/>
      <c r="NTJ40" s="920"/>
      <c r="NTK40" s="920"/>
      <c r="NTL40" s="920"/>
      <c r="NTM40" s="920"/>
      <c r="NTN40" s="920"/>
      <c r="NTO40" s="920"/>
      <c r="NTP40" s="920"/>
      <c r="NTQ40" s="920"/>
      <c r="NTR40" s="920"/>
      <c r="NTS40" s="920"/>
      <c r="NTT40" s="920"/>
      <c r="NTU40" s="920"/>
      <c r="NTV40" s="920"/>
      <c r="NTW40" s="920"/>
      <c r="NTX40" s="920"/>
      <c r="NTY40" s="920"/>
      <c r="NTZ40" s="920"/>
      <c r="NUA40" s="920"/>
      <c r="NUB40" s="920"/>
      <c r="NUC40" s="920"/>
      <c r="NUD40" s="920"/>
      <c r="NUE40" s="920"/>
      <c r="NUF40" s="920"/>
      <c r="NUG40" s="920"/>
      <c r="NUH40" s="920"/>
      <c r="NUI40" s="920"/>
      <c r="NUJ40" s="920"/>
      <c r="NUK40" s="920"/>
      <c r="NUL40" s="920"/>
      <c r="NUM40" s="920"/>
      <c r="NUN40" s="920"/>
      <c r="NUO40" s="920"/>
      <c r="NUP40" s="920"/>
      <c r="NUQ40" s="920"/>
      <c r="NUR40" s="920"/>
      <c r="NUS40" s="920"/>
      <c r="NUT40" s="920"/>
      <c r="NUU40" s="920"/>
      <c r="NUV40" s="920"/>
      <c r="NUW40" s="920"/>
      <c r="NUX40" s="920"/>
      <c r="NUY40" s="920"/>
      <c r="NUZ40" s="920"/>
      <c r="NVA40" s="920"/>
      <c r="NVB40" s="920"/>
      <c r="NVC40" s="920"/>
      <c r="NVD40" s="920"/>
      <c r="NVE40" s="920"/>
      <c r="NVF40" s="920"/>
      <c r="NVG40" s="920"/>
      <c r="NVH40" s="920"/>
      <c r="NVI40" s="920"/>
      <c r="NVJ40" s="920"/>
      <c r="NVK40" s="920"/>
      <c r="NVL40" s="920"/>
      <c r="NVM40" s="920"/>
      <c r="NVN40" s="920"/>
      <c r="NVO40" s="920"/>
      <c r="NVP40" s="920"/>
      <c r="NVQ40" s="920"/>
      <c r="NVR40" s="920"/>
      <c r="NVS40" s="920"/>
      <c r="NVT40" s="920"/>
      <c r="NVU40" s="920"/>
      <c r="NVV40" s="920"/>
      <c r="NVW40" s="920"/>
      <c r="NVX40" s="920"/>
      <c r="NVY40" s="920"/>
      <c r="NVZ40" s="920"/>
      <c r="NWA40" s="920"/>
      <c r="NWB40" s="920"/>
      <c r="NWC40" s="920"/>
      <c r="NWD40" s="920"/>
      <c r="NWE40" s="920"/>
      <c r="NWF40" s="920"/>
      <c r="NWG40" s="920"/>
      <c r="NWH40" s="920"/>
      <c r="NWI40" s="920"/>
      <c r="NWJ40" s="920"/>
      <c r="NWK40" s="920"/>
      <c r="NWL40" s="920"/>
      <c r="NWM40" s="920"/>
      <c r="NWN40" s="920"/>
      <c r="NWO40" s="920"/>
      <c r="NWP40" s="920"/>
      <c r="NWQ40" s="920"/>
      <c r="NWR40" s="920"/>
      <c r="NWS40" s="920"/>
      <c r="NWT40" s="920"/>
      <c r="NWU40" s="920"/>
      <c r="NWV40" s="920"/>
      <c r="NWW40" s="920"/>
      <c r="NWX40" s="920"/>
      <c r="NWY40" s="920"/>
      <c r="NWZ40" s="920"/>
      <c r="NXA40" s="920"/>
      <c r="NXB40" s="920"/>
      <c r="NXC40" s="920"/>
      <c r="NXD40" s="920"/>
      <c r="NXE40" s="920"/>
      <c r="NXF40" s="920"/>
      <c r="NXG40" s="920"/>
      <c r="NXH40" s="920"/>
      <c r="NXI40" s="920"/>
      <c r="NXJ40" s="920"/>
      <c r="NXK40" s="920"/>
      <c r="NXL40" s="920"/>
      <c r="NXM40" s="920"/>
      <c r="NXN40" s="920"/>
      <c r="NXO40" s="920"/>
      <c r="NXP40" s="920"/>
      <c r="NXQ40" s="920"/>
      <c r="NXR40" s="920"/>
      <c r="NXS40" s="920"/>
      <c r="NXT40" s="920"/>
      <c r="NXU40" s="920"/>
      <c r="NXV40" s="920"/>
      <c r="NXW40" s="920"/>
      <c r="NXX40" s="920"/>
      <c r="NXY40" s="920"/>
      <c r="NXZ40" s="920"/>
      <c r="NYA40" s="920"/>
      <c r="NYB40" s="920"/>
      <c r="NYC40" s="920"/>
      <c r="NYD40" s="920"/>
      <c r="NYE40" s="920"/>
      <c r="NYF40" s="920"/>
      <c r="NYG40" s="920"/>
      <c r="NYH40" s="920"/>
      <c r="NYI40" s="920"/>
      <c r="NYJ40" s="920"/>
      <c r="NYK40" s="920"/>
      <c r="NYL40" s="920"/>
      <c r="NYM40" s="920"/>
      <c r="NYN40" s="920"/>
      <c r="NYO40" s="920"/>
      <c r="NYP40" s="920"/>
      <c r="NYQ40" s="920"/>
      <c r="NYR40" s="920"/>
      <c r="NYS40" s="920"/>
      <c r="NYT40" s="920"/>
      <c r="NYU40" s="920"/>
      <c r="NYV40" s="920"/>
      <c r="NYW40" s="920"/>
      <c r="NYX40" s="920"/>
      <c r="NYY40" s="920"/>
      <c r="NYZ40" s="920"/>
      <c r="NZA40" s="920"/>
      <c r="NZB40" s="920"/>
      <c r="NZC40" s="920"/>
      <c r="NZD40" s="920"/>
      <c r="NZE40" s="920"/>
      <c r="NZF40" s="920"/>
      <c r="NZG40" s="920"/>
      <c r="NZH40" s="920"/>
      <c r="NZI40" s="920"/>
      <c r="NZJ40" s="920"/>
      <c r="NZK40" s="920"/>
      <c r="NZL40" s="920"/>
      <c r="NZM40" s="920"/>
      <c r="NZN40" s="920"/>
      <c r="NZO40" s="920"/>
      <c r="NZP40" s="920"/>
      <c r="NZQ40" s="920"/>
      <c r="NZR40" s="920"/>
      <c r="NZS40" s="920"/>
      <c r="NZT40" s="920"/>
      <c r="NZU40" s="920"/>
      <c r="NZV40" s="920"/>
      <c r="NZW40" s="920"/>
      <c r="NZX40" s="920"/>
      <c r="NZY40" s="920"/>
      <c r="NZZ40" s="920"/>
      <c r="OAA40" s="920"/>
      <c r="OAB40" s="920"/>
      <c r="OAC40" s="920"/>
      <c r="OAD40" s="920"/>
      <c r="OAE40" s="920"/>
      <c r="OAF40" s="920"/>
      <c r="OAG40" s="920"/>
      <c r="OAH40" s="920"/>
      <c r="OAI40" s="920"/>
      <c r="OAJ40" s="920"/>
      <c r="OAK40" s="920"/>
      <c r="OAL40" s="920"/>
      <c r="OAM40" s="920"/>
      <c r="OAN40" s="920"/>
      <c r="OAO40" s="920"/>
      <c r="OAP40" s="920"/>
      <c r="OAQ40" s="920"/>
      <c r="OAR40" s="920"/>
      <c r="OAS40" s="920"/>
      <c r="OAT40" s="920"/>
      <c r="OAU40" s="920"/>
      <c r="OAV40" s="920"/>
      <c r="OAW40" s="920"/>
      <c r="OAX40" s="920"/>
      <c r="OAY40" s="920"/>
      <c r="OAZ40" s="920"/>
      <c r="OBA40" s="920"/>
      <c r="OBB40" s="920"/>
      <c r="OBC40" s="920"/>
      <c r="OBD40" s="920"/>
      <c r="OBE40" s="920"/>
      <c r="OBF40" s="920"/>
      <c r="OBG40" s="920"/>
      <c r="OBH40" s="920"/>
      <c r="OBI40" s="920"/>
      <c r="OBJ40" s="920"/>
      <c r="OBK40" s="920"/>
      <c r="OBL40" s="920"/>
      <c r="OBM40" s="920"/>
      <c r="OBN40" s="920"/>
      <c r="OBO40" s="920"/>
      <c r="OBP40" s="920"/>
      <c r="OBQ40" s="920"/>
      <c r="OBR40" s="920"/>
      <c r="OBS40" s="920"/>
      <c r="OBT40" s="920"/>
      <c r="OBU40" s="920"/>
      <c r="OBV40" s="920"/>
      <c r="OBW40" s="920"/>
      <c r="OBX40" s="920"/>
      <c r="OBY40" s="920"/>
      <c r="OBZ40" s="920"/>
      <c r="OCA40" s="920"/>
      <c r="OCB40" s="920"/>
      <c r="OCC40" s="920"/>
      <c r="OCD40" s="920"/>
      <c r="OCE40" s="920"/>
      <c r="OCF40" s="920"/>
      <c r="OCG40" s="920"/>
      <c r="OCH40" s="920"/>
      <c r="OCI40" s="920"/>
      <c r="OCJ40" s="920"/>
      <c r="OCK40" s="920"/>
      <c r="OCL40" s="920"/>
      <c r="OCM40" s="920"/>
      <c r="OCN40" s="920"/>
      <c r="OCO40" s="920"/>
      <c r="OCP40" s="920"/>
      <c r="OCQ40" s="920"/>
      <c r="OCR40" s="920"/>
      <c r="OCS40" s="920"/>
      <c r="OCT40" s="920"/>
      <c r="OCU40" s="920"/>
      <c r="OCV40" s="920"/>
      <c r="OCW40" s="920"/>
      <c r="OCX40" s="920"/>
      <c r="OCY40" s="920"/>
      <c r="OCZ40" s="920"/>
      <c r="ODA40" s="920"/>
      <c r="ODB40" s="920"/>
      <c r="ODC40" s="920"/>
      <c r="ODD40" s="920"/>
      <c r="ODE40" s="920"/>
      <c r="ODF40" s="920"/>
      <c r="ODG40" s="920"/>
      <c r="ODH40" s="920"/>
      <c r="ODI40" s="920"/>
      <c r="ODJ40" s="920"/>
      <c r="ODK40" s="920"/>
      <c r="ODL40" s="920"/>
      <c r="ODM40" s="920"/>
      <c r="ODN40" s="920"/>
      <c r="ODO40" s="920"/>
      <c r="ODP40" s="920"/>
      <c r="ODQ40" s="920"/>
      <c r="ODR40" s="920"/>
      <c r="ODS40" s="920"/>
      <c r="ODT40" s="920"/>
      <c r="ODU40" s="920"/>
      <c r="ODV40" s="920"/>
      <c r="ODW40" s="920"/>
      <c r="ODX40" s="920"/>
      <c r="ODY40" s="920"/>
      <c r="ODZ40" s="920"/>
      <c r="OEA40" s="920"/>
      <c r="OEB40" s="920"/>
      <c r="OEC40" s="920"/>
      <c r="OED40" s="920"/>
      <c r="OEE40" s="920"/>
      <c r="OEF40" s="920"/>
      <c r="OEG40" s="920"/>
      <c r="OEH40" s="920"/>
      <c r="OEI40" s="920"/>
      <c r="OEJ40" s="920"/>
      <c r="OEK40" s="920"/>
      <c r="OEL40" s="920"/>
      <c r="OEM40" s="920"/>
      <c r="OEN40" s="920"/>
      <c r="OEO40" s="920"/>
      <c r="OEP40" s="920"/>
      <c r="OEQ40" s="920"/>
      <c r="OER40" s="920"/>
      <c r="OES40" s="920"/>
      <c r="OET40" s="920"/>
      <c r="OEU40" s="920"/>
      <c r="OEV40" s="920"/>
      <c r="OEW40" s="920"/>
      <c r="OEX40" s="920"/>
      <c r="OEY40" s="920"/>
      <c r="OEZ40" s="920"/>
      <c r="OFA40" s="920"/>
      <c r="OFB40" s="920"/>
      <c r="OFC40" s="920"/>
      <c r="OFD40" s="920"/>
      <c r="OFE40" s="920"/>
      <c r="OFF40" s="920"/>
      <c r="OFG40" s="920"/>
      <c r="OFH40" s="920"/>
      <c r="OFI40" s="920"/>
      <c r="OFJ40" s="920"/>
      <c r="OFK40" s="920"/>
      <c r="OFL40" s="920"/>
      <c r="OFM40" s="920"/>
      <c r="OFN40" s="920"/>
      <c r="OFO40" s="920"/>
      <c r="OFP40" s="920"/>
      <c r="OFQ40" s="920"/>
      <c r="OFR40" s="920"/>
      <c r="OFS40" s="920"/>
      <c r="OFT40" s="920"/>
      <c r="OFU40" s="920"/>
      <c r="OFV40" s="920"/>
      <c r="OFW40" s="920"/>
      <c r="OFX40" s="920"/>
      <c r="OFY40" s="920"/>
      <c r="OFZ40" s="920"/>
      <c r="OGA40" s="920"/>
      <c r="OGB40" s="920"/>
      <c r="OGC40" s="920"/>
      <c r="OGD40" s="920"/>
      <c r="OGE40" s="920"/>
      <c r="OGF40" s="920"/>
      <c r="OGG40" s="920"/>
      <c r="OGH40" s="920"/>
      <c r="OGI40" s="920"/>
      <c r="OGJ40" s="920"/>
      <c r="OGK40" s="920"/>
      <c r="OGL40" s="920"/>
      <c r="OGM40" s="920"/>
      <c r="OGN40" s="920"/>
      <c r="OGO40" s="920"/>
      <c r="OGP40" s="920"/>
      <c r="OGQ40" s="920"/>
      <c r="OGR40" s="920"/>
      <c r="OGS40" s="920"/>
      <c r="OGT40" s="920"/>
      <c r="OGU40" s="920"/>
      <c r="OGV40" s="920"/>
      <c r="OGW40" s="920"/>
      <c r="OGX40" s="920"/>
      <c r="OGY40" s="920"/>
      <c r="OGZ40" s="920"/>
      <c r="OHA40" s="920"/>
      <c r="OHB40" s="920"/>
      <c r="OHC40" s="920"/>
      <c r="OHD40" s="920"/>
      <c r="OHE40" s="920"/>
      <c r="OHF40" s="920"/>
      <c r="OHG40" s="920"/>
      <c r="OHH40" s="920"/>
      <c r="OHI40" s="920"/>
      <c r="OHJ40" s="920"/>
      <c r="OHK40" s="920"/>
      <c r="OHL40" s="920"/>
      <c r="OHM40" s="920"/>
      <c r="OHN40" s="920"/>
      <c r="OHO40" s="920"/>
      <c r="OHP40" s="920"/>
      <c r="OHQ40" s="920"/>
      <c r="OHR40" s="920"/>
      <c r="OHS40" s="920"/>
      <c r="OHT40" s="920"/>
      <c r="OHU40" s="920"/>
      <c r="OHV40" s="920"/>
      <c r="OHW40" s="920"/>
      <c r="OHX40" s="920"/>
      <c r="OHY40" s="920"/>
      <c r="OHZ40" s="920"/>
      <c r="OIA40" s="920"/>
      <c r="OIB40" s="920"/>
      <c r="OIC40" s="920"/>
      <c r="OID40" s="920"/>
      <c r="OIE40" s="920"/>
      <c r="OIF40" s="920"/>
      <c r="OIG40" s="920"/>
      <c r="OIH40" s="920"/>
      <c r="OII40" s="920"/>
      <c r="OIJ40" s="920"/>
      <c r="OIK40" s="920"/>
      <c r="OIL40" s="920"/>
      <c r="OIM40" s="920"/>
      <c r="OIN40" s="920"/>
      <c r="OIO40" s="920"/>
      <c r="OIP40" s="920"/>
      <c r="OIQ40" s="920"/>
      <c r="OIR40" s="920"/>
      <c r="OIS40" s="920"/>
      <c r="OIT40" s="920"/>
      <c r="OIU40" s="920"/>
      <c r="OIV40" s="920"/>
      <c r="OIW40" s="920"/>
      <c r="OIX40" s="920"/>
      <c r="OIY40" s="920"/>
      <c r="OIZ40" s="920"/>
      <c r="OJA40" s="920"/>
      <c r="OJB40" s="920"/>
      <c r="OJC40" s="920"/>
      <c r="OJD40" s="920"/>
      <c r="OJE40" s="920"/>
      <c r="OJF40" s="920"/>
      <c r="OJG40" s="920"/>
      <c r="OJH40" s="920"/>
      <c r="OJI40" s="920"/>
      <c r="OJJ40" s="920"/>
      <c r="OJK40" s="920"/>
      <c r="OJL40" s="920"/>
      <c r="OJM40" s="920"/>
      <c r="OJN40" s="920"/>
      <c r="OJO40" s="920"/>
      <c r="OJP40" s="920"/>
      <c r="OJQ40" s="920"/>
      <c r="OJR40" s="920"/>
      <c r="OJS40" s="920"/>
      <c r="OJT40" s="920"/>
      <c r="OJU40" s="920"/>
      <c r="OJV40" s="920"/>
      <c r="OJW40" s="920"/>
      <c r="OJX40" s="920"/>
      <c r="OJY40" s="920"/>
      <c r="OJZ40" s="920"/>
      <c r="OKA40" s="920"/>
      <c r="OKB40" s="920"/>
      <c r="OKC40" s="920"/>
      <c r="OKD40" s="920"/>
      <c r="OKE40" s="920"/>
      <c r="OKF40" s="920"/>
      <c r="OKG40" s="920"/>
      <c r="OKH40" s="920"/>
      <c r="OKI40" s="920"/>
      <c r="OKJ40" s="920"/>
      <c r="OKK40" s="920"/>
      <c r="OKL40" s="920"/>
      <c r="OKM40" s="920"/>
      <c r="OKN40" s="920"/>
      <c r="OKO40" s="920"/>
      <c r="OKP40" s="920"/>
      <c r="OKQ40" s="920"/>
      <c r="OKR40" s="920"/>
      <c r="OKS40" s="920"/>
      <c r="OKT40" s="920"/>
      <c r="OKU40" s="920"/>
      <c r="OKV40" s="920"/>
      <c r="OKW40" s="920"/>
      <c r="OKX40" s="920"/>
      <c r="OKY40" s="920"/>
      <c r="OKZ40" s="920"/>
      <c r="OLA40" s="920"/>
      <c r="OLB40" s="920"/>
      <c r="OLC40" s="920"/>
      <c r="OLD40" s="920"/>
      <c r="OLE40" s="920"/>
      <c r="OLF40" s="920"/>
      <c r="OLG40" s="920"/>
      <c r="OLH40" s="920"/>
      <c r="OLI40" s="920"/>
      <c r="OLJ40" s="920"/>
      <c r="OLK40" s="920"/>
      <c r="OLL40" s="920"/>
      <c r="OLM40" s="920"/>
      <c r="OLN40" s="920"/>
      <c r="OLO40" s="920"/>
      <c r="OLP40" s="920"/>
      <c r="OLQ40" s="920"/>
      <c r="OLR40" s="920"/>
      <c r="OLS40" s="920"/>
      <c r="OLT40" s="920"/>
      <c r="OLU40" s="920"/>
      <c r="OLV40" s="920"/>
      <c r="OLW40" s="920"/>
      <c r="OLX40" s="920"/>
      <c r="OLY40" s="920"/>
      <c r="OLZ40" s="920"/>
      <c r="OMA40" s="920"/>
      <c r="OMB40" s="920"/>
      <c r="OMC40" s="920"/>
      <c r="OMD40" s="920"/>
      <c r="OME40" s="920"/>
      <c r="OMF40" s="920"/>
      <c r="OMG40" s="920"/>
      <c r="OMH40" s="920"/>
      <c r="OMI40" s="920"/>
      <c r="OMJ40" s="920"/>
      <c r="OMK40" s="920"/>
      <c r="OML40" s="920"/>
      <c r="OMM40" s="920"/>
      <c r="OMN40" s="920"/>
      <c r="OMO40" s="920"/>
      <c r="OMP40" s="920"/>
      <c r="OMQ40" s="920"/>
      <c r="OMR40" s="920"/>
      <c r="OMS40" s="920"/>
      <c r="OMT40" s="920"/>
      <c r="OMU40" s="920"/>
      <c r="OMV40" s="920"/>
      <c r="OMW40" s="920"/>
      <c r="OMX40" s="920"/>
      <c r="OMY40" s="920"/>
      <c r="OMZ40" s="920"/>
      <c r="ONA40" s="920"/>
      <c r="ONB40" s="920"/>
      <c r="ONC40" s="920"/>
      <c r="OND40" s="920"/>
      <c r="ONE40" s="920"/>
      <c r="ONF40" s="920"/>
      <c r="ONG40" s="920"/>
      <c r="ONH40" s="920"/>
      <c r="ONI40" s="920"/>
      <c r="ONJ40" s="920"/>
      <c r="ONK40" s="920"/>
      <c r="ONL40" s="920"/>
      <c r="ONM40" s="920"/>
      <c r="ONN40" s="920"/>
      <c r="ONO40" s="920"/>
      <c r="ONP40" s="920"/>
      <c r="ONQ40" s="920"/>
      <c r="ONR40" s="920"/>
      <c r="ONS40" s="920"/>
      <c r="ONT40" s="920"/>
      <c r="ONU40" s="920"/>
      <c r="ONV40" s="920"/>
      <c r="ONW40" s="920"/>
      <c r="ONX40" s="920"/>
      <c r="ONY40" s="920"/>
      <c r="ONZ40" s="920"/>
      <c r="OOA40" s="920"/>
      <c r="OOB40" s="920"/>
      <c r="OOC40" s="920"/>
      <c r="OOD40" s="920"/>
      <c r="OOE40" s="920"/>
      <c r="OOF40" s="920"/>
      <c r="OOG40" s="920"/>
      <c r="OOH40" s="920"/>
      <c r="OOI40" s="920"/>
      <c r="OOJ40" s="920"/>
      <c r="OOK40" s="920"/>
      <c r="OOL40" s="920"/>
      <c r="OOM40" s="920"/>
      <c r="OON40" s="920"/>
      <c r="OOO40" s="920"/>
      <c r="OOP40" s="920"/>
      <c r="OOQ40" s="920"/>
      <c r="OOR40" s="920"/>
      <c r="OOS40" s="920"/>
      <c r="OOT40" s="920"/>
      <c r="OOU40" s="920"/>
      <c r="OOV40" s="920"/>
      <c r="OOW40" s="920"/>
      <c r="OOX40" s="920"/>
      <c r="OOY40" s="920"/>
      <c r="OOZ40" s="920"/>
      <c r="OPA40" s="920"/>
      <c r="OPB40" s="920"/>
      <c r="OPC40" s="920"/>
      <c r="OPD40" s="920"/>
      <c r="OPE40" s="920"/>
      <c r="OPF40" s="920"/>
      <c r="OPG40" s="920"/>
      <c r="OPH40" s="920"/>
      <c r="OPI40" s="920"/>
      <c r="OPJ40" s="920"/>
      <c r="OPK40" s="920"/>
      <c r="OPL40" s="920"/>
      <c r="OPM40" s="920"/>
      <c r="OPN40" s="920"/>
      <c r="OPO40" s="920"/>
      <c r="OPP40" s="920"/>
      <c r="OPQ40" s="920"/>
      <c r="OPR40" s="920"/>
      <c r="OPS40" s="920"/>
      <c r="OPT40" s="920"/>
      <c r="OPU40" s="920"/>
      <c r="OPV40" s="920"/>
      <c r="OPW40" s="920"/>
      <c r="OPX40" s="920"/>
      <c r="OPY40" s="920"/>
      <c r="OPZ40" s="920"/>
      <c r="OQA40" s="920"/>
      <c r="OQB40" s="920"/>
      <c r="OQC40" s="920"/>
      <c r="OQD40" s="920"/>
      <c r="OQE40" s="920"/>
      <c r="OQF40" s="920"/>
      <c r="OQG40" s="920"/>
      <c r="OQH40" s="920"/>
      <c r="OQI40" s="920"/>
      <c r="OQJ40" s="920"/>
      <c r="OQK40" s="920"/>
      <c r="OQL40" s="920"/>
      <c r="OQM40" s="920"/>
      <c r="OQN40" s="920"/>
      <c r="OQO40" s="920"/>
      <c r="OQP40" s="920"/>
      <c r="OQQ40" s="920"/>
      <c r="OQR40" s="920"/>
      <c r="OQS40" s="920"/>
      <c r="OQT40" s="920"/>
      <c r="OQU40" s="920"/>
      <c r="OQV40" s="920"/>
      <c r="OQW40" s="920"/>
      <c r="OQX40" s="920"/>
      <c r="OQY40" s="920"/>
      <c r="OQZ40" s="920"/>
      <c r="ORA40" s="920"/>
      <c r="ORB40" s="920"/>
      <c r="ORC40" s="920"/>
      <c r="ORD40" s="920"/>
      <c r="ORE40" s="920"/>
      <c r="ORF40" s="920"/>
      <c r="ORG40" s="920"/>
      <c r="ORH40" s="920"/>
      <c r="ORI40" s="920"/>
      <c r="ORJ40" s="920"/>
      <c r="ORK40" s="920"/>
      <c r="ORL40" s="920"/>
      <c r="ORM40" s="920"/>
      <c r="ORN40" s="920"/>
      <c r="ORO40" s="920"/>
      <c r="ORP40" s="920"/>
      <c r="ORQ40" s="920"/>
      <c r="ORR40" s="920"/>
      <c r="ORS40" s="920"/>
      <c r="ORT40" s="920"/>
      <c r="ORU40" s="920"/>
      <c r="ORV40" s="920"/>
      <c r="ORW40" s="920"/>
      <c r="ORX40" s="920"/>
      <c r="ORY40" s="920"/>
      <c r="ORZ40" s="920"/>
      <c r="OSA40" s="920"/>
      <c r="OSB40" s="920"/>
      <c r="OSC40" s="920"/>
      <c r="OSD40" s="920"/>
      <c r="OSE40" s="920"/>
      <c r="OSF40" s="920"/>
      <c r="OSG40" s="920"/>
      <c r="OSH40" s="920"/>
      <c r="OSI40" s="920"/>
      <c r="OSJ40" s="920"/>
      <c r="OSK40" s="920"/>
      <c r="OSL40" s="920"/>
      <c r="OSM40" s="920"/>
      <c r="OSN40" s="920"/>
      <c r="OSO40" s="920"/>
      <c r="OSP40" s="920"/>
      <c r="OSQ40" s="920"/>
      <c r="OSR40" s="920"/>
      <c r="OSS40" s="920"/>
      <c r="OST40" s="920"/>
      <c r="OSU40" s="920"/>
      <c r="OSV40" s="920"/>
      <c r="OSW40" s="920"/>
      <c r="OSX40" s="920"/>
      <c r="OSY40" s="920"/>
      <c r="OSZ40" s="920"/>
      <c r="OTA40" s="920"/>
      <c r="OTB40" s="920"/>
      <c r="OTC40" s="920"/>
      <c r="OTD40" s="920"/>
      <c r="OTE40" s="920"/>
      <c r="OTF40" s="920"/>
      <c r="OTG40" s="920"/>
      <c r="OTH40" s="920"/>
      <c r="OTI40" s="920"/>
      <c r="OTJ40" s="920"/>
      <c r="OTK40" s="920"/>
      <c r="OTL40" s="920"/>
      <c r="OTM40" s="920"/>
      <c r="OTN40" s="920"/>
      <c r="OTO40" s="920"/>
      <c r="OTP40" s="920"/>
      <c r="OTQ40" s="920"/>
      <c r="OTR40" s="920"/>
      <c r="OTS40" s="920"/>
      <c r="OTT40" s="920"/>
      <c r="OTU40" s="920"/>
      <c r="OTV40" s="920"/>
      <c r="OTW40" s="920"/>
      <c r="OTX40" s="920"/>
      <c r="OTY40" s="920"/>
      <c r="OTZ40" s="920"/>
      <c r="OUA40" s="920"/>
      <c r="OUB40" s="920"/>
      <c r="OUC40" s="920"/>
      <c r="OUD40" s="920"/>
      <c r="OUE40" s="920"/>
      <c r="OUF40" s="920"/>
      <c r="OUG40" s="920"/>
      <c r="OUH40" s="920"/>
      <c r="OUI40" s="920"/>
      <c r="OUJ40" s="920"/>
      <c r="OUK40" s="920"/>
      <c r="OUL40" s="920"/>
      <c r="OUM40" s="920"/>
      <c r="OUN40" s="920"/>
      <c r="OUO40" s="920"/>
      <c r="OUP40" s="920"/>
      <c r="OUQ40" s="920"/>
      <c r="OUR40" s="920"/>
      <c r="OUS40" s="920"/>
      <c r="OUT40" s="920"/>
      <c r="OUU40" s="920"/>
      <c r="OUV40" s="920"/>
      <c r="OUW40" s="920"/>
      <c r="OUX40" s="920"/>
      <c r="OUY40" s="920"/>
      <c r="OUZ40" s="920"/>
      <c r="OVA40" s="920"/>
      <c r="OVB40" s="920"/>
      <c r="OVC40" s="920"/>
      <c r="OVD40" s="920"/>
      <c r="OVE40" s="920"/>
      <c r="OVF40" s="920"/>
      <c r="OVG40" s="920"/>
      <c r="OVH40" s="920"/>
      <c r="OVI40" s="920"/>
      <c r="OVJ40" s="920"/>
      <c r="OVK40" s="920"/>
      <c r="OVL40" s="920"/>
      <c r="OVM40" s="920"/>
      <c r="OVN40" s="920"/>
      <c r="OVO40" s="920"/>
      <c r="OVP40" s="920"/>
      <c r="OVQ40" s="920"/>
      <c r="OVR40" s="920"/>
      <c r="OVS40" s="920"/>
      <c r="OVT40" s="920"/>
      <c r="OVU40" s="920"/>
      <c r="OVV40" s="920"/>
      <c r="OVW40" s="920"/>
      <c r="OVX40" s="920"/>
      <c r="OVY40" s="920"/>
      <c r="OVZ40" s="920"/>
      <c r="OWA40" s="920"/>
      <c r="OWB40" s="920"/>
      <c r="OWC40" s="920"/>
      <c r="OWD40" s="920"/>
      <c r="OWE40" s="920"/>
      <c r="OWF40" s="920"/>
      <c r="OWG40" s="920"/>
      <c r="OWH40" s="920"/>
      <c r="OWI40" s="920"/>
      <c r="OWJ40" s="920"/>
      <c r="OWK40" s="920"/>
      <c r="OWL40" s="920"/>
      <c r="OWM40" s="920"/>
      <c r="OWN40" s="920"/>
      <c r="OWO40" s="920"/>
      <c r="OWP40" s="920"/>
      <c r="OWQ40" s="920"/>
      <c r="OWR40" s="920"/>
      <c r="OWS40" s="920"/>
      <c r="OWT40" s="920"/>
      <c r="OWU40" s="920"/>
      <c r="OWV40" s="920"/>
      <c r="OWW40" s="920"/>
      <c r="OWX40" s="920"/>
      <c r="OWY40" s="920"/>
      <c r="OWZ40" s="920"/>
      <c r="OXA40" s="920"/>
      <c r="OXB40" s="920"/>
      <c r="OXC40" s="920"/>
      <c r="OXD40" s="920"/>
      <c r="OXE40" s="920"/>
      <c r="OXF40" s="920"/>
      <c r="OXG40" s="920"/>
      <c r="OXH40" s="920"/>
      <c r="OXI40" s="920"/>
      <c r="OXJ40" s="920"/>
      <c r="OXK40" s="920"/>
      <c r="OXL40" s="920"/>
      <c r="OXM40" s="920"/>
      <c r="OXN40" s="920"/>
      <c r="OXO40" s="920"/>
      <c r="OXP40" s="920"/>
      <c r="OXQ40" s="920"/>
      <c r="OXR40" s="920"/>
      <c r="OXS40" s="920"/>
      <c r="OXT40" s="920"/>
      <c r="OXU40" s="920"/>
      <c r="OXV40" s="920"/>
      <c r="OXW40" s="920"/>
      <c r="OXX40" s="920"/>
      <c r="OXY40" s="920"/>
      <c r="OXZ40" s="920"/>
      <c r="OYA40" s="920"/>
      <c r="OYB40" s="920"/>
      <c r="OYC40" s="920"/>
      <c r="OYD40" s="920"/>
      <c r="OYE40" s="920"/>
      <c r="OYF40" s="920"/>
      <c r="OYG40" s="920"/>
      <c r="OYH40" s="920"/>
      <c r="OYI40" s="920"/>
      <c r="OYJ40" s="920"/>
      <c r="OYK40" s="920"/>
      <c r="OYL40" s="920"/>
      <c r="OYM40" s="920"/>
      <c r="OYN40" s="920"/>
      <c r="OYO40" s="920"/>
      <c r="OYP40" s="920"/>
      <c r="OYQ40" s="920"/>
      <c r="OYR40" s="920"/>
      <c r="OYS40" s="920"/>
      <c r="OYT40" s="920"/>
      <c r="OYU40" s="920"/>
      <c r="OYV40" s="920"/>
      <c r="OYW40" s="920"/>
      <c r="OYX40" s="920"/>
      <c r="OYY40" s="920"/>
      <c r="OYZ40" s="920"/>
      <c r="OZA40" s="920"/>
      <c r="OZB40" s="920"/>
      <c r="OZC40" s="920"/>
      <c r="OZD40" s="920"/>
      <c r="OZE40" s="920"/>
      <c r="OZF40" s="920"/>
      <c r="OZG40" s="920"/>
      <c r="OZH40" s="920"/>
      <c r="OZI40" s="920"/>
      <c r="OZJ40" s="920"/>
      <c r="OZK40" s="920"/>
      <c r="OZL40" s="920"/>
      <c r="OZM40" s="920"/>
      <c r="OZN40" s="920"/>
      <c r="OZO40" s="920"/>
      <c r="OZP40" s="920"/>
      <c r="OZQ40" s="920"/>
      <c r="OZR40" s="920"/>
      <c r="OZS40" s="920"/>
      <c r="OZT40" s="920"/>
      <c r="OZU40" s="920"/>
      <c r="OZV40" s="920"/>
      <c r="OZW40" s="920"/>
      <c r="OZX40" s="920"/>
      <c r="OZY40" s="920"/>
      <c r="OZZ40" s="920"/>
      <c r="PAA40" s="920"/>
      <c r="PAB40" s="920"/>
      <c r="PAC40" s="920"/>
      <c r="PAD40" s="920"/>
      <c r="PAE40" s="920"/>
      <c r="PAF40" s="920"/>
      <c r="PAG40" s="920"/>
      <c r="PAH40" s="920"/>
      <c r="PAI40" s="920"/>
      <c r="PAJ40" s="920"/>
      <c r="PAK40" s="920"/>
      <c r="PAL40" s="920"/>
      <c r="PAM40" s="920"/>
      <c r="PAN40" s="920"/>
      <c r="PAO40" s="920"/>
      <c r="PAP40" s="920"/>
      <c r="PAQ40" s="920"/>
      <c r="PAR40" s="920"/>
      <c r="PAS40" s="920"/>
      <c r="PAT40" s="920"/>
      <c r="PAU40" s="920"/>
      <c r="PAV40" s="920"/>
      <c r="PAW40" s="920"/>
      <c r="PAX40" s="920"/>
      <c r="PAY40" s="920"/>
      <c r="PAZ40" s="920"/>
      <c r="PBA40" s="920"/>
      <c r="PBB40" s="920"/>
      <c r="PBC40" s="920"/>
      <c r="PBD40" s="920"/>
      <c r="PBE40" s="920"/>
      <c r="PBF40" s="920"/>
      <c r="PBG40" s="920"/>
      <c r="PBH40" s="920"/>
      <c r="PBI40" s="920"/>
      <c r="PBJ40" s="920"/>
      <c r="PBK40" s="920"/>
      <c r="PBL40" s="920"/>
      <c r="PBM40" s="920"/>
      <c r="PBN40" s="920"/>
      <c r="PBO40" s="920"/>
      <c r="PBP40" s="920"/>
      <c r="PBQ40" s="920"/>
      <c r="PBR40" s="920"/>
      <c r="PBS40" s="920"/>
      <c r="PBT40" s="920"/>
      <c r="PBU40" s="920"/>
      <c r="PBV40" s="920"/>
      <c r="PBW40" s="920"/>
      <c r="PBX40" s="920"/>
      <c r="PBY40" s="920"/>
      <c r="PBZ40" s="920"/>
      <c r="PCA40" s="920"/>
      <c r="PCB40" s="920"/>
      <c r="PCC40" s="920"/>
      <c r="PCD40" s="920"/>
      <c r="PCE40" s="920"/>
      <c r="PCF40" s="920"/>
      <c r="PCG40" s="920"/>
      <c r="PCH40" s="920"/>
      <c r="PCI40" s="920"/>
      <c r="PCJ40" s="920"/>
      <c r="PCK40" s="920"/>
      <c r="PCL40" s="920"/>
      <c r="PCM40" s="920"/>
      <c r="PCN40" s="920"/>
      <c r="PCO40" s="920"/>
      <c r="PCP40" s="920"/>
      <c r="PCQ40" s="920"/>
      <c r="PCR40" s="920"/>
      <c r="PCS40" s="920"/>
      <c r="PCT40" s="920"/>
      <c r="PCU40" s="920"/>
      <c r="PCV40" s="920"/>
      <c r="PCW40" s="920"/>
      <c r="PCX40" s="920"/>
      <c r="PCY40" s="920"/>
      <c r="PCZ40" s="920"/>
      <c r="PDA40" s="920"/>
      <c r="PDB40" s="920"/>
      <c r="PDC40" s="920"/>
      <c r="PDD40" s="920"/>
      <c r="PDE40" s="920"/>
      <c r="PDF40" s="920"/>
      <c r="PDG40" s="920"/>
      <c r="PDH40" s="920"/>
      <c r="PDI40" s="920"/>
      <c r="PDJ40" s="920"/>
      <c r="PDK40" s="920"/>
      <c r="PDL40" s="920"/>
      <c r="PDM40" s="920"/>
      <c r="PDN40" s="920"/>
      <c r="PDO40" s="920"/>
      <c r="PDP40" s="920"/>
      <c r="PDQ40" s="920"/>
      <c r="PDR40" s="920"/>
      <c r="PDS40" s="920"/>
      <c r="PDT40" s="920"/>
      <c r="PDU40" s="920"/>
      <c r="PDV40" s="920"/>
      <c r="PDW40" s="920"/>
      <c r="PDX40" s="920"/>
      <c r="PDY40" s="920"/>
      <c r="PDZ40" s="920"/>
      <c r="PEA40" s="920"/>
      <c r="PEB40" s="920"/>
      <c r="PEC40" s="920"/>
      <c r="PED40" s="920"/>
      <c r="PEE40" s="920"/>
      <c r="PEF40" s="920"/>
      <c r="PEG40" s="920"/>
      <c r="PEH40" s="920"/>
      <c r="PEI40" s="920"/>
      <c r="PEJ40" s="920"/>
      <c r="PEK40" s="920"/>
      <c r="PEL40" s="920"/>
      <c r="PEM40" s="920"/>
      <c r="PEN40" s="920"/>
      <c r="PEO40" s="920"/>
      <c r="PEP40" s="920"/>
      <c r="PEQ40" s="920"/>
      <c r="PER40" s="920"/>
      <c r="PES40" s="920"/>
      <c r="PET40" s="920"/>
      <c r="PEU40" s="920"/>
      <c r="PEV40" s="920"/>
      <c r="PEW40" s="920"/>
      <c r="PEX40" s="920"/>
      <c r="PEY40" s="920"/>
      <c r="PEZ40" s="920"/>
      <c r="PFA40" s="920"/>
      <c r="PFB40" s="920"/>
      <c r="PFC40" s="920"/>
      <c r="PFD40" s="920"/>
      <c r="PFE40" s="920"/>
      <c r="PFF40" s="920"/>
      <c r="PFG40" s="920"/>
      <c r="PFH40" s="920"/>
      <c r="PFI40" s="920"/>
      <c r="PFJ40" s="920"/>
      <c r="PFK40" s="920"/>
      <c r="PFL40" s="920"/>
      <c r="PFM40" s="920"/>
      <c r="PFN40" s="920"/>
      <c r="PFO40" s="920"/>
      <c r="PFP40" s="920"/>
      <c r="PFQ40" s="920"/>
      <c r="PFR40" s="920"/>
      <c r="PFS40" s="920"/>
      <c r="PFT40" s="920"/>
      <c r="PFU40" s="920"/>
      <c r="PFV40" s="920"/>
      <c r="PFW40" s="920"/>
      <c r="PFX40" s="920"/>
      <c r="PFY40" s="920"/>
      <c r="PFZ40" s="920"/>
      <c r="PGA40" s="920"/>
      <c r="PGB40" s="920"/>
      <c r="PGC40" s="920"/>
      <c r="PGD40" s="920"/>
      <c r="PGE40" s="920"/>
      <c r="PGF40" s="920"/>
      <c r="PGG40" s="920"/>
      <c r="PGH40" s="920"/>
      <c r="PGI40" s="920"/>
      <c r="PGJ40" s="920"/>
      <c r="PGK40" s="920"/>
      <c r="PGL40" s="920"/>
      <c r="PGM40" s="920"/>
      <c r="PGN40" s="920"/>
      <c r="PGO40" s="920"/>
      <c r="PGP40" s="920"/>
      <c r="PGQ40" s="920"/>
      <c r="PGR40" s="920"/>
      <c r="PGS40" s="920"/>
      <c r="PGT40" s="920"/>
      <c r="PGU40" s="920"/>
      <c r="PGV40" s="920"/>
      <c r="PGW40" s="920"/>
      <c r="PGX40" s="920"/>
      <c r="PGY40" s="920"/>
      <c r="PGZ40" s="920"/>
      <c r="PHA40" s="920"/>
      <c r="PHB40" s="920"/>
      <c r="PHC40" s="920"/>
      <c r="PHD40" s="920"/>
      <c r="PHE40" s="920"/>
      <c r="PHF40" s="920"/>
      <c r="PHG40" s="920"/>
      <c r="PHH40" s="920"/>
      <c r="PHI40" s="920"/>
      <c r="PHJ40" s="920"/>
      <c r="PHK40" s="920"/>
      <c r="PHL40" s="920"/>
      <c r="PHM40" s="920"/>
      <c r="PHN40" s="920"/>
      <c r="PHO40" s="920"/>
      <c r="PHP40" s="920"/>
      <c r="PHQ40" s="920"/>
      <c r="PHR40" s="920"/>
      <c r="PHS40" s="920"/>
      <c r="PHT40" s="920"/>
      <c r="PHU40" s="920"/>
      <c r="PHV40" s="920"/>
      <c r="PHW40" s="920"/>
      <c r="PHX40" s="920"/>
      <c r="PHY40" s="920"/>
      <c r="PHZ40" s="920"/>
      <c r="PIA40" s="920"/>
      <c r="PIB40" s="920"/>
      <c r="PIC40" s="920"/>
      <c r="PID40" s="920"/>
      <c r="PIE40" s="920"/>
      <c r="PIF40" s="920"/>
      <c r="PIG40" s="920"/>
      <c r="PIH40" s="920"/>
      <c r="PII40" s="920"/>
      <c r="PIJ40" s="920"/>
      <c r="PIK40" s="920"/>
      <c r="PIL40" s="920"/>
      <c r="PIM40" s="920"/>
      <c r="PIN40" s="920"/>
      <c r="PIO40" s="920"/>
      <c r="PIP40" s="920"/>
      <c r="PIQ40" s="920"/>
      <c r="PIR40" s="920"/>
      <c r="PIS40" s="920"/>
      <c r="PIT40" s="920"/>
      <c r="PIU40" s="920"/>
      <c r="PIV40" s="920"/>
      <c r="PIW40" s="920"/>
      <c r="PIX40" s="920"/>
      <c r="PIY40" s="920"/>
      <c r="PIZ40" s="920"/>
      <c r="PJA40" s="920"/>
      <c r="PJB40" s="920"/>
      <c r="PJC40" s="920"/>
      <c r="PJD40" s="920"/>
      <c r="PJE40" s="920"/>
      <c r="PJF40" s="920"/>
      <c r="PJG40" s="920"/>
      <c r="PJH40" s="920"/>
      <c r="PJI40" s="920"/>
      <c r="PJJ40" s="920"/>
      <c r="PJK40" s="920"/>
      <c r="PJL40" s="920"/>
      <c r="PJM40" s="920"/>
      <c r="PJN40" s="920"/>
      <c r="PJO40" s="920"/>
      <c r="PJP40" s="920"/>
      <c r="PJQ40" s="920"/>
      <c r="PJR40" s="920"/>
      <c r="PJS40" s="920"/>
      <c r="PJT40" s="920"/>
      <c r="PJU40" s="920"/>
      <c r="PJV40" s="920"/>
      <c r="PJW40" s="920"/>
      <c r="PJX40" s="920"/>
      <c r="PJY40" s="920"/>
      <c r="PJZ40" s="920"/>
      <c r="PKA40" s="920"/>
      <c r="PKB40" s="920"/>
      <c r="PKC40" s="920"/>
      <c r="PKD40" s="920"/>
      <c r="PKE40" s="920"/>
      <c r="PKF40" s="920"/>
      <c r="PKG40" s="920"/>
      <c r="PKH40" s="920"/>
      <c r="PKI40" s="920"/>
      <c r="PKJ40" s="920"/>
      <c r="PKK40" s="920"/>
      <c r="PKL40" s="920"/>
      <c r="PKM40" s="920"/>
      <c r="PKN40" s="920"/>
      <c r="PKO40" s="920"/>
      <c r="PKP40" s="920"/>
      <c r="PKQ40" s="920"/>
      <c r="PKR40" s="920"/>
      <c r="PKS40" s="920"/>
      <c r="PKT40" s="920"/>
      <c r="PKU40" s="920"/>
      <c r="PKV40" s="920"/>
      <c r="PKW40" s="920"/>
      <c r="PKX40" s="920"/>
      <c r="PKY40" s="920"/>
      <c r="PKZ40" s="920"/>
      <c r="PLA40" s="920"/>
      <c r="PLB40" s="920"/>
      <c r="PLC40" s="920"/>
      <c r="PLD40" s="920"/>
      <c r="PLE40" s="920"/>
      <c r="PLF40" s="920"/>
      <c r="PLG40" s="920"/>
      <c r="PLH40" s="920"/>
      <c r="PLI40" s="920"/>
      <c r="PLJ40" s="920"/>
      <c r="PLK40" s="920"/>
      <c r="PLL40" s="920"/>
      <c r="PLM40" s="920"/>
      <c r="PLN40" s="920"/>
      <c r="PLO40" s="920"/>
      <c r="PLP40" s="920"/>
      <c r="PLQ40" s="920"/>
      <c r="PLR40" s="920"/>
      <c r="PLS40" s="920"/>
      <c r="PLT40" s="920"/>
      <c r="PLU40" s="920"/>
      <c r="PLV40" s="920"/>
      <c r="PLW40" s="920"/>
      <c r="PLX40" s="920"/>
      <c r="PLY40" s="920"/>
      <c r="PLZ40" s="920"/>
      <c r="PMA40" s="920"/>
      <c r="PMB40" s="920"/>
      <c r="PMC40" s="920"/>
      <c r="PMD40" s="920"/>
      <c r="PME40" s="920"/>
      <c r="PMF40" s="920"/>
      <c r="PMG40" s="920"/>
      <c r="PMH40" s="920"/>
      <c r="PMI40" s="920"/>
      <c r="PMJ40" s="920"/>
      <c r="PMK40" s="920"/>
      <c r="PML40" s="920"/>
      <c r="PMM40" s="920"/>
      <c r="PMN40" s="920"/>
      <c r="PMO40" s="920"/>
      <c r="PMP40" s="920"/>
      <c r="PMQ40" s="920"/>
      <c r="PMR40" s="920"/>
      <c r="PMS40" s="920"/>
      <c r="PMT40" s="920"/>
      <c r="PMU40" s="920"/>
      <c r="PMV40" s="920"/>
      <c r="PMW40" s="920"/>
      <c r="PMX40" s="920"/>
      <c r="PMY40" s="920"/>
      <c r="PMZ40" s="920"/>
      <c r="PNA40" s="920"/>
      <c r="PNB40" s="920"/>
      <c r="PNC40" s="920"/>
      <c r="PND40" s="920"/>
      <c r="PNE40" s="920"/>
      <c r="PNF40" s="920"/>
      <c r="PNG40" s="920"/>
      <c r="PNH40" s="920"/>
      <c r="PNI40" s="920"/>
      <c r="PNJ40" s="920"/>
      <c r="PNK40" s="920"/>
      <c r="PNL40" s="920"/>
      <c r="PNM40" s="920"/>
      <c r="PNN40" s="920"/>
      <c r="PNO40" s="920"/>
      <c r="PNP40" s="920"/>
      <c r="PNQ40" s="920"/>
      <c r="PNR40" s="920"/>
      <c r="PNS40" s="920"/>
      <c r="PNT40" s="920"/>
      <c r="PNU40" s="920"/>
      <c r="PNV40" s="920"/>
      <c r="PNW40" s="920"/>
      <c r="PNX40" s="920"/>
      <c r="PNY40" s="920"/>
      <c r="PNZ40" s="920"/>
      <c r="POA40" s="920"/>
      <c r="POB40" s="920"/>
      <c r="POC40" s="920"/>
      <c r="POD40" s="920"/>
      <c r="POE40" s="920"/>
      <c r="POF40" s="920"/>
      <c r="POG40" s="920"/>
      <c r="POH40" s="920"/>
      <c r="POI40" s="920"/>
      <c r="POJ40" s="920"/>
      <c r="POK40" s="920"/>
      <c r="POL40" s="920"/>
      <c r="POM40" s="920"/>
      <c r="PON40" s="920"/>
      <c r="POO40" s="920"/>
      <c r="POP40" s="920"/>
      <c r="POQ40" s="920"/>
      <c r="POR40" s="920"/>
      <c r="POS40" s="920"/>
      <c r="POT40" s="920"/>
      <c r="POU40" s="920"/>
      <c r="POV40" s="920"/>
      <c r="POW40" s="920"/>
      <c r="POX40" s="920"/>
      <c r="POY40" s="920"/>
      <c r="POZ40" s="920"/>
      <c r="PPA40" s="920"/>
      <c r="PPB40" s="920"/>
      <c r="PPC40" s="920"/>
      <c r="PPD40" s="920"/>
      <c r="PPE40" s="920"/>
      <c r="PPF40" s="920"/>
      <c r="PPG40" s="920"/>
      <c r="PPH40" s="920"/>
      <c r="PPI40" s="920"/>
      <c r="PPJ40" s="920"/>
      <c r="PPK40" s="920"/>
      <c r="PPL40" s="920"/>
      <c r="PPM40" s="920"/>
      <c r="PPN40" s="920"/>
      <c r="PPO40" s="920"/>
      <c r="PPP40" s="920"/>
      <c r="PPQ40" s="920"/>
      <c r="PPR40" s="920"/>
      <c r="PPS40" s="920"/>
      <c r="PPT40" s="920"/>
      <c r="PPU40" s="920"/>
      <c r="PPV40" s="920"/>
      <c r="PPW40" s="920"/>
      <c r="PPX40" s="920"/>
      <c r="PPY40" s="920"/>
      <c r="PPZ40" s="920"/>
      <c r="PQA40" s="920"/>
      <c r="PQB40" s="920"/>
      <c r="PQC40" s="920"/>
      <c r="PQD40" s="920"/>
      <c r="PQE40" s="920"/>
      <c r="PQF40" s="920"/>
      <c r="PQG40" s="920"/>
      <c r="PQH40" s="920"/>
      <c r="PQI40" s="920"/>
      <c r="PQJ40" s="920"/>
      <c r="PQK40" s="920"/>
      <c r="PQL40" s="920"/>
      <c r="PQM40" s="920"/>
      <c r="PQN40" s="920"/>
      <c r="PQO40" s="920"/>
      <c r="PQP40" s="920"/>
      <c r="PQQ40" s="920"/>
      <c r="PQR40" s="920"/>
      <c r="PQS40" s="920"/>
      <c r="PQT40" s="920"/>
      <c r="PQU40" s="920"/>
      <c r="PQV40" s="920"/>
      <c r="PQW40" s="920"/>
      <c r="PQX40" s="920"/>
      <c r="PQY40" s="920"/>
      <c r="PQZ40" s="920"/>
      <c r="PRA40" s="920"/>
      <c r="PRB40" s="920"/>
      <c r="PRC40" s="920"/>
      <c r="PRD40" s="920"/>
      <c r="PRE40" s="920"/>
      <c r="PRF40" s="920"/>
      <c r="PRG40" s="920"/>
      <c r="PRH40" s="920"/>
      <c r="PRI40" s="920"/>
      <c r="PRJ40" s="920"/>
      <c r="PRK40" s="920"/>
      <c r="PRL40" s="920"/>
      <c r="PRM40" s="920"/>
      <c r="PRN40" s="920"/>
      <c r="PRO40" s="920"/>
      <c r="PRP40" s="920"/>
      <c r="PRQ40" s="920"/>
      <c r="PRR40" s="920"/>
      <c r="PRS40" s="920"/>
      <c r="PRT40" s="920"/>
      <c r="PRU40" s="920"/>
      <c r="PRV40" s="920"/>
      <c r="PRW40" s="920"/>
      <c r="PRX40" s="920"/>
      <c r="PRY40" s="920"/>
      <c r="PRZ40" s="920"/>
      <c r="PSA40" s="920"/>
      <c r="PSB40" s="920"/>
      <c r="PSC40" s="920"/>
      <c r="PSD40" s="920"/>
      <c r="PSE40" s="920"/>
      <c r="PSF40" s="920"/>
      <c r="PSG40" s="920"/>
      <c r="PSH40" s="920"/>
      <c r="PSI40" s="920"/>
      <c r="PSJ40" s="920"/>
      <c r="PSK40" s="920"/>
      <c r="PSL40" s="920"/>
      <c r="PSM40" s="920"/>
      <c r="PSN40" s="920"/>
      <c r="PSO40" s="920"/>
      <c r="PSP40" s="920"/>
      <c r="PSQ40" s="920"/>
      <c r="PSR40" s="920"/>
      <c r="PSS40" s="920"/>
      <c r="PST40" s="920"/>
      <c r="PSU40" s="920"/>
      <c r="PSV40" s="920"/>
      <c r="PSW40" s="920"/>
      <c r="PSX40" s="920"/>
      <c r="PSY40" s="920"/>
      <c r="PSZ40" s="920"/>
      <c r="PTA40" s="920"/>
      <c r="PTB40" s="920"/>
      <c r="PTC40" s="920"/>
      <c r="PTD40" s="920"/>
      <c r="PTE40" s="920"/>
      <c r="PTF40" s="920"/>
      <c r="PTG40" s="920"/>
      <c r="PTH40" s="920"/>
      <c r="PTI40" s="920"/>
      <c r="PTJ40" s="920"/>
      <c r="PTK40" s="920"/>
      <c r="PTL40" s="920"/>
      <c r="PTM40" s="920"/>
      <c r="PTN40" s="920"/>
      <c r="PTO40" s="920"/>
      <c r="PTP40" s="920"/>
      <c r="PTQ40" s="920"/>
      <c r="PTR40" s="920"/>
      <c r="PTS40" s="920"/>
      <c r="PTT40" s="920"/>
      <c r="PTU40" s="920"/>
      <c r="PTV40" s="920"/>
      <c r="PTW40" s="920"/>
      <c r="PTX40" s="920"/>
      <c r="PTY40" s="920"/>
      <c r="PTZ40" s="920"/>
      <c r="PUA40" s="920"/>
      <c r="PUB40" s="920"/>
      <c r="PUC40" s="920"/>
      <c r="PUD40" s="920"/>
      <c r="PUE40" s="920"/>
      <c r="PUF40" s="920"/>
      <c r="PUG40" s="920"/>
      <c r="PUH40" s="920"/>
      <c r="PUI40" s="920"/>
      <c r="PUJ40" s="920"/>
      <c r="PUK40" s="920"/>
      <c r="PUL40" s="920"/>
      <c r="PUM40" s="920"/>
      <c r="PUN40" s="920"/>
      <c r="PUO40" s="920"/>
      <c r="PUP40" s="920"/>
      <c r="PUQ40" s="920"/>
      <c r="PUR40" s="920"/>
      <c r="PUS40" s="920"/>
      <c r="PUT40" s="920"/>
      <c r="PUU40" s="920"/>
      <c r="PUV40" s="920"/>
      <c r="PUW40" s="920"/>
      <c r="PUX40" s="920"/>
      <c r="PUY40" s="920"/>
      <c r="PUZ40" s="920"/>
      <c r="PVA40" s="920"/>
      <c r="PVB40" s="920"/>
      <c r="PVC40" s="920"/>
      <c r="PVD40" s="920"/>
      <c r="PVE40" s="920"/>
      <c r="PVF40" s="920"/>
      <c r="PVG40" s="920"/>
      <c r="PVH40" s="920"/>
      <c r="PVI40" s="920"/>
      <c r="PVJ40" s="920"/>
      <c r="PVK40" s="920"/>
      <c r="PVL40" s="920"/>
      <c r="PVM40" s="920"/>
      <c r="PVN40" s="920"/>
      <c r="PVO40" s="920"/>
      <c r="PVP40" s="920"/>
      <c r="PVQ40" s="920"/>
      <c r="PVR40" s="920"/>
      <c r="PVS40" s="920"/>
      <c r="PVT40" s="920"/>
      <c r="PVU40" s="920"/>
      <c r="PVV40" s="920"/>
      <c r="PVW40" s="920"/>
      <c r="PVX40" s="920"/>
      <c r="PVY40" s="920"/>
      <c r="PVZ40" s="920"/>
      <c r="PWA40" s="920"/>
      <c r="PWB40" s="920"/>
      <c r="PWC40" s="920"/>
      <c r="PWD40" s="920"/>
      <c r="PWE40" s="920"/>
      <c r="PWF40" s="920"/>
      <c r="PWG40" s="920"/>
      <c r="PWH40" s="920"/>
      <c r="PWI40" s="920"/>
      <c r="PWJ40" s="920"/>
      <c r="PWK40" s="920"/>
      <c r="PWL40" s="920"/>
      <c r="PWM40" s="920"/>
      <c r="PWN40" s="920"/>
      <c r="PWO40" s="920"/>
      <c r="PWP40" s="920"/>
      <c r="PWQ40" s="920"/>
      <c r="PWR40" s="920"/>
      <c r="PWS40" s="920"/>
      <c r="PWT40" s="920"/>
      <c r="PWU40" s="920"/>
      <c r="PWV40" s="920"/>
      <c r="PWW40" s="920"/>
      <c r="PWX40" s="920"/>
      <c r="PWY40" s="920"/>
      <c r="PWZ40" s="920"/>
      <c r="PXA40" s="920"/>
      <c r="PXB40" s="920"/>
      <c r="PXC40" s="920"/>
      <c r="PXD40" s="920"/>
      <c r="PXE40" s="920"/>
      <c r="PXF40" s="920"/>
      <c r="PXG40" s="920"/>
      <c r="PXH40" s="920"/>
      <c r="PXI40" s="920"/>
      <c r="PXJ40" s="920"/>
      <c r="PXK40" s="920"/>
      <c r="PXL40" s="920"/>
      <c r="PXM40" s="920"/>
      <c r="PXN40" s="920"/>
      <c r="PXO40" s="920"/>
      <c r="PXP40" s="920"/>
      <c r="PXQ40" s="920"/>
      <c r="PXR40" s="920"/>
      <c r="PXS40" s="920"/>
      <c r="PXT40" s="920"/>
      <c r="PXU40" s="920"/>
      <c r="PXV40" s="920"/>
      <c r="PXW40" s="920"/>
      <c r="PXX40" s="920"/>
      <c r="PXY40" s="920"/>
      <c r="PXZ40" s="920"/>
      <c r="PYA40" s="920"/>
      <c r="PYB40" s="920"/>
      <c r="PYC40" s="920"/>
      <c r="PYD40" s="920"/>
      <c r="PYE40" s="920"/>
      <c r="PYF40" s="920"/>
      <c r="PYG40" s="920"/>
      <c r="PYH40" s="920"/>
      <c r="PYI40" s="920"/>
      <c r="PYJ40" s="920"/>
      <c r="PYK40" s="920"/>
      <c r="PYL40" s="920"/>
      <c r="PYM40" s="920"/>
      <c r="PYN40" s="920"/>
      <c r="PYO40" s="920"/>
      <c r="PYP40" s="920"/>
      <c r="PYQ40" s="920"/>
      <c r="PYR40" s="920"/>
      <c r="PYS40" s="920"/>
      <c r="PYT40" s="920"/>
      <c r="PYU40" s="920"/>
      <c r="PYV40" s="920"/>
      <c r="PYW40" s="920"/>
      <c r="PYX40" s="920"/>
      <c r="PYY40" s="920"/>
      <c r="PYZ40" s="920"/>
      <c r="PZA40" s="920"/>
      <c r="PZB40" s="920"/>
      <c r="PZC40" s="920"/>
      <c r="PZD40" s="920"/>
      <c r="PZE40" s="920"/>
      <c r="PZF40" s="920"/>
      <c r="PZG40" s="920"/>
      <c r="PZH40" s="920"/>
      <c r="PZI40" s="920"/>
      <c r="PZJ40" s="920"/>
      <c r="PZK40" s="920"/>
      <c r="PZL40" s="920"/>
      <c r="PZM40" s="920"/>
      <c r="PZN40" s="920"/>
      <c r="PZO40" s="920"/>
      <c r="PZP40" s="920"/>
      <c r="PZQ40" s="920"/>
      <c r="PZR40" s="920"/>
      <c r="PZS40" s="920"/>
      <c r="PZT40" s="920"/>
      <c r="PZU40" s="920"/>
      <c r="PZV40" s="920"/>
      <c r="PZW40" s="920"/>
      <c r="PZX40" s="920"/>
      <c r="PZY40" s="920"/>
      <c r="PZZ40" s="920"/>
      <c r="QAA40" s="920"/>
      <c r="QAB40" s="920"/>
      <c r="QAC40" s="920"/>
      <c r="QAD40" s="920"/>
      <c r="QAE40" s="920"/>
      <c r="QAF40" s="920"/>
      <c r="QAG40" s="920"/>
      <c r="QAH40" s="920"/>
      <c r="QAI40" s="920"/>
      <c r="QAJ40" s="920"/>
      <c r="QAK40" s="920"/>
      <c r="QAL40" s="920"/>
      <c r="QAM40" s="920"/>
      <c r="QAN40" s="920"/>
      <c r="QAO40" s="920"/>
      <c r="QAP40" s="920"/>
      <c r="QAQ40" s="920"/>
      <c r="QAR40" s="920"/>
      <c r="QAS40" s="920"/>
      <c r="QAT40" s="920"/>
      <c r="QAU40" s="920"/>
      <c r="QAV40" s="920"/>
      <c r="QAW40" s="920"/>
      <c r="QAX40" s="920"/>
      <c r="QAY40" s="920"/>
      <c r="QAZ40" s="920"/>
      <c r="QBA40" s="920"/>
      <c r="QBB40" s="920"/>
      <c r="QBC40" s="920"/>
      <c r="QBD40" s="920"/>
      <c r="QBE40" s="920"/>
      <c r="QBF40" s="920"/>
      <c r="QBG40" s="920"/>
      <c r="QBH40" s="920"/>
      <c r="QBI40" s="920"/>
      <c r="QBJ40" s="920"/>
      <c r="QBK40" s="920"/>
      <c r="QBL40" s="920"/>
      <c r="QBM40" s="920"/>
      <c r="QBN40" s="920"/>
      <c r="QBO40" s="920"/>
      <c r="QBP40" s="920"/>
      <c r="QBQ40" s="920"/>
      <c r="QBR40" s="920"/>
      <c r="QBS40" s="920"/>
      <c r="QBT40" s="920"/>
      <c r="QBU40" s="920"/>
      <c r="QBV40" s="920"/>
      <c r="QBW40" s="920"/>
      <c r="QBX40" s="920"/>
      <c r="QBY40" s="920"/>
      <c r="QBZ40" s="920"/>
      <c r="QCA40" s="920"/>
      <c r="QCB40" s="920"/>
      <c r="QCC40" s="920"/>
      <c r="QCD40" s="920"/>
      <c r="QCE40" s="920"/>
      <c r="QCF40" s="920"/>
      <c r="QCG40" s="920"/>
      <c r="QCH40" s="920"/>
      <c r="QCI40" s="920"/>
      <c r="QCJ40" s="920"/>
      <c r="QCK40" s="920"/>
      <c r="QCL40" s="920"/>
      <c r="QCM40" s="920"/>
      <c r="QCN40" s="920"/>
      <c r="QCO40" s="920"/>
      <c r="QCP40" s="920"/>
      <c r="QCQ40" s="920"/>
      <c r="QCR40" s="920"/>
      <c r="QCS40" s="920"/>
      <c r="QCT40" s="920"/>
      <c r="QCU40" s="920"/>
      <c r="QCV40" s="920"/>
      <c r="QCW40" s="920"/>
      <c r="QCX40" s="920"/>
      <c r="QCY40" s="920"/>
      <c r="QCZ40" s="920"/>
      <c r="QDA40" s="920"/>
      <c r="QDB40" s="920"/>
      <c r="QDC40" s="920"/>
      <c r="QDD40" s="920"/>
      <c r="QDE40" s="920"/>
      <c r="QDF40" s="920"/>
      <c r="QDG40" s="920"/>
      <c r="QDH40" s="920"/>
      <c r="QDI40" s="920"/>
      <c r="QDJ40" s="920"/>
      <c r="QDK40" s="920"/>
      <c r="QDL40" s="920"/>
      <c r="QDM40" s="920"/>
      <c r="QDN40" s="920"/>
      <c r="QDO40" s="920"/>
      <c r="QDP40" s="920"/>
      <c r="QDQ40" s="920"/>
      <c r="QDR40" s="920"/>
      <c r="QDS40" s="920"/>
      <c r="QDT40" s="920"/>
      <c r="QDU40" s="920"/>
      <c r="QDV40" s="920"/>
      <c r="QDW40" s="920"/>
      <c r="QDX40" s="920"/>
      <c r="QDY40" s="920"/>
      <c r="QDZ40" s="920"/>
      <c r="QEA40" s="920"/>
      <c r="QEB40" s="920"/>
      <c r="QEC40" s="920"/>
      <c r="QED40" s="920"/>
      <c r="QEE40" s="920"/>
      <c r="QEF40" s="920"/>
      <c r="QEG40" s="920"/>
      <c r="QEH40" s="920"/>
      <c r="QEI40" s="920"/>
      <c r="QEJ40" s="920"/>
      <c r="QEK40" s="920"/>
      <c r="QEL40" s="920"/>
      <c r="QEM40" s="920"/>
      <c r="QEN40" s="920"/>
      <c r="QEO40" s="920"/>
      <c r="QEP40" s="920"/>
      <c r="QEQ40" s="920"/>
      <c r="QER40" s="920"/>
      <c r="QES40" s="920"/>
      <c r="QET40" s="920"/>
      <c r="QEU40" s="920"/>
      <c r="QEV40" s="920"/>
      <c r="QEW40" s="920"/>
      <c r="QEX40" s="920"/>
      <c r="QEY40" s="920"/>
      <c r="QEZ40" s="920"/>
      <c r="QFA40" s="920"/>
      <c r="QFB40" s="920"/>
      <c r="QFC40" s="920"/>
      <c r="QFD40" s="920"/>
      <c r="QFE40" s="920"/>
      <c r="QFF40" s="920"/>
      <c r="QFG40" s="920"/>
      <c r="QFH40" s="920"/>
      <c r="QFI40" s="920"/>
      <c r="QFJ40" s="920"/>
      <c r="QFK40" s="920"/>
      <c r="QFL40" s="920"/>
      <c r="QFM40" s="920"/>
      <c r="QFN40" s="920"/>
      <c r="QFO40" s="920"/>
      <c r="QFP40" s="920"/>
      <c r="QFQ40" s="920"/>
      <c r="QFR40" s="920"/>
      <c r="QFS40" s="920"/>
      <c r="QFT40" s="920"/>
      <c r="QFU40" s="920"/>
      <c r="QFV40" s="920"/>
      <c r="QFW40" s="920"/>
      <c r="QFX40" s="920"/>
      <c r="QFY40" s="920"/>
      <c r="QFZ40" s="920"/>
      <c r="QGA40" s="920"/>
      <c r="QGB40" s="920"/>
      <c r="QGC40" s="920"/>
      <c r="QGD40" s="920"/>
      <c r="QGE40" s="920"/>
      <c r="QGF40" s="920"/>
      <c r="QGG40" s="920"/>
      <c r="QGH40" s="920"/>
      <c r="QGI40" s="920"/>
      <c r="QGJ40" s="920"/>
      <c r="QGK40" s="920"/>
      <c r="QGL40" s="920"/>
      <c r="QGM40" s="920"/>
      <c r="QGN40" s="920"/>
      <c r="QGO40" s="920"/>
      <c r="QGP40" s="920"/>
      <c r="QGQ40" s="920"/>
      <c r="QGR40" s="920"/>
      <c r="QGS40" s="920"/>
      <c r="QGT40" s="920"/>
      <c r="QGU40" s="920"/>
      <c r="QGV40" s="920"/>
      <c r="QGW40" s="920"/>
      <c r="QGX40" s="920"/>
      <c r="QGY40" s="920"/>
      <c r="QGZ40" s="920"/>
      <c r="QHA40" s="920"/>
      <c r="QHB40" s="920"/>
      <c r="QHC40" s="920"/>
      <c r="QHD40" s="920"/>
      <c r="QHE40" s="920"/>
      <c r="QHF40" s="920"/>
      <c r="QHG40" s="920"/>
      <c r="QHH40" s="920"/>
      <c r="QHI40" s="920"/>
      <c r="QHJ40" s="920"/>
      <c r="QHK40" s="920"/>
      <c r="QHL40" s="920"/>
      <c r="QHM40" s="920"/>
      <c r="QHN40" s="920"/>
      <c r="QHO40" s="920"/>
      <c r="QHP40" s="920"/>
      <c r="QHQ40" s="920"/>
      <c r="QHR40" s="920"/>
      <c r="QHS40" s="920"/>
      <c r="QHT40" s="920"/>
      <c r="QHU40" s="920"/>
      <c r="QHV40" s="920"/>
      <c r="QHW40" s="920"/>
      <c r="QHX40" s="920"/>
      <c r="QHY40" s="920"/>
      <c r="QHZ40" s="920"/>
      <c r="QIA40" s="920"/>
      <c r="QIB40" s="920"/>
      <c r="QIC40" s="920"/>
      <c r="QID40" s="920"/>
      <c r="QIE40" s="920"/>
      <c r="QIF40" s="920"/>
      <c r="QIG40" s="920"/>
      <c r="QIH40" s="920"/>
      <c r="QII40" s="920"/>
      <c r="QIJ40" s="920"/>
      <c r="QIK40" s="920"/>
      <c r="QIL40" s="920"/>
      <c r="QIM40" s="920"/>
      <c r="QIN40" s="920"/>
      <c r="QIO40" s="920"/>
      <c r="QIP40" s="920"/>
      <c r="QIQ40" s="920"/>
      <c r="QIR40" s="920"/>
      <c r="QIS40" s="920"/>
      <c r="QIT40" s="920"/>
      <c r="QIU40" s="920"/>
      <c r="QIV40" s="920"/>
      <c r="QIW40" s="920"/>
      <c r="QIX40" s="920"/>
      <c r="QIY40" s="920"/>
      <c r="QIZ40" s="920"/>
      <c r="QJA40" s="920"/>
      <c r="QJB40" s="920"/>
      <c r="QJC40" s="920"/>
      <c r="QJD40" s="920"/>
      <c r="QJE40" s="920"/>
      <c r="QJF40" s="920"/>
      <c r="QJG40" s="920"/>
      <c r="QJH40" s="920"/>
      <c r="QJI40" s="920"/>
      <c r="QJJ40" s="920"/>
      <c r="QJK40" s="920"/>
      <c r="QJL40" s="920"/>
      <c r="QJM40" s="920"/>
      <c r="QJN40" s="920"/>
      <c r="QJO40" s="920"/>
      <c r="QJP40" s="920"/>
      <c r="QJQ40" s="920"/>
      <c r="QJR40" s="920"/>
      <c r="QJS40" s="920"/>
      <c r="QJT40" s="920"/>
      <c r="QJU40" s="920"/>
      <c r="QJV40" s="920"/>
      <c r="QJW40" s="920"/>
      <c r="QJX40" s="920"/>
      <c r="QJY40" s="920"/>
      <c r="QJZ40" s="920"/>
      <c r="QKA40" s="920"/>
      <c r="QKB40" s="920"/>
      <c r="QKC40" s="920"/>
      <c r="QKD40" s="920"/>
      <c r="QKE40" s="920"/>
      <c r="QKF40" s="920"/>
      <c r="QKG40" s="920"/>
      <c r="QKH40" s="920"/>
      <c r="QKI40" s="920"/>
      <c r="QKJ40" s="920"/>
      <c r="QKK40" s="920"/>
      <c r="QKL40" s="920"/>
      <c r="QKM40" s="920"/>
      <c r="QKN40" s="920"/>
      <c r="QKO40" s="920"/>
      <c r="QKP40" s="920"/>
      <c r="QKQ40" s="920"/>
      <c r="QKR40" s="920"/>
      <c r="QKS40" s="920"/>
      <c r="QKT40" s="920"/>
      <c r="QKU40" s="920"/>
      <c r="QKV40" s="920"/>
      <c r="QKW40" s="920"/>
      <c r="QKX40" s="920"/>
      <c r="QKY40" s="920"/>
      <c r="QKZ40" s="920"/>
      <c r="QLA40" s="920"/>
      <c r="QLB40" s="920"/>
      <c r="QLC40" s="920"/>
      <c r="QLD40" s="920"/>
      <c r="QLE40" s="920"/>
      <c r="QLF40" s="920"/>
      <c r="QLG40" s="920"/>
      <c r="QLH40" s="920"/>
      <c r="QLI40" s="920"/>
      <c r="QLJ40" s="920"/>
      <c r="QLK40" s="920"/>
      <c r="QLL40" s="920"/>
      <c r="QLM40" s="920"/>
      <c r="QLN40" s="920"/>
      <c r="QLO40" s="920"/>
      <c r="QLP40" s="920"/>
      <c r="QLQ40" s="920"/>
      <c r="QLR40" s="920"/>
      <c r="QLS40" s="920"/>
      <c r="QLT40" s="920"/>
      <c r="QLU40" s="920"/>
      <c r="QLV40" s="920"/>
      <c r="QLW40" s="920"/>
      <c r="QLX40" s="920"/>
      <c r="QLY40" s="920"/>
      <c r="QLZ40" s="920"/>
      <c r="QMA40" s="920"/>
      <c r="QMB40" s="920"/>
      <c r="QMC40" s="920"/>
      <c r="QMD40" s="920"/>
      <c r="QME40" s="920"/>
      <c r="QMF40" s="920"/>
      <c r="QMG40" s="920"/>
      <c r="QMH40" s="920"/>
      <c r="QMI40" s="920"/>
      <c r="QMJ40" s="920"/>
      <c r="QMK40" s="920"/>
      <c r="QML40" s="920"/>
      <c r="QMM40" s="920"/>
      <c r="QMN40" s="920"/>
      <c r="QMO40" s="920"/>
      <c r="QMP40" s="920"/>
      <c r="QMQ40" s="920"/>
      <c r="QMR40" s="920"/>
      <c r="QMS40" s="920"/>
      <c r="QMT40" s="920"/>
      <c r="QMU40" s="920"/>
      <c r="QMV40" s="920"/>
      <c r="QMW40" s="920"/>
      <c r="QMX40" s="920"/>
      <c r="QMY40" s="920"/>
      <c r="QMZ40" s="920"/>
      <c r="QNA40" s="920"/>
      <c r="QNB40" s="920"/>
      <c r="QNC40" s="920"/>
      <c r="QND40" s="920"/>
      <c r="QNE40" s="920"/>
      <c r="QNF40" s="920"/>
      <c r="QNG40" s="920"/>
      <c r="QNH40" s="920"/>
      <c r="QNI40" s="920"/>
      <c r="QNJ40" s="920"/>
      <c r="QNK40" s="920"/>
      <c r="QNL40" s="920"/>
      <c r="QNM40" s="920"/>
      <c r="QNN40" s="920"/>
      <c r="QNO40" s="920"/>
      <c r="QNP40" s="920"/>
      <c r="QNQ40" s="920"/>
      <c r="QNR40" s="920"/>
      <c r="QNS40" s="920"/>
      <c r="QNT40" s="920"/>
      <c r="QNU40" s="920"/>
      <c r="QNV40" s="920"/>
      <c r="QNW40" s="920"/>
      <c r="QNX40" s="920"/>
      <c r="QNY40" s="920"/>
      <c r="QNZ40" s="920"/>
      <c r="QOA40" s="920"/>
      <c r="QOB40" s="920"/>
      <c r="QOC40" s="920"/>
      <c r="QOD40" s="920"/>
      <c r="QOE40" s="920"/>
      <c r="QOF40" s="920"/>
      <c r="QOG40" s="920"/>
      <c r="QOH40" s="920"/>
      <c r="QOI40" s="920"/>
      <c r="QOJ40" s="920"/>
      <c r="QOK40" s="920"/>
      <c r="QOL40" s="920"/>
      <c r="QOM40" s="920"/>
      <c r="QON40" s="920"/>
      <c r="QOO40" s="920"/>
      <c r="QOP40" s="920"/>
      <c r="QOQ40" s="920"/>
      <c r="QOR40" s="920"/>
      <c r="QOS40" s="920"/>
      <c r="QOT40" s="920"/>
      <c r="QOU40" s="920"/>
      <c r="QOV40" s="920"/>
      <c r="QOW40" s="920"/>
      <c r="QOX40" s="920"/>
      <c r="QOY40" s="920"/>
      <c r="QOZ40" s="920"/>
      <c r="QPA40" s="920"/>
      <c r="QPB40" s="920"/>
      <c r="QPC40" s="920"/>
      <c r="QPD40" s="920"/>
      <c r="QPE40" s="920"/>
      <c r="QPF40" s="920"/>
      <c r="QPG40" s="920"/>
      <c r="QPH40" s="920"/>
      <c r="QPI40" s="920"/>
      <c r="QPJ40" s="920"/>
      <c r="QPK40" s="920"/>
      <c r="QPL40" s="920"/>
      <c r="QPM40" s="920"/>
      <c r="QPN40" s="920"/>
      <c r="QPO40" s="920"/>
      <c r="QPP40" s="920"/>
      <c r="QPQ40" s="920"/>
      <c r="QPR40" s="920"/>
      <c r="QPS40" s="920"/>
      <c r="QPT40" s="920"/>
      <c r="QPU40" s="920"/>
      <c r="QPV40" s="920"/>
      <c r="QPW40" s="920"/>
      <c r="QPX40" s="920"/>
      <c r="QPY40" s="920"/>
      <c r="QPZ40" s="920"/>
      <c r="QQA40" s="920"/>
      <c r="QQB40" s="920"/>
      <c r="QQC40" s="920"/>
      <c r="QQD40" s="920"/>
      <c r="QQE40" s="920"/>
      <c r="QQF40" s="920"/>
      <c r="QQG40" s="920"/>
      <c r="QQH40" s="920"/>
      <c r="QQI40" s="920"/>
      <c r="QQJ40" s="920"/>
      <c r="QQK40" s="920"/>
      <c r="QQL40" s="920"/>
      <c r="QQM40" s="920"/>
      <c r="QQN40" s="920"/>
      <c r="QQO40" s="920"/>
      <c r="QQP40" s="920"/>
      <c r="QQQ40" s="920"/>
      <c r="QQR40" s="920"/>
      <c r="QQS40" s="920"/>
      <c r="QQT40" s="920"/>
      <c r="QQU40" s="920"/>
      <c r="QQV40" s="920"/>
      <c r="QQW40" s="920"/>
      <c r="QQX40" s="920"/>
      <c r="QQY40" s="920"/>
      <c r="QQZ40" s="920"/>
      <c r="QRA40" s="920"/>
      <c r="QRB40" s="920"/>
      <c r="QRC40" s="920"/>
      <c r="QRD40" s="920"/>
      <c r="QRE40" s="920"/>
      <c r="QRF40" s="920"/>
      <c r="QRG40" s="920"/>
      <c r="QRH40" s="920"/>
      <c r="QRI40" s="920"/>
      <c r="QRJ40" s="920"/>
      <c r="QRK40" s="920"/>
      <c r="QRL40" s="920"/>
      <c r="QRM40" s="920"/>
      <c r="QRN40" s="920"/>
      <c r="QRO40" s="920"/>
      <c r="QRP40" s="920"/>
      <c r="QRQ40" s="920"/>
      <c r="QRR40" s="920"/>
      <c r="QRS40" s="920"/>
      <c r="QRT40" s="920"/>
      <c r="QRU40" s="920"/>
      <c r="QRV40" s="920"/>
      <c r="QRW40" s="920"/>
      <c r="QRX40" s="920"/>
      <c r="QRY40" s="920"/>
      <c r="QRZ40" s="920"/>
      <c r="QSA40" s="920"/>
      <c r="QSB40" s="920"/>
      <c r="QSC40" s="920"/>
      <c r="QSD40" s="920"/>
      <c r="QSE40" s="920"/>
      <c r="QSF40" s="920"/>
      <c r="QSG40" s="920"/>
      <c r="QSH40" s="920"/>
      <c r="QSI40" s="920"/>
      <c r="QSJ40" s="920"/>
      <c r="QSK40" s="920"/>
      <c r="QSL40" s="920"/>
      <c r="QSM40" s="920"/>
      <c r="QSN40" s="920"/>
      <c r="QSO40" s="920"/>
      <c r="QSP40" s="920"/>
      <c r="QSQ40" s="920"/>
      <c r="QSR40" s="920"/>
      <c r="QSS40" s="920"/>
      <c r="QST40" s="920"/>
      <c r="QSU40" s="920"/>
      <c r="QSV40" s="920"/>
      <c r="QSW40" s="920"/>
      <c r="QSX40" s="920"/>
      <c r="QSY40" s="920"/>
      <c r="QSZ40" s="920"/>
      <c r="QTA40" s="920"/>
      <c r="QTB40" s="920"/>
      <c r="QTC40" s="920"/>
      <c r="QTD40" s="920"/>
      <c r="QTE40" s="920"/>
      <c r="QTF40" s="920"/>
      <c r="QTG40" s="920"/>
      <c r="QTH40" s="920"/>
      <c r="QTI40" s="920"/>
      <c r="QTJ40" s="920"/>
      <c r="QTK40" s="920"/>
      <c r="QTL40" s="920"/>
      <c r="QTM40" s="920"/>
      <c r="QTN40" s="920"/>
      <c r="QTO40" s="920"/>
      <c r="QTP40" s="920"/>
      <c r="QTQ40" s="920"/>
      <c r="QTR40" s="920"/>
      <c r="QTS40" s="920"/>
      <c r="QTT40" s="920"/>
      <c r="QTU40" s="920"/>
      <c r="QTV40" s="920"/>
      <c r="QTW40" s="920"/>
      <c r="QTX40" s="920"/>
      <c r="QTY40" s="920"/>
      <c r="QTZ40" s="920"/>
      <c r="QUA40" s="920"/>
      <c r="QUB40" s="920"/>
      <c r="QUC40" s="920"/>
      <c r="QUD40" s="920"/>
      <c r="QUE40" s="920"/>
      <c r="QUF40" s="920"/>
      <c r="QUG40" s="920"/>
      <c r="QUH40" s="920"/>
      <c r="QUI40" s="920"/>
      <c r="QUJ40" s="920"/>
      <c r="QUK40" s="920"/>
      <c r="QUL40" s="920"/>
      <c r="QUM40" s="920"/>
      <c r="QUN40" s="920"/>
      <c r="QUO40" s="920"/>
      <c r="QUP40" s="920"/>
      <c r="QUQ40" s="920"/>
      <c r="QUR40" s="920"/>
      <c r="QUS40" s="920"/>
      <c r="QUT40" s="920"/>
      <c r="QUU40" s="920"/>
      <c r="QUV40" s="920"/>
      <c r="QUW40" s="920"/>
      <c r="QUX40" s="920"/>
      <c r="QUY40" s="920"/>
      <c r="QUZ40" s="920"/>
      <c r="QVA40" s="920"/>
      <c r="QVB40" s="920"/>
      <c r="QVC40" s="920"/>
      <c r="QVD40" s="920"/>
      <c r="QVE40" s="920"/>
      <c r="QVF40" s="920"/>
      <c r="QVG40" s="920"/>
      <c r="QVH40" s="920"/>
      <c r="QVI40" s="920"/>
      <c r="QVJ40" s="920"/>
      <c r="QVK40" s="920"/>
      <c r="QVL40" s="920"/>
      <c r="QVM40" s="920"/>
      <c r="QVN40" s="920"/>
      <c r="QVO40" s="920"/>
      <c r="QVP40" s="920"/>
      <c r="QVQ40" s="920"/>
      <c r="QVR40" s="920"/>
      <c r="QVS40" s="920"/>
      <c r="QVT40" s="920"/>
      <c r="QVU40" s="920"/>
      <c r="QVV40" s="920"/>
      <c r="QVW40" s="920"/>
      <c r="QVX40" s="920"/>
      <c r="QVY40" s="920"/>
      <c r="QVZ40" s="920"/>
      <c r="QWA40" s="920"/>
      <c r="QWB40" s="920"/>
      <c r="QWC40" s="920"/>
      <c r="QWD40" s="920"/>
      <c r="QWE40" s="920"/>
      <c r="QWF40" s="920"/>
      <c r="QWG40" s="920"/>
      <c r="QWH40" s="920"/>
      <c r="QWI40" s="920"/>
      <c r="QWJ40" s="920"/>
      <c r="QWK40" s="920"/>
      <c r="QWL40" s="920"/>
      <c r="QWM40" s="920"/>
      <c r="QWN40" s="920"/>
      <c r="QWO40" s="920"/>
      <c r="QWP40" s="920"/>
      <c r="QWQ40" s="920"/>
      <c r="QWR40" s="920"/>
      <c r="QWS40" s="920"/>
      <c r="QWT40" s="920"/>
      <c r="QWU40" s="920"/>
      <c r="QWV40" s="920"/>
      <c r="QWW40" s="920"/>
      <c r="QWX40" s="920"/>
      <c r="QWY40" s="920"/>
      <c r="QWZ40" s="920"/>
      <c r="QXA40" s="920"/>
      <c r="QXB40" s="920"/>
      <c r="QXC40" s="920"/>
      <c r="QXD40" s="920"/>
      <c r="QXE40" s="920"/>
      <c r="QXF40" s="920"/>
      <c r="QXG40" s="920"/>
      <c r="QXH40" s="920"/>
      <c r="QXI40" s="920"/>
      <c r="QXJ40" s="920"/>
      <c r="QXK40" s="920"/>
      <c r="QXL40" s="920"/>
      <c r="QXM40" s="920"/>
      <c r="QXN40" s="920"/>
      <c r="QXO40" s="920"/>
      <c r="QXP40" s="920"/>
      <c r="QXQ40" s="920"/>
      <c r="QXR40" s="920"/>
      <c r="QXS40" s="920"/>
      <c r="QXT40" s="920"/>
      <c r="QXU40" s="920"/>
      <c r="QXV40" s="920"/>
      <c r="QXW40" s="920"/>
      <c r="QXX40" s="920"/>
      <c r="QXY40" s="920"/>
      <c r="QXZ40" s="920"/>
      <c r="QYA40" s="920"/>
      <c r="QYB40" s="920"/>
      <c r="QYC40" s="920"/>
      <c r="QYD40" s="920"/>
      <c r="QYE40" s="920"/>
      <c r="QYF40" s="920"/>
      <c r="QYG40" s="920"/>
      <c r="QYH40" s="920"/>
      <c r="QYI40" s="920"/>
      <c r="QYJ40" s="920"/>
      <c r="QYK40" s="920"/>
      <c r="QYL40" s="920"/>
      <c r="QYM40" s="920"/>
      <c r="QYN40" s="920"/>
      <c r="QYO40" s="920"/>
      <c r="QYP40" s="920"/>
      <c r="QYQ40" s="920"/>
      <c r="QYR40" s="920"/>
      <c r="QYS40" s="920"/>
      <c r="QYT40" s="920"/>
      <c r="QYU40" s="920"/>
      <c r="QYV40" s="920"/>
      <c r="QYW40" s="920"/>
      <c r="QYX40" s="920"/>
      <c r="QYY40" s="920"/>
      <c r="QYZ40" s="920"/>
      <c r="QZA40" s="920"/>
      <c r="QZB40" s="920"/>
      <c r="QZC40" s="920"/>
      <c r="QZD40" s="920"/>
      <c r="QZE40" s="920"/>
      <c r="QZF40" s="920"/>
      <c r="QZG40" s="920"/>
      <c r="QZH40" s="920"/>
      <c r="QZI40" s="920"/>
      <c r="QZJ40" s="920"/>
      <c r="QZK40" s="920"/>
      <c r="QZL40" s="920"/>
      <c r="QZM40" s="920"/>
      <c r="QZN40" s="920"/>
      <c r="QZO40" s="920"/>
      <c r="QZP40" s="920"/>
      <c r="QZQ40" s="920"/>
      <c r="QZR40" s="920"/>
      <c r="QZS40" s="920"/>
      <c r="QZT40" s="920"/>
      <c r="QZU40" s="920"/>
      <c r="QZV40" s="920"/>
      <c r="QZW40" s="920"/>
      <c r="QZX40" s="920"/>
      <c r="QZY40" s="920"/>
      <c r="QZZ40" s="920"/>
      <c r="RAA40" s="920"/>
      <c r="RAB40" s="920"/>
      <c r="RAC40" s="920"/>
      <c r="RAD40" s="920"/>
      <c r="RAE40" s="920"/>
      <c r="RAF40" s="920"/>
      <c r="RAG40" s="920"/>
      <c r="RAH40" s="920"/>
      <c r="RAI40" s="920"/>
      <c r="RAJ40" s="920"/>
      <c r="RAK40" s="920"/>
      <c r="RAL40" s="920"/>
      <c r="RAM40" s="920"/>
      <c r="RAN40" s="920"/>
      <c r="RAO40" s="920"/>
      <c r="RAP40" s="920"/>
      <c r="RAQ40" s="920"/>
      <c r="RAR40" s="920"/>
      <c r="RAS40" s="920"/>
      <c r="RAT40" s="920"/>
      <c r="RAU40" s="920"/>
      <c r="RAV40" s="920"/>
      <c r="RAW40" s="920"/>
      <c r="RAX40" s="920"/>
      <c r="RAY40" s="920"/>
      <c r="RAZ40" s="920"/>
      <c r="RBA40" s="920"/>
      <c r="RBB40" s="920"/>
      <c r="RBC40" s="920"/>
      <c r="RBD40" s="920"/>
      <c r="RBE40" s="920"/>
      <c r="RBF40" s="920"/>
      <c r="RBG40" s="920"/>
      <c r="RBH40" s="920"/>
      <c r="RBI40" s="920"/>
      <c r="RBJ40" s="920"/>
      <c r="RBK40" s="920"/>
      <c r="RBL40" s="920"/>
      <c r="RBM40" s="920"/>
      <c r="RBN40" s="920"/>
      <c r="RBO40" s="920"/>
      <c r="RBP40" s="920"/>
      <c r="RBQ40" s="920"/>
      <c r="RBR40" s="920"/>
      <c r="RBS40" s="920"/>
      <c r="RBT40" s="920"/>
      <c r="RBU40" s="920"/>
      <c r="RBV40" s="920"/>
      <c r="RBW40" s="920"/>
      <c r="RBX40" s="920"/>
      <c r="RBY40" s="920"/>
      <c r="RBZ40" s="920"/>
      <c r="RCA40" s="920"/>
      <c r="RCB40" s="920"/>
      <c r="RCC40" s="920"/>
      <c r="RCD40" s="920"/>
      <c r="RCE40" s="920"/>
      <c r="RCF40" s="920"/>
      <c r="RCG40" s="920"/>
      <c r="RCH40" s="920"/>
      <c r="RCI40" s="920"/>
      <c r="RCJ40" s="920"/>
      <c r="RCK40" s="920"/>
      <c r="RCL40" s="920"/>
      <c r="RCM40" s="920"/>
      <c r="RCN40" s="920"/>
      <c r="RCO40" s="920"/>
      <c r="RCP40" s="920"/>
      <c r="RCQ40" s="920"/>
      <c r="RCR40" s="920"/>
      <c r="RCS40" s="920"/>
      <c r="RCT40" s="920"/>
      <c r="RCU40" s="920"/>
      <c r="RCV40" s="920"/>
      <c r="RCW40" s="920"/>
      <c r="RCX40" s="920"/>
      <c r="RCY40" s="920"/>
      <c r="RCZ40" s="920"/>
      <c r="RDA40" s="920"/>
      <c r="RDB40" s="920"/>
      <c r="RDC40" s="920"/>
      <c r="RDD40" s="920"/>
      <c r="RDE40" s="920"/>
      <c r="RDF40" s="920"/>
      <c r="RDG40" s="920"/>
      <c r="RDH40" s="920"/>
      <c r="RDI40" s="920"/>
      <c r="RDJ40" s="920"/>
      <c r="RDK40" s="920"/>
      <c r="RDL40" s="920"/>
      <c r="RDM40" s="920"/>
      <c r="RDN40" s="920"/>
      <c r="RDO40" s="920"/>
      <c r="RDP40" s="920"/>
      <c r="RDQ40" s="920"/>
      <c r="RDR40" s="920"/>
      <c r="RDS40" s="920"/>
      <c r="RDT40" s="920"/>
      <c r="RDU40" s="920"/>
      <c r="RDV40" s="920"/>
      <c r="RDW40" s="920"/>
      <c r="RDX40" s="920"/>
      <c r="RDY40" s="920"/>
      <c r="RDZ40" s="920"/>
      <c r="REA40" s="920"/>
      <c r="REB40" s="920"/>
      <c r="REC40" s="920"/>
      <c r="RED40" s="920"/>
      <c r="REE40" s="920"/>
      <c r="REF40" s="920"/>
      <c r="REG40" s="920"/>
      <c r="REH40" s="920"/>
      <c r="REI40" s="920"/>
      <c r="REJ40" s="920"/>
      <c r="REK40" s="920"/>
      <c r="REL40" s="920"/>
      <c r="REM40" s="920"/>
      <c r="REN40" s="920"/>
      <c r="REO40" s="920"/>
      <c r="REP40" s="920"/>
      <c r="REQ40" s="920"/>
      <c r="RER40" s="920"/>
      <c r="RES40" s="920"/>
      <c r="RET40" s="920"/>
      <c r="REU40" s="920"/>
      <c r="REV40" s="920"/>
      <c r="REW40" s="920"/>
      <c r="REX40" s="920"/>
      <c r="REY40" s="920"/>
      <c r="REZ40" s="920"/>
      <c r="RFA40" s="920"/>
      <c r="RFB40" s="920"/>
      <c r="RFC40" s="920"/>
      <c r="RFD40" s="920"/>
      <c r="RFE40" s="920"/>
      <c r="RFF40" s="920"/>
      <c r="RFG40" s="920"/>
      <c r="RFH40" s="920"/>
      <c r="RFI40" s="920"/>
      <c r="RFJ40" s="920"/>
      <c r="RFK40" s="920"/>
      <c r="RFL40" s="920"/>
      <c r="RFM40" s="920"/>
      <c r="RFN40" s="920"/>
      <c r="RFO40" s="920"/>
      <c r="RFP40" s="920"/>
      <c r="RFQ40" s="920"/>
      <c r="RFR40" s="920"/>
      <c r="RFS40" s="920"/>
      <c r="RFT40" s="920"/>
      <c r="RFU40" s="920"/>
      <c r="RFV40" s="920"/>
      <c r="RFW40" s="920"/>
      <c r="RFX40" s="920"/>
      <c r="RFY40" s="920"/>
      <c r="RFZ40" s="920"/>
      <c r="RGA40" s="920"/>
      <c r="RGB40" s="920"/>
      <c r="RGC40" s="920"/>
      <c r="RGD40" s="920"/>
      <c r="RGE40" s="920"/>
      <c r="RGF40" s="920"/>
      <c r="RGG40" s="920"/>
      <c r="RGH40" s="920"/>
      <c r="RGI40" s="920"/>
      <c r="RGJ40" s="920"/>
      <c r="RGK40" s="920"/>
      <c r="RGL40" s="920"/>
      <c r="RGM40" s="920"/>
      <c r="RGN40" s="920"/>
      <c r="RGO40" s="920"/>
      <c r="RGP40" s="920"/>
      <c r="RGQ40" s="920"/>
      <c r="RGR40" s="920"/>
      <c r="RGS40" s="920"/>
      <c r="RGT40" s="920"/>
      <c r="RGU40" s="920"/>
      <c r="RGV40" s="920"/>
      <c r="RGW40" s="920"/>
      <c r="RGX40" s="920"/>
      <c r="RGY40" s="920"/>
      <c r="RGZ40" s="920"/>
      <c r="RHA40" s="920"/>
      <c r="RHB40" s="920"/>
      <c r="RHC40" s="920"/>
      <c r="RHD40" s="920"/>
      <c r="RHE40" s="920"/>
      <c r="RHF40" s="920"/>
      <c r="RHG40" s="920"/>
      <c r="RHH40" s="920"/>
      <c r="RHI40" s="920"/>
      <c r="RHJ40" s="920"/>
      <c r="RHK40" s="920"/>
      <c r="RHL40" s="920"/>
      <c r="RHM40" s="920"/>
      <c r="RHN40" s="920"/>
      <c r="RHO40" s="920"/>
      <c r="RHP40" s="920"/>
      <c r="RHQ40" s="920"/>
      <c r="RHR40" s="920"/>
      <c r="RHS40" s="920"/>
      <c r="RHT40" s="920"/>
      <c r="RHU40" s="920"/>
      <c r="RHV40" s="920"/>
      <c r="RHW40" s="920"/>
      <c r="RHX40" s="920"/>
      <c r="RHY40" s="920"/>
      <c r="RHZ40" s="920"/>
      <c r="RIA40" s="920"/>
      <c r="RIB40" s="920"/>
      <c r="RIC40" s="920"/>
      <c r="RID40" s="920"/>
      <c r="RIE40" s="920"/>
      <c r="RIF40" s="920"/>
      <c r="RIG40" s="920"/>
      <c r="RIH40" s="920"/>
      <c r="RII40" s="920"/>
      <c r="RIJ40" s="920"/>
      <c r="RIK40" s="920"/>
      <c r="RIL40" s="920"/>
      <c r="RIM40" s="920"/>
      <c r="RIN40" s="920"/>
      <c r="RIO40" s="920"/>
      <c r="RIP40" s="920"/>
      <c r="RIQ40" s="920"/>
      <c r="RIR40" s="920"/>
      <c r="RIS40" s="920"/>
      <c r="RIT40" s="920"/>
      <c r="RIU40" s="920"/>
      <c r="RIV40" s="920"/>
      <c r="RIW40" s="920"/>
      <c r="RIX40" s="920"/>
      <c r="RIY40" s="920"/>
      <c r="RIZ40" s="920"/>
      <c r="RJA40" s="920"/>
      <c r="RJB40" s="920"/>
      <c r="RJC40" s="920"/>
      <c r="RJD40" s="920"/>
      <c r="RJE40" s="920"/>
      <c r="RJF40" s="920"/>
      <c r="RJG40" s="920"/>
      <c r="RJH40" s="920"/>
      <c r="RJI40" s="920"/>
      <c r="RJJ40" s="920"/>
      <c r="RJK40" s="920"/>
      <c r="RJL40" s="920"/>
      <c r="RJM40" s="920"/>
      <c r="RJN40" s="920"/>
      <c r="RJO40" s="920"/>
      <c r="RJP40" s="920"/>
      <c r="RJQ40" s="920"/>
      <c r="RJR40" s="920"/>
      <c r="RJS40" s="920"/>
      <c r="RJT40" s="920"/>
      <c r="RJU40" s="920"/>
      <c r="RJV40" s="920"/>
      <c r="RJW40" s="920"/>
      <c r="RJX40" s="920"/>
      <c r="RJY40" s="920"/>
      <c r="RJZ40" s="920"/>
      <c r="RKA40" s="920"/>
      <c r="RKB40" s="920"/>
      <c r="RKC40" s="920"/>
      <c r="RKD40" s="920"/>
      <c r="RKE40" s="920"/>
      <c r="RKF40" s="920"/>
      <c r="RKG40" s="920"/>
      <c r="RKH40" s="920"/>
      <c r="RKI40" s="920"/>
      <c r="RKJ40" s="920"/>
      <c r="RKK40" s="920"/>
      <c r="RKL40" s="920"/>
      <c r="RKM40" s="920"/>
      <c r="RKN40" s="920"/>
      <c r="RKO40" s="920"/>
      <c r="RKP40" s="920"/>
      <c r="RKQ40" s="920"/>
      <c r="RKR40" s="920"/>
      <c r="RKS40" s="920"/>
      <c r="RKT40" s="920"/>
      <c r="RKU40" s="920"/>
      <c r="RKV40" s="920"/>
      <c r="RKW40" s="920"/>
      <c r="RKX40" s="920"/>
      <c r="RKY40" s="920"/>
      <c r="RKZ40" s="920"/>
      <c r="RLA40" s="920"/>
      <c r="RLB40" s="920"/>
      <c r="RLC40" s="920"/>
      <c r="RLD40" s="920"/>
      <c r="RLE40" s="920"/>
      <c r="RLF40" s="920"/>
      <c r="RLG40" s="920"/>
      <c r="RLH40" s="920"/>
      <c r="RLI40" s="920"/>
      <c r="RLJ40" s="920"/>
      <c r="RLK40" s="920"/>
      <c r="RLL40" s="920"/>
      <c r="RLM40" s="920"/>
      <c r="RLN40" s="920"/>
      <c r="RLO40" s="920"/>
      <c r="RLP40" s="920"/>
      <c r="RLQ40" s="920"/>
      <c r="RLR40" s="920"/>
      <c r="RLS40" s="920"/>
      <c r="RLT40" s="920"/>
      <c r="RLU40" s="920"/>
      <c r="RLV40" s="920"/>
      <c r="RLW40" s="920"/>
      <c r="RLX40" s="920"/>
      <c r="RLY40" s="920"/>
      <c r="RLZ40" s="920"/>
      <c r="RMA40" s="920"/>
      <c r="RMB40" s="920"/>
      <c r="RMC40" s="920"/>
      <c r="RMD40" s="920"/>
      <c r="RME40" s="920"/>
      <c r="RMF40" s="920"/>
      <c r="RMG40" s="920"/>
      <c r="RMH40" s="920"/>
      <c r="RMI40" s="920"/>
      <c r="RMJ40" s="920"/>
      <c r="RMK40" s="920"/>
      <c r="RML40" s="920"/>
      <c r="RMM40" s="920"/>
      <c r="RMN40" s="920"/>
      <c r="RMO40" s="920"/>
      <c r="RMP40" s="920"/>
      <c r="RMQ40" s="920"/>
      <c r="RMR40" s="920"/>
      <c r="RMS40" s="920"/>
      <c r="RMT40" s="920"/>
      <c r="RMU40" s="920"/>
      <c r="RMV40" s="920"/>
      <c r="RMW40" s="920"/>
      <c r="RMX40" s="920"/>
      <c r="RMY40" s="920"/>
      <c r="RMZ40" s="920"/>
      <c r="RNA40" s="920"/>
      <c r="RNB40" s="920"/>
      <c r="RNC40" s="920"/>
      <c r="RND40" s="920"/>
      <c r="RNE40" s="920"/>
      <c r="RNF40" s="920"/>
      <c r="RNG40" s="920"/>
      <c r="RNH40" s="920"/>
      <c r="RNI40" s="920"/>
      <c r="RNJ40" s="920"/>
      <c r="RNK40" s="920"/>
      <c r="RNL40" s="920"/>
      <c r="RNM40" s="920"/>
      <c r="RNN40" s="920"/>
      <c r="RNO40" s="920"/>
      <c r="RNP40" s="920"/>
      <c r="RNQ40" s="920"/>
      <c r="RNR40" s="920"/>
      <c r="RNS40" s="920"/>
      <c r="RNT40" s="920"/>
      <c r="RNU40" s="920"/>
      <c r="RNV40" s="920"/>
      <c r="RNW40" s="920"/>
      <c r="RNX40" s="920"/>
      <c r="RNY40" s="920"/>
      <c r="RNZ40" s="920"/>
      <c r="ROA40" s="920"/>
      <c r="ROB40" s="920"/>
      <c r="ROC40" s="920"/>
      <c r="ROD40" s="920"/>
      <c r="ROE40" s="920"/>
      <c r="ROF40" s="920"/>
      <c r="ROG40" s="920"/>
      <c r="ROH40" s="920"/>
      <c r="ROI40" s="920"/>
      <c r="ROJ40" s="920"/>
      <c r="ROK40" s="920"/>
      <c r="ROL40" s="920"/>
      <c r="ROM40" s="920"/>
      <c r="RON40" s="920"/>
      <c r="ROO40" s="920"/>
      <c r="ROP40" s="920"/>
      <c r="ROQ40" s="920"/>
      <c r="ROR40" s="920"/>
      <c r="ROS40" s="920"/>
      <c r="ROT40" s="920"/>
      <c r="ROU40" s="920"/>
      <c r="ROV40" s="920"/>
      <c r="ROW40" s="920"/>
      <c r="ROX40" s="920"/>
      <c r="ROY40" s="920"/>
      <c r="ROZ40" s="920"/>
      <c r="RPA40" s="920"/>
      <c r="RPB40" s="920"/>
      <c r="RPC40" s="920"/>
      <c r="RPD40" s="920"/>
      <c r="RPE40" s="920"/>
      <c r="RPF40" s="920"/>
      <c r="RPG40" s="920"/>
      <c r="RPH40" s="920"/>
      <c r="RPI40" s="920"/>
      <c r="RPJ40" s="920"/>
      <c r="RPK40" s="920"/>
      <c r="RPL40" s="920"/>
      <c r="RPM40" s="920"/>
      <c r="RPN40" s="920"/>
      <c r="RPO40" s="920"/>
      <c r="RPP40" s="920"/>
      <c r="RPQ40" s="920"/>
      <c r="RPR40" s="920"/>
      <c r="RPS40" s="920"/>
      <c r="RPT40" s="920"/>
      <c r="RPU40" s="920"/>
      <c r="RPV40" s="920"/>
      <c r="RPW40" s="920"/>
      <c r="RPX40" s="920"/>
      <c r="RPY40" s="920"/>
      <c r="RPZ40" s="920"/>
      <c r="RQA40" s="920"/>
      <c r="RQB40" s="920"/>
      <c r="RQC40" s="920"/>
      <c r="RQD40" s="920"/>
      <c r="RQE40" s="920"/>
      <c r="RQF40" s="920"/>
      <c r="RQG40" s="920"/>
      <c r="RQH40" s="920"/>
      <c r="RQI40" s="920"/>
      <c r="RQJ40" s="920"/>
      <c r="RQK40" s="920"/>
      <c r="RQL40" s="920"/>
      <c r="RQM40" s="920"/>
      <c r="RQN40" s="920"/>
      <c r="RQO40" s="920"/>
      <c r="RQP40" s="920"/>
      <c r="RQQ40" s="920"/>
      <c r="RQR40" s="920"/>
      <c r="RQS40" s="920"/>
      <c r="RQT40" s="920"/>
      <c r="RQU40" s="920"/>
      <c r="RQV40" s="920"/>
      <c r="RQW40" s="920"/>
      <c r="RQX40" s="920"/>
      <c r="RQY40" s="920"/>
      <c r="RQZ40" s="920"/>
      <c r="RRA40" s="920"/>
      <c r="RRB40" s="920"/>
      <c r="RRC40" s="920"/>
      <c r="RRD40" s="920"/>
      <c r="RRE40" s="920"/>
      <c r="RRF40" s="920"/>
      <c r="RRG40" s="920"/>
      <c r="RRH40" s="920"/>
      <c r="RRI40" s="920"/>
      <c r="RRJ40" s="920"/>
      <c r="RRK40" s="920"/>
      <c r="RRL40" s="920"/>
      <c r="RRM40" s="920"/>
      <c r="RRN40" s="920"/>
      <c r="RRO40" s="920"/>
      <c r="RRP40" s="920"/>
      <c r="RRQ40" s="920"/>
      <c r="RRR40" s="920"/>
      <c r="RRS40" s="920"/>
      <c r="RRT40" s="920"/>
      <c r="RRU40" s="920"/>
      <c r="RRV40" s="920"/>
      <c r="RRW40" s="920"/>
      <c r="RRX40" s="920"/>
      <c r="RRY40" s="920"/>
      <c r="RRZ40" s="920"/>
      <c r="RSA40" s="920"/>
      <c r="RSB40" s="920"/>
      <c r="RSC40" s="920"/>
      <c r="RSD40" s="920"/>
      <c r="RSE40" s="920"/>
      <c r="RSF40" s="920"/>
      <c r="RSG40" s="920"/>
      <c r="RSH40" s="920"/>
      <c r="RSI40" s="920"/>
      <c r="RSJ40" s="920"/>
      <c r="RSK40" s="920"/>
      <c r="RSL40" s="920"/>
      <c r="RSM40" s="920"/>
      <c r="RSN40" s="920"/>
      <c r="RSO40" s="920"/>
      <c r="RSP40" s="920"/>
      <c r="RSQ40" s="920"/>
      <c r="RSR40" s="920"/>
      <c r="RSS40" s="920"/>
      <c r="RST40" s="920"/>
      <c r="RSU40" s="920"/>
      <c r="RSV40" s="920"/>
      <c r="RSW40" s="920"/>
      <c r="RSX40" s="920"/>
      <c r="RSY40" s="920"/>
      <c r="RSZ40" s="920"/>
      <c r="RTA40" s="920"/>
      <c r="RTB40" s="920"/>
      <c r="RTC40" s="920"/>
      <c r="RTD40" s="920"/>
      <c r="RTE40" s="920"/>
      <c r="RTF40" s="920"/>
      <c r="RTG40" s="920"/>
      <c r="RTH40" s="920"/>
      <c r="RTI40" s="920"/>
      <c r="RTJ40" s="920"/>
      <c r="RTK40" s="920"/>
      <c r="RTL40" s="920"/>
      <c r="RTM40" s="920"/>
      <c r="RTN40" s="920"/>
      <c r="RTO40" s="920"/>
      <c r="RTP40" s="920"/>
      <c r="RTQ40" s="920"/>
      <c r="RTR40" s="920"/>
      <c r="RTS40" s="920"/>
      <c r="RTT40" s="920"/>
      <c r="RTU40" s="920"/>
      <c r="RTV40" s="920"/>
      <c r="RTW40" s="920"/>
      <c r="RTX40" s="920"/>
      <c r="RTY40" s="920"/>
      <c r="RTZ40" s="920"/>
      <c r="RUA40" s="920"/>
      <c r="RUB40" s="920"/>
      <c r="RUC40" s="920"/>
      <c r="RUD40" s="920"/>
      <c r="RUE40" s="920"/>
      <c r="RUF40" s="920"/>
      <c r="RUG40" s="920"/>
      <c r="RUH40" s="920"/>
      <c r="RUI40" s="920"/>
      <c r="RUJ40" s="920"/>
      <c r="RUK40" s="920"/>
      <c r="RUL40" s="920"/>
      <c r="RUM40" s="920"/>
      <c r="RUN40" s="920"/>
      <c r="RUO40" s="920"/>
      <c r="RUP40" s="920"/>
      <c r="RUQ40" s="920"/>
      <c r="RUR40" s="920"/>
      <c r="RUS40" s="920"/>
      <c r="RUT40" s="920"/>
      <c r="RUU40" s="920"/>
      <c r="RUV40" s="920"/>
      <c r="RUW40" s="920"/>
      <c r="RUX40" s="920"/>
      <c r="RUY40" s="920"/>
      <c r="RUZ40" s="920"/>
      <c r="RVA40" s="920"/>
      <c r="RVB40" s="920"/>
      <c r="RVC40" s="920"/>
      <c r="RVD40" s="920"/>
      <c r="RVE40" s="920"/>
      <c r="RVF40" s="920"/>
      <c r="RVG40" s="920"/>
      <c r="RVH40" s="920"/>
      <c r="RVI40" s="920"/>
      <c r="RVJ40" s="920"/>
      <c r="RVK40" s="920"/>
      <c r="RVL40" s="920"/>
      <c r="RVM40" s="920"/>
      <c r="RVN40" s="920"/>
      <c r="RVO40" s="920"/>
      <c r="RVP40" s="920"/>
      <c r="RVQ40" s="920"/>
      <c r="RVR40" s="920"/>
      <c r="RVS40" s="920"/>
      <c r="RVT40" s="920"/>
      <c r="RVU40" s="920"/>
      <c r="RVV40" s="920"/>
      <c r="RVW40" s="920"/>
      <c r="RVX40" s="920"/>
      <c r="RVY40" s="920"/>
      <c r="RVZ40" s="920"/>
      <c r="RWA40" s="920"/>
      <c r="RWB40" s="920"/>
      <c r="RWC40" s="920"/>
      <c r="RWD40" s="920"/>
      <c r="RWE40" s="920"/>
      <c r="RWF40" s="920"/>
      <c r="RWG40" s="920"/>
      <c r="RWH40" s="920"/>
      <c r="RWI40" s="920"/>
      <c r="RWJ40" s="920"/>
      <c r="RWK40" s="920"/>
      <c r="RWL40" s="920"/>
      <c r="RWM40" s="920"/>
      <c r="RWN40" s="920"/>
      <c r="RWO40" s="920"/>
      <c r="RWP40" s="920"/>
      <c r="RWQ40" s="920"/>
      <c r="RWR40" s="920"/>
      <c r="RWS40" s="920"/>
      <c r="RWT40" s="920"/>
      <c r="RWU40" s="920"/>
      <c r="RWV40" s="920"/>
      <c r="RWW40" s="920"/>
      <c r="RWX40" s="920"/>
      <c r="RWY40" s="920"/>
      <c r="RWZ40" s="920"/>
      <c r="RXA40" s="920"/>
      <c r="RXB40" s="920"/>
      <c r="RXC40" s="920"/>
      <c r="RXD40" s="920"/>
      <c r="RXE40" s="920"/>
      <c r="RXF40" s="920"/>
      <c r="RXG40" s="920"/>
      <c r="RXH40" s="920"/>
      <c r="RXI40" s="920"/>
      <c r="RXJ40" s="920"/>
      <c r="RXK40" s="920"/>
      <c r="RXL40" s="920"/>
      <c r="RXM40" s="920"/>
      <c r="RXN40" s="920"/>
      <c r="RXO40" s="920"/>
      <c r="RXP40" s="920"/>
      <c r="RXQ40" s="920"/>
      <c r="RXR40" s="920"/>
      <c r="RXS40" s="920"/>
      <c r="RXT40" s="920"/>
      <c r="RXU40" s="920"/>
      <c r="RXV40" s="920"/>
      <c r="RXW40" s="920"/>
      <c r="RXX40" s="920"/>
      <c r="RXY40" s="920"/>
      <c r="RXZ40" s="920"/>
      <c r="RYA40" s="920"/>
      <c r="RYB40" s="920"/>
      <c r="RYC40" s="920"/>
      <c r="RYD40" s="920"/>
      <c r="RYE40" s="920"/>
      <c r="RYF40" s="920"/>
      <c r="RYG40" s="920"/>
      <c r="RYH40" s="920"/>
      <c r="RYI40" s="920"/>
      <c r="RYJ40" s="920"/>
      <c r="RYK40" s="920"/>
      <c r="RYL40" s="920"/>
      <c r="RYM40" s="920"/>
      <c r="RYN40" s="920"/>
      <c r="RYO40" s="920"/>
      <c r="RYP40" s="920"/>
      <c r="RYQ40" s="920"/>
      <c r="RYR40" s="920"/>
      <c r="RYS40" s="920"/>
      <c r="RYT40" s="920"/>
      <c r="RYU40" s="920"/>
      <c r="RYV40" s="920"/>
      <c r="RYW40" s="920"/>
      <c r="RYX40" s="920"/>
      <c r="RYY40" s="920"/>
      <c r="RYZ40" s="920"/>
      <c r="RZA40" s="920"/>
      <c r="RZB40" s="920"/>
      <c r="RZC40" s="920"/>
      <c r="RZD40" s="920"/>
      <c r="RZE40" s="920"/>
      <c r="RZF40" s="920"/>
      <c r="RZG40" s="920"/>
      <c r="RZH40" s="920"/>
      <c r="RZI40" s="920"/>
      <c r="RZJ40" s="920"/>
      <c r="RZK40" s="920"/>
      <c r="RZL40" s="920"/>
      <c r="RZM40" s="920"/>
      <c r="RZN40" s="920"/>
      <c r="RZO40" s="920"/>
      <c r="RZP40" s="920"/>
      <c r="RZQ40" s="920"/>
      <c r="RZR40" s="920"/>
      <c r="RZS40" s="920"/>
      <c r="RZT40" s="920"/>
      <c r="RZU40" s="920"/>
      <c r="RZV40" s="920"/>
      <c r="RZW40" s="920"/>
      <c r="RZX40" s="920"/>
      <c r="RZY40" s="920"/>
      <c r="RZZ40" s="920"/>
      <c r="SAA40" s="920"/>
      <c r="SAB40" s="920"/>
      <c r="SAC40" s="920"/>
      <c r="SAD40" s="920"/>
      <c r="SAE40" s="920"/>
      <c r="SAF40" s="920"/>
      <c r="SAG40" s="920"/>
      <c r="SAH40" s="920"/>
      <c r="SAI40" s="920"/>
      <c r="SAJ40" s="920"/>
      <c r="SAK40" s="920"/>
      <c r="SAL40" s="920"/>
      <c r="SAM40" s="920"/>
      <c r="SAN40" s="920"/>
      <c r="SAO40" s="920"/>
      <c r="SAP40" s="920"/>
      <c r="SAQ40" s="920"/>
      <c r="SAR40" s="920"/>
      <c r="SAS40" s="920"/>
      <c r="SAT40" s="920"/>
      <c r="SAU40" s="920"/>
      <c r="SAV40" s="920"/>
      <c r="SAW40" s="920"/>
      <c r="SAX40" s="920"/>
      <c r="SAY40" s="920"/>
      <c r="SAZ40" s="920"/>
      <c r="SBA40" s="920"/>
      <c r="SBB40" s="920"/>
      <c r="SBC40" s="920"/>
      <c r="SBD40" s="920"/>
      <c r="SBE40" s="920"/>
      <c r="SBF40" s="920"/>
      <c r="SBG40" s="920"/>
      <c r="SBH40" s="920"/>
      <c r="SBI40" s="920"/>
      <c r="SBJ40" s="920"/>
      <c r="SBK40" s="920"/>
      <c r="SBL40" s="920"/>
      <c r="SBM40" s="920"/>
      <c r="SBN40" s="920"/>
      <c r="SBO40" s="920"/>
      <c r="SBP40" s="920"/>
      <c r="SBQ40" s="920"/>
      <c r="SBR40" s="920"/>
      <c r="SBS40" s="920"/>
      <c r="SBT40" s="920"/>
      <c r="SBU40" s="920"/>
      <c r="SBV40" s="920"/>
      <c r="SBW40" s="920"/>
      <c r="SBX40" s="920"/>
      <c r="SBY40" s="920"/>
      <c r="SBZ40" s="920"/>
      <c r="SCA40" s="920"/>
      <c r="SCB40" s="920"/>
      <c r="SCC40" s="920"/>
      <c r="SCD40" s="920"/>
      <c r="SCE40" s="920"/>
      <c r="SCF40" s="920"/>
      <c r="SCG40" s="920"/>
      <c r="SCH40" s="920"/>
      <c r="SCI40" s="920"/>
      <c r="SCJ40" s="920"/>
      <c r="SCK40" s="920"/>
      <c r="SCL40" s="920"/>
      <c r="SCM40" s="920"/>
      <c r="SCN40" s="920"/>
      <c r="SCO40" s="920"/>
      <c r="SCP40" s="920"/>
      <c r="SCQ40" s="920"/>
      <c r="SCR40" s="920"/>
      <c r="SCS40" s="920"/>
      <c r="SCT40" s="920"/>
      <c r="SCU40" s="920"/>
      <c r="SCV40" s="920"/>
      <c r="SCW40" s="920"/>
      <c r="SCX40" s="920"/>
      <c r="SCY40" s="920"/>
      <c r="SCZ40" s="920"/>
      <c r="SDA40" s="920"/>
      <c r="SDB40" s="920"/>
      <c r="SDC40" s="920"/>
      <c r="SDD40" s="920"/>
      <c r="SDE40" s="920"/>
      <c r="SDF40" s="920"/>
      <c r="SDG40" s="920"/>
      <c r="SDH40" s="920"/>
      <c r="SDI40" s="920"/>
      <c r="SDJ40" s="920"/>
      <c r="SDK40" s="920"/>
      <c r="SDL40" s="920"/>
      <c r="SDM40" s="920"/>
      <c r="SDN40" s="920"/>
      <c r="SDO40" s="920"/>
      <c r="SDP40" s="920"/>
      <c r="SDQ40" s="920"/>
      <c r="SDR40" s="920"/>
      <c r="SDS40" s="920"/>
      <c r="SDT40" s="920"/>
      <c r="SDU40" s="920"/>
      <c r="SDV40" s="920"/>
      <c r="SDW40" s="920"/>
      <c r="SDX40" s="920"/>
      <c r="SDY40" s="920"/>
      <c r="SDZ40" s="920"/>
      <c r="SEA40" s="920"/>
      <c r="SEB40" s="920"/>
      <c r="SEC40" s="920"/>
      <c r="SED40" s="920"/>
      <c r="SEE40" s="920"/>
      <c r="SEF40" s="920"/>
      <c r="SEG40" s="920"/>
      <c r="SEH40" s="920"/>
      <c r="SEI40" s="920"/>
      <c r="SEJ40" s="920"/>
      <c r="SEK40" s="920"/>
      <c r="SEL40" s="920"/>
      <c r="SEM40" s="920"/>
      <c r="SEN40" s="920"/>
      <c r="SEO40" s="920"/>
      <c r="SEP40" s="920"/>
      <c r="SEQ40" s="920"/>
      <c r="SER40" s="920"/>
      <c r="SES40" s="920"/>
      <c r="SET40" s="920"/>
      <c r="SEU40" s="920"/>
      <c r="SEV40" s="920"/>
      <c r="SEW40" s="920"/>
      <c r="SEX40" s="920"/>
      <c r="SEY40" s="920"/>
      <c r="SEZ40" s="920"/>
      <c r="SFA40" s="920"/>
      <c r="SFB40" s="920"/>
      <c r="SFC40" s="920"/>
      <c r="SFD40" s="920"/>
      <c r="SFE40" s="920"/>
      <c r="SFF40" s="920"/>
      <c r="SFG40" s="920"/>
      <c r="SFH40" s="920"/>
      <c r="SFI40" s="920"/>
      <c r="SFJ40" s="920"/>
      <c r="SFK40" s="920"/>
      <c r="SFL40" s="920"/>
      <c r="SFM40" s="920"/>
      <c r="SFN40" s="920"/>
      <c r="SFO40" s="920"/>
      <c r="SFP40" s="920"/>
      <c r="SFQ40" s="920"/>
      <c r="SFR40" s="920"/>
      <c r="SFS40" s="920"/>
      <c r="SFT40" s="920"/>
      <c r="SFU40" s="920"/>
      <c r="SFV40" s="920"/>
      <c r="SFW40" s="920"/>
      <c r="SFX40" s="920"/>
      <c r="SFY40" s="920"/>
      <c r="SFZ40" s="920"/>
      <c r="SGA40" s="920"/>
      <c r="SGB40" s="920"/>
      <c r="SGC40" s="920"/>
      <c r="SGD40" s="920"/>
      <c r="SGE40" s="920"/>
      <c r="SGF40" s="920"/>
      <c r="SGG40" s="920"/>
      <c r="SGH40" s="920"/>
      <c r="SGI40" s="920"/>
      <c r="SGJ40" s="920"/>
      <c r="SGK40" s="920"/>
      <c r="SGL40" s="920"/>
      <c r="SGM40" s="920"/>
      <c r="SGN40" s="920"/>
      <c r="SGO40" s="920"/>
      <c r="SGP40" s="920"/>
      <c r="SGQ40" s="920"/>
      <c r="SGR40" s="920"/>
      <c r="SGS40" s="920"/>
      <c r="SGT40" s="920"/>
      <c r="SGU40" s="920"/>
      <c r="SGV40" s="920"/>
      <c r="SGW40" s="920"/>
      <c r="SGX40" s="920"/>
      <c r="SGY40" s="920"/>
      <c r="SGZ40" s="920"/>
      <c r="SHA40" s="920"/>
      <c r="SHB40" s="920"/>
      <c r="SHC40" s="920"/>
      <c r="SHD40" s="920"/>
      <c r="SHE40" s="920"/>
      <c r="SHF40" s="920"/>
      <c r="SHG40" s="920"/>
      <c r="SHH40" s="920"/>
      <c r="SHI40" s="920"/>
      <c r="SHJ40" s="920"/>
      <c r="SHK40" s="920"/>
      <c r="SHL40" s="920"/>
      <c r="SHM40" s="920"/>
      <c r="SHN40" s="920"/>
      <c r="SHO40" s="920"/>
      <c r="SHP40" s="920"/>
      <c r="SHQ40" s="920"/>
      <c r="SHR40" s="920"/>
      <c r="SHS40" s="920"/>
      <c r="SHT40" s="920"/>
      <c r="SHU40" s="920"/>
      <c r="SHV40" s="920"/>
      <c r="SHW40" s="920"/>
      <c r="SHX40" s="920"/>
      <c r="SHY40" s="920"/>
      <c r="SHZ40" s="920"/>
      <c r="SIA40" s="920"/>
      <c r="SIB40" s="920"/>
      <c r="SIC40" s="920"/>
      <c r="SID40" s="920"/>
      <c r="SIE40" s="920"/>
      <c r="SIF40" s="920"/>
      <c r="SIG40" s="920"/>
      <c r="SIH40" s="920"/>
      <c r="SII40" s="920"/>
      <c r="SIJ40" s="920"/>
      <c r="SIK40" s="920"/>
      <c r="SIL40" s="920"/>
      <c r="SIM40" s="920"/>
      <c r="SIN40" s="920"/>
      <c r="SIO40" s="920"/>
      <c r="SIP40" s="920"/>
      <c r="SIQ40" s="920"/>
      <c r="SIR40" s="920"/>
      <c r="SIS40" s="920"/>
      <c r="SIT40" s="920"/>
      <c r="SIU40" s="920"/>
      <c r="SIV40" s="920"/>
      <c r="SIW40" s="920"/>
      <c r="SIX40" s="920"/>
      <c r="SIY40" s="920"/>
      <c r="SIZ40" s="920"/>
      <c r="SJA40" s="920"/>
      <c r="SJB40" s="920"/>
      <c r="SJC40" s="920"/>
      <c r="SJD40" s="920"/>
      <c r="SJE40" s="920"/>
      <c r="SJF40" s="920"/>
      <c r="SJG40" s="920"/>
      <c r="SJH40" s="920"/>
      <c r="SJI40" s="920"/>
      <c r="SJJ40" s="920"/>
      <c r="SJK40" s="920"/>
      <c r="SJL40" s="920"/>
      <c r="SJM40" s="920"/>
      <c r="SJN40" s="920"/>
      <c r="SJO40" s="920"/>
      <c r="SJP40" s="920"/>
      <c r="SJQ40" s="920"/>
      <c r="SJR40" s="920"/>
      <c r="SJS40" s="920"/>
      <c r="SJT40" s="920"/>
      <c r="SJU40" s="920"/>
      <c r="SJV40" s="920"/>
      <c r="SJW40" s="920"/>
      <c r="SJX40" s="920"/>
      <c r="SJY40" s="920"/>
      <c r="SJZ40" s="920"/>
      <c r="SKA40" s="920"/>
      <c r="SKB40" s="920"/>
      <c r="SKC40" s="920"/>
      <c r="SKD40" s="920"/>
      <c r="SKE40" s="920"/>
      <c r="SKF40" s="920"/>
      <c r="SKG40" s="920"/>
      <c r="SKH40" s="920"/>
      <c r="SKI40" s="920"/>
      <c r="SKJ40" s="920"/>
      <c r="SKK40" s="920"/>
      <c r="SKL40" s="920"/>
      <c r="SKM40" s="920"/>
      <c r="SKN40" s="920"/>
      <c r="SKO40" s="920"/>
      <c r="SKP40" s="920"/>
      <c r="SKQ40" s="920"/>
      <c r="SKR40" s="920"/>
      <c r="SKS40" s="920"/>
      <c r="SKT40" s="920"/>
      <c r="SKU40" s="920"/>
      <c r="SKV40" s="920"/>
      <c r="SKW40" s="920"/>
      <c r="SKX40" s="920"/>
      <c r="SKY40" s="920"/>
      <c r="SKZ40" s="920"/>
      <c r="SLA40" s="920"/>
      <c r="SLB40" s="920"/>
      <c r="SLC40" s="920"/>
      <c r="SLD40" s="920"/>
      <c r="SLE40" s="920"/>
      <c r="SLF40" s="920"/>
      <c r="SLG40" s="920"/>
      <c r="SLH40" s="920"/>
      <c r="SLI40" s="920"/>
      <c r="SLJ40" s="920"/>
      <c r="SLK40" s="920"/>
      <c r="SLL40" s="920"/>
      <c r="SLM40" s="920"/>
      <c r="SLN40" s="920"/>
      <c r="SLO40" s="920"/>
      <c r="SLP40" s="920"/>
      <c r="SLQ40" s="920"/>
      <c r="SLR40" s="920"/>
      <c r="SLS40" s="920"/>
      <c r="SLT40" s="920"/>
      <c r="SLU40" s="920"/>
      <c r="SLV40" s="920"/>
      <c r="SLW40" s="920"/>
      <c r="SLX40" s="920"/>
      <c r="SLY40" s="920"/>
      <c r="SLZ40" s="920"/>
      <c r="SMA40" s="920"/>
      <c r="SMB40" s="920"/>
      <c r="SMC40" s="920"/>
      <c r="SMD40" s="920"/>
      <c r="SME40" s="920"/>
      <c r="SMF40" s="920"/>
      <c r="SMG40" s="920"/>
      <c r="SMH40" s="920"/>
      <c r="SMI40" s="920"/>
      <c r="SMJ40" s="920"/>
      <c r="SMK40" s="920"/>
      <c r="SML40" s="920"/>
      <c r="SMM40" s="920"/>
      <c r="SMN40" s="920"/>
      <c r="SMO40" s="920"/>
      <c r="SMP40" s="920"/>
      <c r="SMQ40" s="920"/>
      <c r="SMR40" s="920"/>
      <c r="SMS40" s="920"/>
      <c r="SMT40" s="920"/>
      <c r="SMU40" s="920"/>
      <c r="SMV40" s="920"/>
      <c r="SMW40" s="920"/>
      <c r="SMX40" s="920"/>
      <c r="SMY40" s="920"/>
      <c r="SMZ40" s="920"/>
      <c r="SNA40" s="920"/>
      <c r="SNB40" s="920"/>
      <c r="SNC40" s="920"/>
      <c r="SND40" s="920"/>
      <c r="SNE40" s="920"/>
      <c r="SNF40" s="920"/>
      <c r="SNG40" s="920"/>
      <c r="SNH40" s="920"/>
      <c r="SNI40" s="920"/>
      <c r="SNJ40" s="920"/>
      <c r="SNK40" s="920"/>
      <c r="SNL40" s="920"/>
      <c r="SNM40" s="920"/>
      <c r="SNN40" s="920"/>
      <c r="SNO40" s="920"/>
      <c r="SNP40" s="920"/>
      <c r="SNQ40" s="920"/>
      <c r="SNR40" s="920"/>
      <c r="SNS40" s="920"/>
      <c r="SNT40" s="920"/>
      <c r="SNU40" s="920"/>
      <c r="SNV40" s="920"/>
      <c r="SNW40" s="920"/>
      <c r="SNX40" s="920"/>
      <c r="SNY40" s="920"/>
      <c r="SNZ40" s="920"/>
      <c r="SOA40" s="920"/>
      <c r="SOB40" s="920"/>
      <c r="SOC40" s="920"/>
      <c r="SOD40" s="920"/>
      <c r="SOE40" s="920"/>
      <c r="SOF40" s="920"/>
      <c r="SOG40" s="920"/>
      <c r="SOH40" s="920"/>
      <c r="SOI40" s="920"/>
      <c r="SOJ40" s="920"/>
      <c r="SOK40" s="920"/>
      <c r="SOL40" s="920"/>
      <c r="SOM40" s="920"/>
      <c r="SON40" s="920"/>
      <c r="SOO40" s="920"/>
      <c r="SOP40" s="920"/>
      <c r="SOQ40" s="920"/>
      <c r="SOR40" s="920"/>
      <c r="SOS40" s="920"/>
      <c r="SOT40" s="920"/>
      <c r="SOU40" s="920"/>
      <c r="SOV40" s="920"/>
      <c r="SOW40" s="920"/>
      <c r="SOX40" s="920"/>
      <c r="SOY40" s="920"/>
      <c r="SOZ40" s="920"/>
      <c r="SPA40" s="920"/>
      <c r="SPB40" s="920"/>
      <c r="SPC40" s="920"/>
      <c r="SPD40" s="920"/>
      <c r="SPE40" s="920"/>
      <c r="SPF40" s="920"/>
      <c r="SPG40" s="920"/>
      <c r="SPH40" s="920"/>
      <c r="SPI40" s="920"/>
      <c r="SPJ40" s="920"/>
      <c r="SPK40" s="920"/>
      <c r="SPL40" s="920"/>
      <c r="SPM40" s="920"/>
      <c r="SPN40" s="920"/>
      <c r="SPO40" s="920"/>
      <c r="SPP40" s="920"/>
      <c r="SPQ40" s="920"/>
      <c r="SPR40" s="920"/>
      <c r="SPS40" s="920"/>
      <c r="SPT40" s="920"/>
      <c r="SPU40" s="920"/>
      <c r="SPV40" s="920"/>
      <c r="SPW40" s="920"/>
      <c r="SPX40" s="920"/>
      <c r="SPY40" s="920"/>
      <c r="SPZ40" s="920"/>
      <c r="SQA40" s="920"/>
      <c r="SQB40" s="920"/>
      <c r="SQC40" s="920"/>
      <c r="SQD40" s="920"/>
      <c r="SQE40" s="920"/>
      <c r="SQF40" s="920"/>
      <c r="SQG40" s="920"/>
      <c r="SQH40" s="920"/>
      <c r="SQI40" s="920"/>
      <c r="SQJ40" s="920"/>
      <c r="SQK40" s="920"/>
      <c r="SQL40" s="920"/>
      <c r="SQM40" s="920"/>
      <c r="SQN40" s="920"/>
      <c r="SQO40" s="920"/>
      <c r="SQP40" s="920"/>
      <c r="SQQ40" s="920"/>
      <c r="SQR40" s="920"/>
      <c r="SQS40" s="920"/>
      <c r="SQT40" s="920"/>
      <c r="SQU40" s="920"/>
      <c r="SQV40" s="920"/>
      <c r="SQW40" s="920"/>
      <c r="SQX40" s="920"/>
      <c r="SQY40" s="920"/>
      <c r="SQZ40" s="920"/>
      <c r="SRA40" s="920"/>
      <c r="SRB40" s="920"/>
      <c r="SRC40" s="920"/>
      <c r="SRD40" s="920"/>
      <c r="SRE40" s="920"/>
      <c r="SRF40" s="920"/>
      <c r="SRG40" s="920"/>
      <c r="SRH40" s="920"/>
      <c r="SRI40" s="920"/>
      <c r="SRJ40" s="920"/>
      <c r="SRK40" s="920"/>
      <c r="SRL40" s="920"/>
      <c r="SRM40" s="920"/>
      <c r="SRN40" s="920"/>
      <c r="SRO40" s="920"/>
      <c r="SRP40" s="920"/>
      <c r="SRQ40" s="920"/>
      <c r="SRR40" s="920"/>
      <c r="SRS40" s="920"/>
      <c r="SRT40" s="920"/>
      <c r="SRU40" s="920"/>
      <c r="SRV40" s="920"/>
      <c r="SRW40" s="920"/>
      <c r="SRX40" s="920"/>
      <c r="SRY40" s="920"/>
      <c r="SRZ40" s="920"/>
      <c r="SSA40" s="920"/>
      <c r="SSB40" s="920"/>
      <c r="SSC40" s="920"/>
      <c r="SSD40" s="920"/>
      <c r="SSE40" s="920"/>
      <c r="SSF40" s="920"/>
      <c r="SSG40" s="920"/>
      <c r="SSH40" s="920"/>
      <c r="SSI40" s="920"/>
      <c r="SSJ40" s="920"/>
      <c r="SSK40" s="920"/>
      <c r="SSL40" s="920"/>
      <c r="SSM40" s="920"/>
      <c r="SSN40" s="920"/>
      <c r="SSO40" s="920"/>
      <c r="SSP40" s="920"/>
      <c r="SSQ40" s="920"/>
      <c r="SSR40" s="920"/>
      <c r="SSS40" s="920"/>
      <c r="SST40" s="920"/>
      <c r="SSU40" s="920"/>
      <c r="SSV40" s="920"/>
      <c r="SSW40" s="920"/>
      <c r="SSX40" s="920"/>
      <c r="SSY40" s="920"/>
      <c r="SSZ40" s="920"/>
      <c r="STA40" s="920"/>
      <c r="STB40" s="920"/>
      <c r="STC40" s="920"/>
      <c r="STD40" s="920"/>
      <c r="STE40" s="920"/>
      <c r="STF40" s="920"/>
      <c r="STG40" s="920"/>
      <c r="STH40" s="920"/>
      <c r="STI40" s="920"/>
      <c r="STJ40" s="920"/>
      <c r="STK40" s="920"/>
      <c r="STL40" s="920"/>
      <c r="STM40" s="920"/>
      <c r="STN40" s="920"/>
      <c r="STO40" s="920"/>
      <c r="STP40" s="920"/>
      <c r="STQ40" s="920"/>
      <c r="STR40" s="920"/>
      <c r="STS40" s="920"/>
      <c r="STT40" s="920"/>
      <c r="STU40" s="920"/>
      <c r="STV40" s="920"/>
      <c r="STW40" s="920"/>
      <c r="STX40" s="920"/>
      <c r="STY40" s="920"/>
      <c r="STZ40" s="920"/>
      <c r="SUA40" s="920"/>
      <c r="SUB40" s="920"/>
      <c r="SUC40" s="920"/>
      <c r="SUD40" s="920"/>
      <c r="SUE40" s="920"/>
      <c r="SUF40" s="920"/>
      <c r="SUG40" s="920"/>
      <c r="SUH40" s="920"/>
      <c r="SUI40" s="920"/>
      <c r="SUJ40" s="920"/>
      <c r="SUK40" s="920"/>
      <c r="SUL40" s="920"/>
      <c r="SUM40" s="920"/>
      <c r="SUN40" s="920"/>
      <c r="SUO40" s="920"/>
      <c r="SUP40" s="920"/>
      <c r="SUQ40" s="920"/>
      <c r="SUR40" s="920"/>
      <c r="SUS40" s="920"/>
      <c r="SUT40" s="920"/>
      <c r="SUU40" s="920"/>
      <c r="SUV40" s="920"/>
      <c r="SUW40" s="920"/>
      <c r="SUX40" s="920"/>
      <c r="SUY40" s="920"/>
      <c r="SUZ40" s="920"/>
      <c r="SVA40" s="920"/>
      <c r="SVB40" s="920"/>
      <c r="SVC40" s="920"/>
      <c r="SVD40" s="920"/>
      <c r="SVE40" s="920"/>
      <c r="SVF40" s="920"/>
      <c r="SVG40" s="920"/>
      <c r="SVH40" s="920"/>
      <c r="SVI40" s="920"/>
      <c r="SVJ40" s="920"/>
      <c r="SVK40" s="920"/>
      <c r="SVL40" s="920"/>
      <c r="SVM40" s="920"/>
      <c r="SVN40" s="920"/>
      <c r="SVO40" s="920"/>
      <c r="SVP40" s="920"/>
      <c r="SVQ40" s="920"/>
      <c r="SVR40" s="920"/>
      <c r="SVS40" s="920"/>
      <c r="SVT40" s="920"/>
      <c r="SVU40" s="920"/>
      <c r="SVV40" s="920"/>
      <c r="SVW40" s="920"/>
      <c r="SVX40" s="920"/>
      <c r="SVY40" s="920"/>
      <c r="SVZ40" s="920"/>
      <c r="SWA40" s="920"/>
      <c r="SWB40" s="920"/>
      <c r="SWC40" s="920"/>
      <c r="SWD40" s="920"/>
      <c r="SWE40" s="920"/>
      <c r="SWF40" s="920"/>
      <c r="SWG40" s="920"/>
      <c r="SWH40" s="920"/>
      <c r="SWI40" s="920"/>
      <c r="SWJ40" s="920"/>
      <c r="SWK40" s="920"/>
      <c r="SWL40" s="920"/>
      <c r="SWM40" s="920"/>
      <c r="SWN40" s="920"/>
      <c r="SWO40" s="920"/>
      <c r="SWP40" s="920"/>
      <c r="SWQ40" s="920"/>
      <c r="SWR40" s="920"/>
      <c r="SWS40" s="920"/>
      <c r="SWT40" s="920"/>
      <c r="SWU40" s="920"/>
      <c r="SWV40" s="920"/>
      <c r="SWW40" s="920"/>
      <c r="SWX40" s="920"/>
      <c r="SWY40" s="920"/>
      <c r="SWZ40" s="920"/>
      <c r="SXA40" s="920"/>
      <c r="SXB40" s="920"/>
      <c r="SXC40" s="920"/>
      <c r="SXD40" s="920"/>
      <c r="SXE40" s="920"/>
      <c r="SXF40" s="920"/>
      <c r="SXG40" s="920"/>
      <c r="SXH40" s="920"/>
      <c r="SXI40" s="920"/>
      <c r="SXJ40" s="920"/>
      <c r="SXK40" s="920"/>
      <c r="SXL40" s="920"/>
      <c r="SXM40" s="920"/>
      <c r="SXN40" s="920"/>
      <c r="SXO40" s="920"/>
      <c r="SXP40" s="920"/>
      <c r="SXQ40" s="920"/>
      <c r="SXR40" s="920"/>
      <c r="SXS40" s="920"/>
      <c r="SXT40" s="920"/>
      <c r="SXU40" s="920"/>
      <c r="SXV40" s="920"/>
      <c r="SXW40" s="920"/>
      <c r="SXX40" s="920"/>
      <c r="SXY40" s="920"/>
      <c r="SXZ40" s="920"/>
      <c r="SYA40" s="920"/>
      <c r="SYB40" s="920"/>
      <c r="SYC40" s="920"/>
      <c r="SYD40" s="920"/>
      <c r="SYE40" s="920"/>
      <c r="SYF40" s="920"/>
      <c r="SYG40" s="920"/>
      <c r="SYH40" s="920"/>
      <c r="SYI40" s="920"/>
      <c r="SYJ40" s="920"/>
      <c r="SYK40" s="920"/>
      <c r="SYL40" s="920"/>
      <c r="SYM40" s="920"/>
      <c r="SYN40" s="920"/>
      <c r="SYO40" s="920"/>
      <c r="SYP40" s="920"/>
      <c r="SYQ40" s="920"/>
      <c r="SYR40" s="920"/>
      <c r="SYS40" s="920"/>
      <c r="SYT40" s="920"/>
      <c r="SYU40" s="920"/>
      <c r="SYV40" s="920"/>
      <c r="SYW40" s="920"/>
      <c r="SYX40" s="920"/>
      <c r="SYY40" s="920"/>
      <c r="SYZ40" s="920"/>
      <c r="SZA40" s="920"/>
      <c r="SZB40" s="920"/>
      <c r="SZC40" s="920"/>
      <c r="SZD40" s="920"/>
      <c r="SZE40" s="920"/>
      <c r="SZF40" s="920"/>
      <c r="SZG40" s="920"/>
      <c r="SZH40" s="920"/>
      <c r="SZI40" s="920"/>
      <c r="SZJ40" s="920"/>
      <c r="SZK40" s="920"/>
      <c r="SZL40" s="920"/>
      <c r="SZM40" s="920"/>
      <c r="SZN40" s="920"/>
      <c r="SZO40" s="920"/>
      <c r="SZP40" s="920"/>
      <c r="SZQ40" s="920"/>
      <c r="SZR40" s="920"/>
      <c r="SZS40" s="920"/>
      <c r="SZT40" s="920"/>
      <c r="SZU40" s="920"/>
      <c r="SZV40" s="920"/>
      <c r="SZW40" s="920"/>
      <c r="SZX40" s="920"/>
      <c r="SZY40" s="920"/>
      <c r="SZZ40" s="920"/>
      <c r="TAA40" s="920"/>
      <c r="TAB40" s="920"/>
      <c r="TAC40" s="920"/>
      <c r="TAD40" s="920"/>
      <c r="TAE40" s="920"/>
      <c r="TAF40" s="920"/>
      <c r="TAG40" s="920"/>
      <c r="TAH40" s="920"/>
      <c r="TAI40" s="920"/>
      <c r="TAJ40" s="920"/>
      <c r="TAK40" s="920"/>
      <c r="TAL40" s="920"/>
      <c r="TAM40" s="920"/>
      <c r="TAN40" s="920"/>
      <c r="TAO40" s="920"/>
      <c r="TAP40" s="920"/>
      <c r="TAQ40" s="920"/>
      <c r="TAR40" s="920"/>
      <c r="TAS40" s="920"/>
      <c r="TAT40" s="920"/>
      <c r="TAU40" s="920"/>
      <c r="TAV40" s="920"/>
      <c r="TAW40" s="920"/>
      <c r="TAX40" s="920"/>
      <c r="TAY40" s="920"/>
      <c r="TAZ40" s="920"/>
      <c r="TBA40" s="920"/>
      <c r="TBB40" s="920"/>
      <c r="TBC40" s="920"/>
      <c r="TBD40" s="920"/>
      <c r="TBE40" s="920"/>
      <c r="TBF40" s="920"/>
      <c r="TBG40" s="920"/>
      <c r="TBH40" s="920"/>
      <c r="TBI40" s="920"/>
      <c r="TBJ40" s="920"/>
      <c r="TBK40" s="920"/>
      <c r="TBL40" s="920"/>
      <c r="TBM40" s="920"/>
      <c r="TBN40" s="920"/>
      <c r="TBO40" s="920"/>
      <c r="TBP40" s="920"/>
      <c r="TBQ40" s="920"/>
      <c r="TBR40" s="920"/>
      <c r="TBS40" s="920"/>
      <c r="TBT40" s="920"/>
      <c r="TBU40" s="920"/>
      <c r="TBV40" s="920"/>
      <c r="TBW40" s="920"/>
      <c r="TBX40" s="920"/>
      <c r="TBY40" s="920"/>
      <c r="TBZ40" s="920"/>
      <c r="TCA40" s="920"/>
      <c r="TCB40" s="920"/>
      <c r="TCC40" s="920"/>
      <c r="TCD40" s="920"/>
      <c r="TCE40" s="920"/>
      <c r="TCF40" s="920"/>
      <c r="TCG40" s="920"/>
      <c r="TCH40" s="920"/>
      <c r="TCI40" s="920"/>
      <c r="TCJ40" s="920"/>
      <c r="TCK40" s="920"/>
      <c r="TCL40" s="920"/>
      <c r="TCM40" s="920"/>
      <c r="TCN40" s="920"/>
      <c r="TCO40" s="920"/>
      <c r="TCP40" s="920"/>
      <c r="TCQ40" s="920"/>
      <c r="TCR40" s="920"/>
      <c r="TCS40" s="920"/>
      <c r="TCT40" s="920"/>
      <c r="TCU40" s="920"/>
      <c r="TCV40" s="920"/>
      <c r="TCW40" s="920"/>
      <c r="TCX40" s="920"/>
      <c r="TCY40" s="920"/>
      <c r="TCZ40" s="920"/>
      <c r="TDA40" s="920"/>
      <c r="TDB40" s="920"/>
      <c r="TDC40" s="920"/>
      <c r="TDD40" s="920"/>
      <c r="TDE40" s="920"/>
      <c r="TDF40" s="920"/>
      <c r="TDG40" s="920"/>
      <c r="TDH40" s="920"/>
      <c r="TDI40" s="920"/>
      <c r="TDJ40" s="920"/>
      <c r="TDK40" s="920"/>
      <c r="TDL40" s="920"/>
      <c r="TDM40" s="920"/>
      <c r="TDN40" s="920"/>
      <c r="TDO40" s="920"/>
      <c r="TDP40" s="920"/>
      <c r="TDQ40" s="920"/>
      <c r="TDR40" s="920"/>
      <c r="TDS40" s="920"/>
      <c r="TDT40" s="920"/>
      <c r="TDU40" s="920"/>
      <c r="TDV40" s="920"/>
      <c r="TDW40" s="920"/>
      <c r="TDX40" s="920"/>
      <c r="TDY40" s="920"/>
      <c r="TDZ40" s="920"/>
      <c r="TEA40" s="920"/>
      <c r="TEB40" s="920"/>
      <c r="TEC40" s="920"/>
      <c r="TED40" s="920"/>
      <c r="TEE40" s="920"/>
      <c r="TEF40" s="920"/>
      <c r="TEG40" s="920"/>
      <c r="TEH40" s="920"/>
      <c r="TEI40" s="920"/>
      <c r="TEJ40" s="920"/>
      <c r="TEK40" s="920"/>
      <c r="TEL40" s="920"/>
      <c r="TEM40" s="920"/>
      <c r="TEN40" s="920"/>
      <c r="TEO40" s="920"/>
      <c r="TEP40" s="920"/>
      <c r="TEQ40" s="920"/>
      <c r="TER40" s="920"/>
      <c r="TES40" s="920"/>
      <c r="TET40" s="920"/>
      <c r="TEU40" s="920"/>
      <c r="TEV40" s="920"/>
      <c r="TEW40" s="920"/>
      <c r="TEX40" s="920"/>
      <c r="TEY40" s="920"/>
      <c r="TEZ40" s="920"/>
      <c r="TFA40" s="920"/>
      <c r="TFB40" s="920"/>
      <c r="TFC40" s="920"/>
      <c r="TFD40" s="920"/>
      <c r="TFE40" s="920"/>
      <c r="TFF40" s="920"/>
      <c r="TFG40" s="920"/>
      <c r="TFH40" s="920"/>
      <c r="TFI40" s="920"/>
      <c r="TFJ40" s="920"/>
      <c r="TFK40" s="920"/>
      <c r="TFL40" s="920"/>
      <c r="TFM40" s="920"/>
      <c r="TFN40" s="920"/>
      <c r="TFO40" s="920"/>
      <c r="TFP40" s="920"/>
      <c r="TFQ40" s="920"/>
      <c r="TFR40" s="920"/>
      <c r="TFS40" s="920"/>
      <c r="TFT40" s="920"/>
      <c r="TFU40" s="920"/>
      <c r="TFV40" s="920"/>
      <c r="TFW40" s="920"/>
      <c r="TFX40" s="920"/>
      <c r="TFY40" s="920"/>
      <c r="TFZ40" s="920"/>
      <c r="TGA40" s="920"/>
      <c r="TGB40" s="920"/>
      <c r="TGC40" s="920"/>
      <c r="TGD40" s="920"/>
      <c r="TGE40" s="920"/>
      <c r="TGF40" s="920"/>
      <c r="TGG40" s="920"/>
      <c r="TGH40" s="920"/>
      <c r="TGI40" s="920"/>
      <c r="TGJ40" s="920"/>
      <c r="TGK40" s="920"/>
      <c r="TGL40" s="920"/>
      <c r="TGM40" s="920"/>
      <c r="TGN40" s="920"/>
      <c r="TGO40" s="920"/>
      <c r="TGP40" s="920"/>
      <c r="TGQ40" s="920"/>
      <c r="TGR40" s="920"/>
      <c r="TGS40" s="920"/>
      <c r="TGT40" s="920"/>
      <c r="TGU40" s="920"/>
      <c r="TGV40" s="920"/>
      <c r="TGW40" s="920"/>
      <c r="TGX40" s="920"/>
      <c r="TGY40" s="920"/>
      <c r="TGZ40" s="920"/>
      <c r="THA40" s="920"/>
      <c r="THB40" s="920"/>
      <c r="THC40" s="920"/>
      <c r="THD40" s="920"/>
      <c r="THE40" s="920"/>
      <c r="THF40" s="920"/>
      <c r="THG40" s="920"/>
      <c r="THH40" s="920"/>
      <c r="THI40" s="920"/>
      <c r="THJ40" s="920"/>
      <c r="THK40" s="920"/>
      <c r="THL40" s="920"/>
      <c r="THM40" s="920"/>
      <c r="THN40" s="920"/>
      <c r="THO40" s="920"/>
      <c r="THP40" s="920"/>
      <c r="THQ40" s="920"/>
      <c r="THR40" s="920"/>
      <c r="THS40" s="920"/>
      <c r="THT40" s="920"/>
      <c r="THU40" s="920"/>
      <c r="THV40" s="920"/>
      <c r="THW40" s="920"/>
      <c r="THX40" s="920"/>
      <c r="THY40" s="920"/>
      <c r="THZ40" s="920"/>
      <c r="TIA40" s="920"/>
      <c r="TIB40" s="920"/>
      <c r="TIC40" s="920"/>
      <c r="TID40" s="920"/>
      <c r="TIE40" s="920"/>
      <c r="TIF40" s="920"/>
      <c r="TIG40" s="920"/>
      <c r="TIH40" s="920"/>
      <c r="TII40" s="920"/>
      <c r="TIJ40" s="920"/>
      <c r="TIK40" s="920"/>
      <c r="TIL40" s="920"/>
      <c r="TIM40" s="920"/>
      <c r="TIN40" s="920"/>
      <c r="TIO40" s="920"/>
      <c r="TIP40" s="920"/>
      <c r="TIQ40" s="920"/>
      <c r="TIR40" s="920"/>
      <c r="TIS40" s="920"/>
      <c r="TIT40" s="920"/>
      <c r="TIU40" s="920"/>
      <c r="TIV40" s="920"/>
      <c r="TIW40" s="920"/>
      <c r="TIX40" s="920"/>
      <c r="TIY40" s="920"/>
      <c r="TIZ40" s="920"/>
      <c r="TJA40" s="920"/>
      <c r="TJB40" s="920"/>
      <c r="TJC40" s="920"/>
      <c r="TJD40" s="920"/>
      <c r="TJE40" s="920"/>
      <c r="TJF40" s="920"/>
      <c r="TJG40" s="920"/>
      <c r="TJH40" s="920"/>
      <c r="TJI40" s="920"/>
      <c r="TJJ40" s="920"/>
      <c r="TJK40" s="920"/>
      <c r="TJL40" s="920"/>
      <c r="TJM40" s="920"/>
      <c r="TJN40" s="920"/>
      <c r="TJO40" s="920"/>
      <c r="TJP40" s="920"/>
      <c r="TJQ40" s="920"/>
      <c r="TJR40" s="920"/>
      <c r="TJS40" s="920"/>
      <c r="TJT40" s="920"/>
      <c r="TJU40" s="920"/>
      <c r="TJV40" s="920"/>
      <c r="TJW40" s="920"/>
      <c r="TJX40" s="920"/>
      <c r="TJY40" s="920"/>
      <c r="TJZ40" s="920"/>
      <c r="TKA40" s="920"/>
      <c r="TKB40" s="920"/>
      <c r="TKC40" s="920"/>
      <c r="TKD40" s="920"/>
      <c r="TKE40" s="920"/>
      <c r="TKF40" s="920"/>
      <c r="TKG40" s="920"/>
      <c r="TKH40" s="920"/>
      <c r="TKI40" s="920"/>
      <c r="TKJ40" s="920"/>
      <c r="TKK40" s="920"/>
      <c r="TKL40" s="920"/>
      <c r="TKM40" s="920"/>
      <c r="TKN40" s="920"/>
      <c r="TKO40" s="920"/>
      <c r="TKP40" s="920"/>
      <c r="TKQ40" s="920"/>
      <c r="TKR40" s="920"/>
      <c r="TKS40" s="920"/>
      <c r="TKT40" s="920"/>
      <c r="TKU40" s="920"/>
      <c r="TKV40" s="920"/>
      <c r="TKW40" s="920"/>
      <c r="TKX40" s="920"/>
      <c r="TKY40" s="920"/>
      <c r="TKZ40" s="920"/>
      <c r="TLA40" s="920"/>
      <c r="TLB40" s="920"/>
      <c r="TLC40" s="920"/>
      <c r="TLD40" s="920"/>
      <c r="TLE40" s="920"/>
      <c r="TLF40" s="920"/>
      <c r="TLG40" s="920"/>
      <c r="TLH40" s="920"/>
      <c r="TLI40" s="920"/>
      <c r="TLJ40" s="920"/>
      <c r="TLK40" s="920"/>
      <c r="TLL40" s="920"/>
      <c r="TLM40" s="920"/>
      <c r="TLN40" s="920"/>
      <c r="TLO40" s="920"/>
      <c r="TLP40" s="920"/>
      <c r="TLQ40" s="920"/>
      <c r="TLR40" s="920"/>
      <c r="TLS40" s="920"/>
      <c r="TLT40" s="920"/>
      <c r="TLU40" s="920"/>
      <c r="TLV40" s="920"/>
      <c r="TLW40" s="920"/>
      <c r="TLX40" s="920"/>
      <c r="TLY40" s="920"/>
      <c r="TLZ40" s="920"/>
      <c r="TMA40" s="920"/>
      <c r="TMB40" s="920"/>
      <c r="TMC40" s="920"/>
      <c r="TMD40" s="920"/>
      <c r="TME40" s="920"/>
      <c r="TMF40" s="920"/>
      <c r="TMG40" s="920"/>
      <c r="TMH40" s="920"/>
      <c r="TMI40" s="920"/>
      <c r="TMJ40" s="920"/>
      <c r="TMK40" s="920"/>
      <c r="TML40" s="920"/>
      <c r="TMM40" s="920"/>
      <c r="TMN40" s="920"/>
      <c r="TMO40" s="920"/>
      <c r="TMP40" s="920"/>
      <c r="TMQ40" s="920"/>
      <c r="TMR40" s="920"/>
      <c r="TMS40" s="920"/>
      <c r="TMT40" s="920"/>
      <c r="TMU40" s="920"/>
      <c r="TMV40" s="920"/>
      <c r="TMW40" s="920"/>
      <c r="TMX40" s="920"/>
      <c r="TMY40" s="920"/>
      <c r="TMZ40" s="920"/>
      <c r="TNA40" s="920"/>
      <c r="TNB40" s="920"/>
      <c r="TNC40" s="920"/>
      <c r="TND40" s="920"/>
      <c r="TNE40" s="920"/>
      <c r="TNF40" s="920"/>
      <c r="TNG40" s="920"/>
      <c r="TNH40" s="920"/>
      <c r="TNI40" s="920"/>
      <c r="TNJ40" s="920"/>
      <c r="TNK40" s="920"/>
      <c r="TNL40" s="920"/>
      <c r="TNM40" s="920"/>
      <c r="TNN40" s="920"/>
      <c r="TNO40" s="920"/>
      <c r="TNP40" s="920"/>
      <c r="TNQ40" s="920"/>
      <c r="TNR40" s="920"/>
      <c r="TNS40" s="920"/>
      <c r="TNT40" s="920"/>
      <c r="TNU40" s="920"/>
      <c r="TNV40" s="920"/>
      <c r="TNW40" s="920"/>
      <c r="TNX40" s="920"/>
      <c r="TNY40" s="920"/>
      <c r="TNZ40" s="920"/>
      <c r="TOA40" s="920"/>
      <c r="TOB40" s="920"/>
      <c r="TOC40" s="920"/>
      <c r="TOD40" s="920"/>
      <c r="TOE40" s="920"/>
      <c r="TOF40" s="920"/>
      <c r="TOG40" s="920"/>
      <c r="TOH40" s="920"/>
      <c r="TOI40" s="920"/>
      <c r="TOJ40" s="920"/>
      <c r="TOK40" s="920"/>
      <c r="TOL40" s="920"/>
      <c r="TOM40" s="920"/>
      <c r="TON40" s="920"/>
      <c r="TOO40" s="920"/>
      <c r="TOP40" s="920"/>
      <c r="TOQ40" s="920"/>
      <c r="TOR40" s="920"/>
      <c r="TOS40" s="920"/>
      <c r="TOT40" s="920"/>
      <c r="TOU40" s="920"/>
      <c r="TOV40" s="920"/>
      <c r="TOW40" s="920"/>
      <c r="TOX40" s="920"/>
      <c r="TOY40" s="920"/>
      <c r="TOZ40" s="920"/>
      <c r="TPA40" s="920"/>
      <c r="TPB40" s="920"/>
      <c r="TPC40" s="920"/>
      <c r="TPD40" s="920"/>
      <c r="TPE40" s="920"/>
      <c r="TPF40" s="920"/>
      <c r="TPG40" s="920"/>
      <c r="TPH40" s="920"/>
      <c r="TPI40" s="920"/>
      <c r="TPJ40" s="920"/>
      <c r="TPK40" s="920"/>
      <c r="TPL40" s="920"/>
      <c r="TPM40" s="920"/>
      <c r="TPN40" s="920"/>
      <c r="TPO40" s="920"/>
      <c r="TPP40" s="920"/>
      <c r="TPQ40" s="920"/>
      <c r="TPR40" s="920"/>
      <c r="TPS40" s="920"/>
      <c r="TPT40" s="920"/>
      <c r="TPU40" s="920"/>
      <c r="TPV40" s="920"/>
      <c r="TPW40" s="920"/>
      <c r="TPX40" s="920"/>
      <c r="TPY40" s="920"/>
      <c r="TPZ40" s="920"/>
      <c r="TQA40" s="920"/>
      <c r="TQB40" s="920"/>
      <c r="TQC40" s="920"/>
      <c r="TQD40" s="920"/>
      <c r="TQE40" s="920"/>
      <c r="TQF40" s="920"/>
      <c r="TQG40" s="920"/>
      <c r="TQH40" s="920"/>
      <c r="TQI40" s="920"/>
      <c r="TQJ40" s="920"/>
      <c r="TQK40" s="920"/>
      <c r="TQL40" s="920"/>
      <c r="TQM40" s="920"/>
      <c r="TQN40" s="920"/>
      <c r="TQO40" s="920"/>
      <c r="TQP40" s="920"/>
      <c r="TQQ40" s="920"/>
      <c r="TQR40" s="920"/>
      <c r="TQS40" s="920"/>
      <c r="TQT40" s="920"/>
      <c r="TQU40" s="920"/>
      <c r="TQV40" s="920"/>
      <c r="TQW40" s="920"/>
      <c r="TQX40" s="920"/>
      <c r="TQY40" s="920"/>
      <c r="TQZ40" s="920"/>
      <c r="TRA40" s="920"/>
      <c r="TRB40" s="920"/>
      <c r="TRC40" s="920"/>
      <c r="TRD40" s="920"/>
      <c r="TRE40" s="920"/>
      <c r="TRF40" s="920"/>
      <c r="TRG40" s="920"/>
      <c r="TRH40" s="920"/>
      <c r="TRI40" s="920"/>
      <c r="TRJ40" s="920"/>
      <c r="TRK40" s="920"/>
      <c r="TRL40" s="920"/>
      <c r="TRM40" s="920"/>
      <c r="TRN40" s="920"/>
      <c r="TRO40" s="920"/>
      <c r="TRP40" s="920"/>
      <c r="TRQ40" s="920"/>
      <c r="TRR40" s="920"/>
      <c r="TRS40" s="920"/>
      <c r="TRT40" s="920"/>
      <c r="TRU40" s="920"/>
      <c r="TRV40" s="920"/>
      <c r="TRW40" s="920"/>
      <c r="TRX40" s="920"/>
      <c r="TRY40" s="920"/>
      <c r="TRZ40" s="920"/>
      <c r="TSA40" s="920"/>
      <c r="TSB40" s="920"/>
      <c r="TSC40" s="920"/>
      <c r="TSD40" s="920"/>
      <c r="TSE40" s="920"/>
      <c r="TSF40" s="920"/>
      <c r="TSG40" s="920"/>
      <c r="TSH40" s="920"/>
      <c r="TSI40" s="920"/>
      <c r="TSJ40" s="920"/>
      <c r="TSK40" s="920"/>
      <c r="TSL40" s="920"/>
      <c r="TSM40" s="920"/>
      <c r="TSN40" s="920"/>
      <c r="TSO40" s="920"/>
      <c r="TSP40" s="920"/>
      <c r="TSQ40" s="920"/>
      <c r="TSR40" s="920"/>
      <c r="TSS40" s="920"/>
      <c r="TST40" s="920"/>
      <c r="TSU40" s="920"/>
      <c r="TSV40" s="920"/>
      <c r="TSW40" s="920"/>
      <c r="TSX40" s="920"/>
      <c r="TSY40" s="920"/>
      <c r="TSZ40" s="920"/>
      <c r="TTA40" s="920"/>
      <c r="TTB40" s="920"/>
      <c r="TTC40" s="920"/>
      <c r="TTD40" s="920"/>
      <c r="TTE40" s="920"/>
      <c r="TTF40" s="920"/>
      <c r="TTG40" s="920"/>
      <c r="TTH40" s="920"/>
      <c r="TTI40" s="920"/>
      <c r="TTJ40" s="920"/>
      <c r="TTK40" s="920"/>
      <c r="TTL40" s="920"/>
      <c r="TTM40" s="920"/>
      <c r="TTN40" s="920"/>
      <c r="TTO40" s="920"/>
      <c r="TTP40" s="920"/>
      <c r="TTQ40" s="920"/>
      <c r="TTR40" s="920"/>
      <c r="TTS40" s="920"/>
      <c r="TTT40" s="920"/>
      <c r="TTU40" s="920"/>
      <c r="TTV40" s="920"/>
      <c r="TTW40" s="920"/>
      <c r="TTX40" s="920"/>
      <c r="TTY40" s="920"/>
      <c r="TTZ40" s="920"/>
      <c r="TUA40" s="920"/>
      <c r="TUB40" s="920"/>
      <c r="TUC40" s="920"/>
      <c r="TUD40" s="920"/>
      <c r="TUE40" s="920"/>
      <c r="TUF40" s="920"/>
      <c r="TUG40" s="920"/>
      <c r="TUH40" s="920"/>
      <c r="TUI40" s="920"/>
      <c r="TUJ40" s="920"/>
      <c r="TUK40" s="920"/>
      <c r="TUL40" s="920"/>
      <c r="TUM40" s="920"/>
      <c r="TUN40" s="920"/>
      <c r="TUO40" s="920"/>
      <c r="TUP40" s="920"/>
      <c r="TUQ40" s="920"/>
      <c r="TUR40" s="920"/>
      <c r="TUS40" s="920"/>
      <c r="TUT40" s="920"/>
      <c r="TUU40" s="920"/>
      <c r="TUV40" s="920"/>
      <c r="TUW40" s="920"/>
      <c r="TUX40" s="920"/>
      <c r="TUY40" s="920"/>
      <c r="TUZ40" s="920"/>
      <c r="TVA40" s="920"/>
      <c r="TVB40" s="920"/>
      <c r="TVC40" s="920"/>
      <c r="TVD40" s="920"/>
      <c r="TVE40" s="920"/>
      <c r="TVF40" s="920"/>
      <c r="TVG40" s="920"/>
      <c r="TVH40" s="920"/>
      <c r="TVI40" s="920"/>
      <c r="TVJ40" s="920"/>
      <c r="TVK40" s="920"/>
      <c r="TVL40" s="920"/>
      <c r="TVM40" s="920"/>
      <c r="TVN40" s="920"/>
      <c r="TVO40" s="920"/>
      <c r="TVP40" s="920"/>
      <c r="TVQ40" s="920"/>
      <c r="TVR40" s="920"/>
      <c r="TVS40" s="920"/>
      <c r="TVT40" s="920"/>
      <c r="TVU40" s="920"/>
      <c r="TVV40" s="920"/>
      <c r="TVW40" s="920"/>
      <c r="TVX40" s="920"/>
      <c r="TVY40" s="920"/>
      <c r="TVZ40" s="920"/>
      <c r="TWA40" s="920"/>
      <c r="TWB40" s="920"/>
      <c r="TWC40" s="920"/>
      <c r="TWD40" s="920"/>
      <c r="TWE40" s="920"/>
      <c r="TWF40" s="920"/>
      <c r="TWG40" s="920"/>
      <c r="TWH40" s="920"/>
      <c r="TWI40" s="920"/>
      <c r="TWJ40" s="920"/>
      <c r="TWK40" s="920"/>
      <c r="TWL40" s="920"/>
      <c r="TWM40" s="920"/>
      <c r="TWN40" s="920"/>
      <c r="TWO40" s="920"/>
      <c r="TWP40" s="920"/>
      <c r="TWQ40" s="920"/>
      <c r="TWR40" s="920"/>
      <c r="TWS40" s="920"/>
      <c r="TWT40" s="920"/>
      <c r="TWU40" s="920"/>
      <c r="TWV40" s="920"/>
      <c r="TWW40" s="920"/>
      <c r="TWX40" s="920"/>
      <c r="TWY40" s="920"/>
      <c r="TWZ40" s="920"/>
      <c r="TXA40" s="920"/>
      <c r="TXB40" s="920"/>
      <c r="TXC40" s="920"/>
      <c r="TXD40" s="920"/>
      <c r="TXE40" s="920"/>
      <c r="TXF40" s="920"/>
      <c r="TXG40" s="920"/>
      <c r="TXH40" s="920"/>
      <c r="TXI40" s="920"/>
      <c r="TXJ40" s="920"/>
      <c r="TXK40" s="920"/>
      <c r="TXL40" s="920"/>
      <c r="TXM40" s="920"/>
      <c r="TXN40" s="920"/>
      <c r="TXO40" s="920"/>
      <c r="TXP40" s="920"/>
      <c r="TXQ40" s="920"/>
      <c r="TXR40" s="920"/>
      <c r="TXS40" s="920"/>
      <c r="TXT40" s="920"/>
      <c r="TXU40" s="920"/>
      <c r="TXV40" s="920"/>
      <c r="TXW40" s="920"/>
      <c r="TXX40" s="920"/>
      <c r="TXY40" s="920"/>
      <c r="TXZ40" s="920"/>
      <c r="TYA40" s="920"/>
      <c r="TYB40" s="920"/>
      <c r="TYC40" s="920"/>
      <c r="TYD40" s="920"/>
      <c r="TYE40" s="920"/>
      <c r="TYF40" s="920"/>
      <c r="TYG40" s="920"/>
      <c r="TYH40" s="920"/>
      <c r="TYI40" s="920"/>
      <c r="TYJ40" s="920"/>
      <c r="TYK40" s="920"/>
      <c r="TYL40" s="920"/>
      <c r="TYM40" s="920"/>
      <c r="TYN40" s="920"/>
      <c r="TYO40" s="920"/>
      <c r="TYP40" s="920"/>
      <c r="TYQ40" s="920"/>
      <c r="TYR40" s="920"/>
      <c r="TYS40" s="920"/>
      <c r="TYT40" s="920"/>
      <c r="TYU40" s="920"/>
      <c r="TYV40" s="920"/>
      <c r="TYW40" s="920"/>
      <c r="TYX40" s="920"/>
      <c r="TYY40" s="920"/>
      <c r="TYZ40" s="920"/>
      <c r="TZA40" s="920"/>
      <c r="TZB40" s="920"/>
      <c r="TZC40" s="920"/>
      <c r="TZD40" s="920"/>
      <c r="TZE40" s="920"/>
      <c r="TZF40" s="920"/>
      <c r="TZG40" s="920"/>
      <c r="TZH40" s="920"/>
      <c r="TZI40" s="920"/>
      <c r="TZJ40" s="920"/>
      <c r="TZK40" s="920"/>
      <c r="TZL40" s="920"/>
      <c r="TZM40" s="920"/>
      <c r="TZN40" s="920"/>
      <c r="TZO40" s="920"/>
      <c r="TZP40" s="920"/>
      <c r="TZQ40" s="920"/>
      <c r="TZR40" s="920"/>
      <c r="TZS40" s="920"/>
      <c r="TZT40" s="920"/>
      <c r="TZU40" s="920"/>
      <c r="TZV40" s="920"/>
      <c r="TZW40" s="920"/>
      <c r="TZX40" s="920"/>
      <c r="TZY40" s="920"/>
      <c r="TZZ40" s="920"/>
      <c r="UAA40" s="920"/>
      <c r="UAB40" s="920"/>
      <c r="UAC40" s="920"/>
      <c r="UAD40" s="920"/>
      <c r="UAE40" s="920"/>
      <c r="UAF40" s="920"/>
      <c r="UAG40" s="920"/>
      <c r="UAH40" s="920"/>
      <c r="UAI40" s="920"/>
      <c r="UAJ40" s="920"/>
      <c r="UAK40" s="920"/>
      <c r="UAL40" s="920"/>
      <c r="UAM40" s="920"/>
      <c r="UAN40" s="920"/>
      <c r="UAO40" s="920"/>
      <c r="UAP40" s="920"/>
      <c r="UAQ40" s="920"/>
      <c r="UAR40" s="920"/>
      <c r="UAS40" s="920"/>
      <c r="UAT40" s="920"/>
      <c r="UAU40" s="920"/>
      <c r="UAV40" s="920"/>
      <c r="UAW40" s="920"/>
      <c r="UAX40" s="920"/>
      <c r="UAY40" s="920"/>
      <c r="UAZ40" s="920"/>
      <c r="UBA40" s="920"/>
      <c r="UBB40" s="920"/>
      <c r="UBC40" s="920"/>
      <c r="UBD40" s="920"/>
      <c r="UBE40" s="920"/>
      <c r="UBF40" s="920"/>
      <c r="UBG40" s="920"/>
      <c r="UBH40" s="920"/>
      <c r="UBI40" s="920"/>
      <c r="UBJ40" s="920"/>
      <c r="UBK40" s="920"/>
      <c r="UBL40" s="920"/>
      <c r="UBM40" s="920"/>
      <c r="UBN40" s="920"/>
      <c r="UBO40" s="920"/>
      <c r="UBP40" s="920"/>
      <c r="UBQ40" s="920"/>
      <c r="UBR40" s="920"/>
      <c r="UBS40" s="920"/>
      <c r="UBT40" s="920"/>
      <c r="UBU40" s="920"/>
      <c r="UBV40" s="920"/>
      <c r="UBW40" s="920"/>
      <c r="UBX40" s="920"/>
      <c r="UBY40" s="920"/>
      <c r="UBZ40" s="920"/>
      <c r="UCA40" s="920"/>
      <c r="UCB40" s="920"/>
      <c r="UCC40" s="920"/>
      <c r="UCD40" s="920"/>
      <c r="UCE40" s="920"/>
      <c r="UCF40" s="920"/>
      <c r="UCG40" s="920"/>
      <c r="UCH40" s="920"/>
      <c r="UCI40" s="920"/>
      <c r="UCJ40" s="920"/>
      <c r="UCK40" s="920"/>
      <c r="UCL40" s="920"/>
      <c r="UCM40" s="920"/>
      <c r="UCN40" s="920"/>
      <c r="UCO40" s="920"/>
      <c r="UCP40" s="920"/>
      <c r="UCQ40" s="920"/>
      <c r="UCR40" s="920"/>
      <c r="UCS40" s="920"/>
      <c r="UCT40" s="920"/>
      <c r="UCU40" s="920"/>
      <c r="UCV40" s="920"/>
      <c r="UCW40" s="920"/>
      <c r="UCX40" s="920"/>
      <c r="UCY40" s="920"/>
      <c r="UCZ40" s="920"/>
      <c r="UDA40" s="920"/>
      <c r="UDB40" s="920"/>
      <c r="UDC40" s="920"/>
      <c r="UDD40" s="920"/>
      <c r="UDE40" s="920"/>
      <c r="UDF40" s="920"/>
      <c r="UDG40" s="920"/>
      <c r="UDH40" s="920"/>
      <c r="UDI40" s="920"/>
      <c r="UDJ40" s="920"/>
      <c r="UDK40" s="920"/>
      <c r="UDL40" s="920"/>
      <c r="UDM40" s="920"/>
      <c r="UDN40" s="920"/>
      <c r="UDO40" s="920"/>
      <c r="UDP40" s="920"/>
      <c r="UDQ40" s="920"/>
      <c r="UDR40" s="920"/>
      <c r="UDS40" s="920"/>
      <c r="UDT40" s="920"/>
      <c r="UDU40" s="920"/>
      <c r="UDV40" s="920"/>
      <c r="UDW40" s="920"/>
      <c r="UDX40" s="920"/>
      <c r="UDY40" s="920"/>
      <c r="UDZ40" s="920"/>
      <c r="UEA40" s="920"/>
      <c r="UEB40" s="920"/>
      <c r="UEC40" s="920"/>
      <c r="UED40" s="920"/>
      <c r="UEE40" s="920"/>
      <c r="UEF40" s="920"/>
      <c r="UEG40" s="920"/>
      <c r="UEH40" s="920"/>
      <c r="UEI40" s="920"/>
      <c r="UEJ40" s="920"/>
      <c r="UEK40" s="920"/>
      <c r="UEL40" s="920"/>
      <c r="UEM40" s="920"/>
      <c r="UEN40" s="920"/>
      <c r="UEO40" s="920"/>
      <c r="UEP40" s="920"/>
      <c r="UEQ40" s="920"/>
      <c r="UER40" s="920"/>
      <c r="UES40" s="920"/>
      <c r="UET40" s="920"/>
      <c r="UEU40" s="920"/>
      <c r="UEV40" s="920"/>
      <c r="UEW40" s="920"/>
      <c r="UEX40" s="920"/>
      <c r="UEY40" s="920"/>
      <c r="UEZ40" s="920"/>
      <c r="UFA40" s="920"/>
      <c r="UFB40" s="920"/>
      <c r="UFC40" s="920"/>
      <c r="UFD40" s="920"/>
      <c r="UFE40" s="920"/>
      <c r="UFF40" s="920"/>
      <c r="UFG40" s="920"/>
      <c r="UFH40" s="920"/>
      <c r="UFI40" s="920"/>
      <c r="UFJ40" s="920"/>
      <c r="UFK40" s="920"/>
      <c r="UFL40" s="920"/>
      <c r="UFM40" s="920"/>
      <c r="UFN40" s="920"/>
      <c r="UFO40" s="920"/>
      <c r="UFP40" s="920"/>
      <c r="UFQ40" s="920"/>
      <c r="UFR40" s="920"/>
      <c r="UFS40" s="920"/>
      <c r="UFT40" s="920"/>
      <c r="UFU40" s="920"/>
      <c r="UFV40" s="920"/>
      <c r="UFW40" s="920"/>
      <c r="UFX40" s="920"/>
      <c r="UFY40" s="920"/>
      <c r="UFZ40" s="920"/>
      <c r="UGA40" s="920"/>
      <c r="UGB40" s="920"/>
      <c r="UGC40" s="920"/>
      <c r="UGD40" s="920"/>
      <c r="UGE40" s="920"/>
      <c r="UGF40" s="920"/>
      <c r="UGG40" s="920"/>
      <c r="UGH40" s="920"/>
      <c r="UGI40" s="920"/>
      <c r="UGJ40" s="920"/>
      <c r="UGK40" s="920"/>
      <c r="UGL40" s="920"/>
      <c r="UGM40" s="920"/>
      <c r="UGN40" s="920"/>
      <c r="UGO40" s="920"/>
      <c r="UGP40" s="920"/>
      <c r="UGQ40" s="920"/>
      <c r="UGR40" s="920"/>
      <c r="UGS40" s="920"/>
      <c r="UGT40" s="920"/>
      <c r="UGU40" s="920"/>
      <c r="UGV40" s="920"/>
      <c r="UGW40" s="920"/>
      <c r="UGX40" s="920"/>
      <c r="UGY40" s="920"/>
      <c r="UGZ40" s="920"/>
      <c r="UHA40" s="920"/>
      <c r="UHB40" s="920"/>
      <c r="UHC40" s="920"/>
      <c r="UHD40" s="920"/>
      <c r="UHE40" s="920"/>
      <c r="UHF40" s="920"/>
      <c r="UHG40" s="920"/>
      <c r="UHH40" s="920"/>
      <c r="UHI40" s="920"/>
      <c r="UHJ40" s="920"/>
      <c r="UHK40" s="920"/>
      <c r="UHL40" s="920"/>
      <c r="UHM40" s="920"/>
      <c r="UHN40" s="920"/>
      <c r="UHO40" s="920"/>
      <c r="UHP40" s="920"/>
      <c r="UHQ40" s="920"/>
      <c r="UHR40" s="920"/>
      <c r="UHS40" s="920"/>
      <c r="UHT40" s="920"/>
      <c r="UHU40" s="920"/>
      <c r="UHV40" s="920"/>
      <c r="UHW40" s="920"/>
      <c r="UHX40" s="920"/>
      <c r="UHY40" s="920"/>
      <c r="UHZ40" s="920"/>
      <c r="UIA40" s="920"/>
      <c r="UIB40" s="920"/>
      <c r="UIC40" s="920"/>
      <c r="UID40" s="920"/>
      <c r="UIE40" s="920"/>
      <c r="UIF40" s="920"/>
      <c r="UIG40" s="920"/>
      <c r="UIH40" s="920"/>
      <c r="UII40" s="920"/>
      <c r="UIJ40" s="920"/>
      <c r="UIK40" s="920"/>
      <c r="UIL40" s="920"/>
      <c r="UIM40" s="920"/>
      <c r="UIN40" s="920"/>
      <c r="UIO40" s="920"/>
      <c r="UIP40" s="920"/>
      <c r="UIQ40" s="920"/>
      <c r="UIR40" s="920"/>
      <c r="UIS40" s="920"/>
      <c r="UIT40" s="920"/>
      <c r="UIU40" s="920"/>
      <c r="UIV40" s="920"/>
      <c r="UIW40" s="920"/>
      <c r="UIX40" s="920"/>
      <c r="UIY40" s="920"/>
      <c r="UIZ40" s="920"/>
      <c r="UJA40" s="920"/>
      <c r="UJB40" s="920"/>
      <c r="UJC40" s="920"/>
      <c r="UJD40" s="920"/>
      <c r="UJE40" s="920"/>
      <c r="UJF40" s="920"/>
      <c r="UJG40" s="920"/>
      <c r="UJH40" s="920"/>
      <c r="UJI40" s="920"/>
      <c r="UJJ40" s="920"/>
      <c r="UJK40" s="920"/>
      <c r="UJL40" s="920"/>
      <c r="UJM40" s="920"/>
      <c r="UJN40" s="920"/>
      <c r="UJO40" s="920"/>
      <c r="UJP40" s="920"/>
      <c r="UJQ40" s="920"/>
      <c r="UJR40" s="920"/>
      <c r="UJS40" s="920"/>
      <c r="UJT40" s="920"/>
      <c r="UJU40" s="920"/>
      <c r="UJV40" s="920"/>
      <c r="UJW40" s="920"/>
      <c r="UJX40" s="920"/>
      <c r="UJY40" s="920"/>
      <c r="UJZ40" s="920"/>
      <c r="UKA40" s="920"/>
      <c r="UKB40" s="920"/>
      <c r="UKC40" s="920"/>
      <c r="UKD40" s="920"/>
      <c r="UKE40" s="920"/>
      <c r="UKF40" s="920"/>
      <c r="UKG40" s="920"/>
      <c r="UKH40" s="920"/>
      <c r="UKI40" s="920"/>
      <c r="UKJ40" s="920"/>
      <c r="UKK40" s="920"/>
      <c r="UKL40" s="920"/>
      <c r="UKM40" s="920"/>
      <c r="UKN40" s="920"/>
      <c r="UKO40" s="920"/>
      <c r="UKP40" s="920"/>
      <c r="UKQ40" s="920"/>
      <c r="UKR40" s="920"/>
      <c r="UKS40" s="920"/>
      <c r="UKT40" s="920"/>
      <c r="UKU40" s="920"/>
      <c r="UKV40" s="920"/>
      <c r="UKW40" s="920"/>
      <c r="UKX40" s="920"/>
      <c r="UKY40" s="920"/>
      <c r="UKZ40" s="920"/>
      <c r="ULA40" s="920"/>
      <c r="ULB40" s="920"/>
      <c r="ULC40" s="920"/>
      <c r="ULD40" s="920"/>
      <c r="ULE40" s="920"/>
      <c r="ULF40" s="920"/>
      <c r="ULG40" s="920"/>
      <c r="ULH40" s="920"/>
      <c r="ULI40" s="920"/>
      <c r="ULJ40" s="920"/>
      <c r="ULK40" s="920"/>
      <c r="ULL40" s="920"/>
      <c r="ULM40" s="920"/>
      <c r="ULN40" s="920"/>
      <c r="ULO40" s="920"/>
      <c r="ULP40" s="920"/>
      <c r="ULQ40" s="920"/>
      <c r="ULR40" s="920"/>
      <c r="ULS40" s="920"/>
      <c r="ULT40" s="920"/>
      <c r="ULU40" s="920"/>
      <c r="ULV40" s="920"/>
      <c r="ULW40" s="920"/>
      <c r="ULX40" s="920"/>
      <c r="ULY40" s="920"/>
      <c r="ULZ40" s="920"/>
      <c r="UMA40" s="920"/>
      <c r="UMB40" s="920"/>
      <c r="UMC40" s="920"/>
      <c r="UMD40" s="920"/>
      <c r="UME40" s="920"/>
      <c r="UMF40" s="920"/>
      <c r="UMG40" s="920"/>
      <c r="UMH40" s="920"/>
      <c r="UMI40" s="920"/>
      <c r="UMJ40" s="920"/>
      <c r="UMK40" s="920"/>
      <c r="UML40" s="920"/>
      <c r="UMM40" s="920"/>
      <c r="UMN40" s="920"/>
      <c r="UMO40" s="920"/>
      <c r="UMP40" s="920"/>
      <c r="UMQ40" s="920"/>
      <c r="UMR40" s="920"/>
      <c r="UMS40" s="920"/>
      <c r="UMT40" s="920"/>
      <c r="UMU40" s="920"/>
      <c r="UMV40" s="920"/>
      <c r="UMW40" s="920"/>
      <c r="UMX40" s="920"/>
      <c r="UMY40" s="920"/>
      <c r="UMZ40" s="920"/>
      <c r="UNA40" s="920"/>
      <c r="UNB40" s="920"/>
      <c r="UNC40" s="920"/>
      <c r="UND40" s="920"/>
      <c r="UNE40" s="920"/>
      <c r="UNF40" s="920"/>
      <c r="UNG40" s="920"/>
      <c r="UNH40" s="920"/>
      <c r="UNI40" s="920"/>
      <c r="UNJ40" s="920"/>
      <c r="UNK40" s="920"/>
      <c r="UNL40" s="920"/>
      <c r="UNM40" s="920"/>
      <c r="UNN40" s="920"/>
      <c r="UNO40" s="920"/>
      <c r="UNP40" s="920"/>
      <c r="UNQ40" s="920"/>
      <c r="UNR40" s="920"/>
      <c r="UNS40" s="920"/>
      <c r="UNT40" s="920"/>
      <c r="UNU40" s="920"/>
      <c r="UNV40" s="920"/>
      <c r="UNW40" s="920"/>
      <c r="UNX40" s="920"/>
      <c r="UNY40" s="920"/>
      <c r="UNZ40" s="920"/>
      <c r="UOA40" s="920"/>
      <c r="UOB40" s="920"/>
      <c r="UOC40" s="920"/>
      <c r="UOD40" s="920"/>
      <c r="UOE40" s="920"/>
      <c r="UOF40" s="920"/>
      <c r="UOG40" s="920"/>
      <c r="UOH40" s="920"/>
      <c r="UOI40" s="920"/>
      <c r="UOJ40" s="920"/>
      <c r="UOK40" s="920"/>
      <c r="UOL40" s="920"/>
      <c r="UOM40" s="920"/>
      <c r="UON40" s="920"/>
      <c r="UOO40" s="920"/>
      <c r="UOP40" s="920"/>
      <c r="UOQ40" s="920"/>
      <c r="UOR40" s="920"/>
      <c r="UOS40" s="920"/>
      <c r="UOT40" s="920"/>
      <c r="UOU40" s="920"/>
      <c r="UOV40" s="920"/>
      <c r="UOW40" s="920"/>
      <c r="UOX40" s="920"/>
      <c r="UOY40" s="920"/>
      <c r="UOZ40" s="920"/>
      <c r="UPA40" s="920"/>
      <c r="UPB40" s="920"/>
      <c r="UPC40" s="920"/>
      <c r="UPD40" s="920"/>
      <c r="UPE40" s="920"/>
      <c r="UPF40" s="920"/>
      <c r="UPG40" s="920"/>
      <c r="UPH40" s="920"/>
      <c r="UPI40" s="920"/>
      <c r="UPJ40" s="920"/>
      <c r="UPK40" s="920"/>
      <c r="UPL40" s="920"/>
      <c r="UPM40" s="920"/>
      <c r="UPN40" s="920"/>
      <c r="UPO40" s="920"/>
      <c r="UPP40" s="920"/>
      <c r="UPQ40" s="920"/>
      <c r="UPR40" s="920"/>
      <c r="UPS40" s="920"/>
      <c r="UPT40" s="920"/>
      <c r="UPU40" s="920"/>
      <c r="UPV40" s="920"/>
      <c r="UPW40" s="920"/>
      <c r="UPX40" s="920"/>
      <c r="UPY40" s="920"/>
      <c r="UPZ40" s="920"/>
      <c r="UQA40" s="920"/>
      <c r="UQB40" s="920"/>
      <c r="UQC40" s="920"/>
      <c r="UQD40" s="920"/>
      <c r="UQE40" s="920"/>
      <c r="UQF40" s="920"/>
      <c r="UQG40" s="920"/>
      <c r="UQH40" s="920"/>
      <c r="UQI40" s="920"/>
      <c r="UQJ40" s="920"/>
      <c r="UQK40" s="920"/>
      <c r="UQL40" s="920"/>
      <c r="UQM40" s="920"/>
      <c r="UQN40" s="920"/>
      <c r="UQO40" s="920"/>
      <c r="UQP40" s="920"/>
      <c r="UQQ40" s="920"/>
      <c r="UQR40" s="920"/>
      <c r="UQS40" s="920"/>
      <c r="UQT40" s="920"/>
      <c r="UQU40" s="920"/>
      <c r="UQV40" s="920"/>
      <c r="UQW40" s="920"/>
      <c r="UQX40" s="920"/>
      <c r="UQY40" s="920"/>
      <c r="UQZ40" s="920"/>
      <c r="URA40" s="920"/>
      <c r="URB40" s="920"/>
      <c r="URC40" s="920"/>
      <c r="URD40" s="920"/>
      <c r="URE40" s="920"/>
      <c r="URF40" s="920"/>
      <c r="URG40" s="920"/>
      <c r="URH40" s="920"/>
      <c r="URI40" s="920"/>
      <c r="URJ40" s="920"/>
      <c r="URK40" s="920"/>
      <c r="URL40" s="920"/>
      <c r="URM40" s="920"/>
      <c r="URN40" s="920"/>
      <c r="URO40" s="920"/>
      <c r="URP40" s="920"/>
      <c r="URQ40" s="920"/>
      <c r="URR40" s="920"/>
      <c r="URS40" s="920"/>
      <c r="URT40" s="920"/>
      <c r="URU40" s="920"/>
      <c r="URV40" s="920"/>
      <c r="URW40" s="920"/>
      <c r="URX40" s="920"/>
      <c r="URY40" s="920"/>
      <c r="URZ40" s="920"/>
      <c r="USA40" s="920"/>
      <c r="USB40" s="920"/>
      <c r="USC40" s="920"/>
      <c r="USD40" s="920"/>
      <c r="USE40" s="920"/>
      <c r="USF40" s="920"/>
      <c r="USG40" s="920"/>
      <c r="USH40" s="920"/>
      <c r="USI40" s="920"/>
      <c r="USJ40" s="920"/>
      <c r="USK40" s="920"/>
      <c r="USL40" s="920"/>
      <c r="USM40" s="920"/>
      <c r="USN40" s="920"/>
      <c r="USO40" s="920"/>
      <c r="USP40" s="920"/>
      <c r="USQ40" s="920"/>
      <c r="USR40" s="920"/>
      <c r="USS40" s="920"/>
      <c r="UST40" s="920"/>
      <c r="USU40" s="920"/>
      <c r="USV40" s="920"/>
      <c r="USW40" s="920"/>
      <c r="USX40" s="920"/>
      <c r="USY40" s="920"/>
      <c r="USZ40" s="920"/>
      <c r="UTA40" s="920"/>
      <c r="UTB40" s="920"/>
      <c r="UTC40" s="920"/>
      <c r="UTD40" s="920"/>
      <c r="UTE40" s="920"/>
      <c r="UTF40" s="920"/>
      <c r="UTG40" s="920"/>
      <c r="UTH40" s="920"/>
      <c r="UTI40" s="920"/>
      <c r="UTJ40" s="920"/>
      <c r="UTK40" s="920"/>
      <c r="UTL40" s="920"/>
      <c r="UTM40" s="920"/>
      <c r="UTN40" s="920"/>
      <c r="UTO40" s="920"/>
      <c r="UTP40" s="920"/>
      <c r="UTQ40" s="920"/>
      <c r="UTR40" s="920"/>
      <c r="UTS40" s="920"/>
      <c r="UTT40" s="920"/>
      <c r="UTU40" s="920"/>
      <c r="UTV40" s="920"/>
      <c r="UTW40" s="920"/>
      <c r="UTX40" s="920"/>
      <c r="UTY40" s="920"/>
      <c r="UTZ40" s="920"/>
      <c r="UUA40" s="920"/>
      <c r="UUB40" s="920"/>
      <c r="UUC40" s="920"/>
      <c r="UUD40" s="920"/>
      <c r="UUE40" s="920"/>
      <c r="UUF40" s="920"/>
      <c r="UUG40" s="920"/>
      <c r="UUH40" s="920"/>
      <c r="UUI40" s="920"/>
      <c r="UUJ40" s="920"/>
      <c r="UUK40" s="920"/>
      <c r="UUL40" s="920"/>
      <c r="UUM40" s="920"/>
      <c r="UUN40" s="920"/>
      <c r="UUO40" s="920"/>
      <c r="UUP40" s="920"/>
      <c r="UUQ40" s="920"/>
      <c r="UUR40" s="920"/>
      <c r="UUS40" s="920"/>
      <c r="UUT40" s="920"/>
      <c r="UUU40" s="920"/>
      <c r="UUV40" s="920"/>
      <c r="UUW40" s="920"/>
      <c r="UUX40" s="920"/>
      <c r="UUY40" s="920"/>
      <c r="UUZ40" s="920"/>
      <c r="UVA40" s="920"/>
      <c r="UVB40" s="920"/>
      <c r="UVC40" s="920"/>
      <c r="UVD40" s="920"/>
      <c r="UVE40" s="920"/>
      <c r="UVF40" s="920"/>
      <c r="UVG40" s="920"/>
      <c r="UVH40" s="920"/>
      <c r="UVI40" s="920"/>
      <c r="UVJ40" s="920"/>
      <c r="UVK40" s="920"/>
      <c r="UVL40" s="920"/>
      <c r="UVM40" s="920"/>
      <c r="UVN40" s="920"/>
      <c r="UVO40" s="920"/>
      <c r="UVP40" s="920"/>
      <c r="UVQ40" s="920"/>
      <c r="UVR40" s="920"/>
      <c r="UVS40" s="920"/>
      <c r="UVT40" s="920"/>
      <c r="UVU40" s="920"/>
      <c r="UVV40" s="920"/>
      <c r="UVW40" s="920"/>
      <c r="UVX40" s="920"/>
      <c r="UVY40" s="920"/>
      <c r="UVZ40" s="920"/>
      <c r="UWA40" s="920"/>
      <c r="UWB40" s="920"/>
      <c r="UWC40" s="920"/>
      <c r="UWD40" s="920"/>
      <c r="UWE40" s="920"/>
      <c r="UWF40" s="920"/>
      <c r="UWG40" s="920"/>
      <c r="UWH40" s="920"/>
      <c r="UWI40" s="920"/>
      <c r="UWJ40" s="920"/>
      <c r="UWK40" s="920"/>
      <c r="UWL40" s="920"/>
      <c r="UWM40" s="920"/>
      <c r="UWN40" s="920"/>
      <c r="UWO40" s="920"/>
      <c r="UWP40" s="920"/>
      <c r="UWQ40" s="920"/>
      <c r="UWR40" s="920"/>
      <c r="UWS40" s="920"/>
      <c r="UWT40" s="920"/>
      <c r="UWU40" s="920"/>
      <c r="UWV40" s="920"/>
      <c r="UWW40" s="920"/>
      <c r="UWX40" s="920"/>
      <c r="UWY40" s="920"/>
      <c r="UWZ40" s="920"/>
      <c r="UXA40" s="920"/>
      <c r="UXB40" s="920"/>
      <c r="UXC40" s="920"/>
      <c r="UXD40" s="920"/>
      <c r="UXE40" s="920"/>
      <c r="UXF40" s="920"/>
      <c r="UXG40" s="920"/>
      <c r="UXH40" s="920"/>
      <c r="UXI40" s="920"/>
      <c r="UXJ40" s="920"/>
      <c r="UXK40" s="920"/>
      <c r="UXL40" s="920"/>
      <c r="UXM40" s="920"/>
      <c r="UXN40" s="920"/>
      <c r="UXO40" s="920"/>
      <c r="UXP40" s="920"/>
      <c r="UXQ40" s="920"/>
      <c r="UXR40" s="920"/>
      <c r="UXS40" s="920"/>
      <c r="UXT40" s="920"/>
      <c r="UXU40" s="920"/>
      <c r="UXV40" s="920"/>
      <c r="UXW40" s="920"/>
      <c r="UXX40" s="920"/>
      <c r="UXY40" s="920"/>
      <c r="UXZ40" s="920"/>
      <c r="UYA40" s="920"/>
      <c r="UYB40" s="920"/>
      <c r="UYC40" s="920"/>
      <c r="UYD40" s="920"/>
      <c r="UYE40" s="920"/>
      <c r="UYF40" s="920"/>
      <c r="UYG40" s="920"/>
      <c r="UYH40" s="920"/>
      <c r="UYI40" s="920"/>
      <c r="UYJ40" s="920"/>
      <c r="UYK40" s="920"/>
      <c r="UYL40" s="920"/>
      <c r="UYM40" s="920"/>
      <c r="UYN40" s="920"/>
      <c r="UYO40" s="920"/>
      <c r="UYP40" s="920"/>
      <c r="UYQ40" s="920"/>
      <c r="UYR40" s="920"/>
      <c r="UYS40" s="920"/>
      <c r="UYT40" s="920"/>
      <c r="UYU40" s="920"/>
      <c r="UYV40" s="920"/>
      <c r="UYW40" s="920"/>
      <c r="UYX40" s="920"/>
      <c r="UYY40" s="920"/>
      <c r="UYZ40" s="920"/>
      <c r="UZA40" s="920"/>
      <c r="UZB40" s="920"/>
      <c r="UZC40" s="920"/>
      <c r="UZD40" s="920"/>
      <c r="UZE40" s="920"/>
      <c r="UZF40" s="920"/>
      <c r="UZG40" s="920"/>
      <c r="UZH40" s="920"/>
      <c r="UZI40" s="920"/>
      <c r="UZJ40" s="920"/>
      <c r="UZK40" s="920"/>
      <c r="UZL40" s="920"/>
      <c r="UZM40" s="920"/>
      <c r="UZN40" s="920"/>
      <c r="UZO40" s="920"/>
      <c r="UZP40" s="920"/>
      <c r="UZQ40" s="920"/>
      <c r="UZR40" s="920"/>
      <c r="UZS40" s="920"/>
      <c r="UZT40" s="920"/>
      <c r="UZU40" s="920"/>
      <c r="UZV40" s="920"/>
      <c r="UZW40" s="920"/>
      <c r="UZX40" s="920"/>
      <c r="UZY40" s="920"/>
      <c r="UZZ40" s="920"/>
      <c r="VAA40" s="920"/>
      <c r="VAB40" s="920"/>
      <c r="VAC40" s="920"/>
      <c r="VAD40" s="920"/>
      <c r="VAE40" s="920"/>
      <c r="VAF40" s="920"/>
      <c r="VAG40" s="920"/>
      <c r="VAH40" s="920"/>
      <c r="VAI40" s="920"/>
      <c r="VAJ40" s="920"/>
      <c r="VAK40" s="920"/>
      <c r="VAL40" s="920"/>
      <c r="VAM40" s="920"/>
      <c r="VAN40" s="920"/>
      <c r="VAO40" s="920"/>
      <c r="VAP40" s="920"/>
      <c r="VAQ40" s="920"/>
      <c r="VAR40" s="920"/>
      <c r="VAS40" s="920"/>
      <c r="VAT40" s="920"/>
      <c r="VAU40" s="920"/>
      <c r="VAV40" s="920"/>
      <c r="VAW40" s="920"/>
      <c r="VAX40" s="920"/>
      <c r="VAY40" s="920"/>
      <c r="VAZ40" s="920"/>
      <c r="VBA40" s="920"/>
      <c r="VBB40" s="920"/>
      <c r="VBC40" s="920"/>
      <c r="VBD40" s="920"/>
      <c r="VBE40" s="920"/>
      <c r="VBF40" s="920"/>
      <c r="VBG40" s="920"/>
      <c r="VBH40" s="920"/>
      <c r="VBI40" s="920"/>
      <c r="VBJ40" s="920"/>
      <c r="VBK40" s="920"/>
      <c r="VBL40" s="920"/>
      <c r="VBM40" s="920"/>
      <c r="VBN40" s="920"/>
      <c r="VBO40" s="920"/>
      <c r="VBP40" s="920"/>
      <c r="VBQ40" s="920"/>
      <c r="VBR40" s="920"/>
      <c r="VBS40" s="920"/>
      <c r="VBT40" s="920"/>
      <c r="VBU40" s="920"/>
      <c r="VBV40" s="920"/>
      <c r="VBW40" s="920"/>
      <c r="VBX40" s="920"/>
      <c r="VBY40" s="920"/>
      <c r="VBZ40" s="920"/>
      <c r="VCA40" s="920"/>
      <c r="VCB40" s="920"/>
      <c r="VCC40" s="920"/>
      <c r="VCD40" s="920"/>
      <c r="VCE40" s="920"/>
      <c r="VCF40" s="920"/>
      <c r="VCG40" s="920"/>
      <c r="VCH40" s="920"/>
      <c r="VCI40" s="920"/>
      <c r="VCJ40" s="920"/>
      <c r="VCK40" s="920"/>
      <c r="VCL40" s="920"/>
      <c r="VCM40" s="920"/>
      <c r="VCN40" s="920"/>
      <c r="VCO40" s="920"/>
      <c r="VCP40" s="920"/>
      <c r="VCQ40" s="920"/>
      <c r="VCR40" s="920"/>
      <c r="VCS40" s="920"/>
      <c r="VCT40" s="920"/>
      <c r="VCU40" s="920"/>
      <c r="VCV40" s="920"/>
      <c r="VCW40" s="920"/>
      <c r="VCX40" s="920"/>
      <c r="VCY40" s="920"/>
      <c r="VCZ40" s="920"/>
      <c r="VDA40" s="920"/>
      <c r="VDB40" s="920"/>
      <c r="VDC40" s="920"/>
      <c r="VDD40" s="920"/>
      <c r="VDE40" s="920"/>
      <c r="VDF40" s="920"/>
      <c r="VDG40" s="920"/>
      <c r="VDH40" s="920"/>
      <c r="VDI40" s="920"/>
      <c r="VDJ40" s="920"/>
      <c r="VDK40" s="920"/>
      <c r="VDL40" s="920"/>
      <c r="VDM40" s="920"/>
      <c r="VDN40" s="920"/>
      <c r="VDO40" s="920"/>
      <c r="VDP40" s="920"/>
      <c r="VDQ40" s="920"/>
      <c r="VDR40" s="920"/>
      <c r="VDS40" s="920"/>
      <c r="VDT40" s="920"/>
      <c r="VDU40" s="920"/>
      <c r="VDV40" s="920"/>
      <c r="VDW40" s="920"/>
      <c r="VDX40" s="920"/>
      <c r="VDY40" s="920"/>
      <c r="VDZ40" s="920"/>
      <c r="VEA40" s="920"/>
      <c r="VEB40" s="920"/>
      <c r="VEC40" s="920"/>
      <c r="VED40" s="920"/>
      <c r="VEE40" s="920"/>
      <c r="VEF40" s="920"/>
      <c r="VEG40" s="920"/>
      <c r="VEH40" s="920"/>
      <c r="VEI40" s="920"/>
      <c r="VEJ40" s="920"/>
      <c r="VEK40" s="920"/>
      <c r="VEL40" s="920"/>
      <c r="VEM40" s="920"/>
      <c r="VEN40" s="920"/>
      <c r="VEO40" s="920"/>
      <c r="VEP40" s="920"/>
      <c r="VEQ40" s="920"/>
      <c r="VER40" s="920"/>
      <c r="VES40" s="920"/>
      <c r="VET40" s="920"/>
      <c r="VEU40" s="920"/>
      <c r="VEV40" s="920"/>
      <c r="VEW40" s="920"/>
      <c r="VEX40" s="920"/>
      <c r="VEY40" s="920"/>
      <c r="VEZ40" s="920"/>
      <c r="VFA40" s="920"/>
      <c r="VFB40" s="920"/>
      <c r="VFC40" s="920"/>
      <c r="VFD40" s="920"/>
      <c r="VFE40" s="920"/>
      <c r="VFF40" s="920"/>
      <c r="VFG40" s="920"/>
      <c r="VFH40" s="920"/>
      <c r="VFI40" s="920"/>
      <c r="VFJ40" s="920"/>
      <c r="VFK40" s="920"/>
      <c r="VFL40" s="920"/>
      <c r="VFM40" s="920"/>
      <c r="VFN40" s="920"/>
      <c r="VFO40" s="920"/>
      <c r="VFP40" s="920"/>
      <c r="VFQ40" s="920"/>
      <c r="VFR40" s="920"/>
      <c r="VFS40" s="920"/>
      <c r="VFT40" s="920"/>
      <c r="VFU40" s="920"/>
      <c r="VFV40" s="920"/>
      <c r="VFW40" s="920"/>
      <c r="VFX40" s="920"/>
      <c r="VFY40" s="920"/>
      <c r="VFZ40" s="920"/>
      <c r="VGA40" s="920"/>
      <c r="VGB40" s="920"/>
      <c r="VGC40" s="920"/>
      <c r="VGD40" s="920"/>
      <c r="VGE40" s="920"/>
      <c r="VGF40" s="920"/>
      <c r="VGG40" s="920"/>
      <c r="VGH40" s="920"/>
      <c r="VGI40" s="920"/>
      <c r="VGJ40" s="920"/>
      <c r="VGK40" s="920"/>
      <c r="VGL40" s="920"/>
      <c r="VGM40" s="920"/>
      <c r="VGN40" s="920"/>
      <c r="VGO40" s="920"/>
      <c r="VGP40" s="920"/>
      <c r="VGQ40" s="920"/>
      <c r="VGR40" s="920"/>
      <c r="VGS40" s="920"/>
      <c r="VGT40" s="920"/>
      <c r="VGU40" s="920"/>
      <c r="VGV40" s="920"/>
      <c r="VGW40" s="920"/>
      <c r="VGX40" s="920"/>
      <c r="VGY40" s="920"/>
      <c r="VGZ40" s="920"/>
      <c r="VHA40" s="920"/>
      <c r="VHB40" s="920"/>
      <c r="VHC40" s="920"/>
      <c r="VHD40" s="920"/>
      <c r="VHE40" s="920"/>
      <c r="VHF40" s="920"/>
      <c r="VHG40" s="920"/>
      <c r="VHH40" s="920"/>
      <c r="VHI40" s="920"/>
      <c r="VHJ40" s="920"/>
      <c r="VHK40" s="920"/>
      <c r="VHL40" s="920"/>
      <c r="VHM40" s="920"/>
      <c r="VHN40" s="920"/>
      <c r="VHO40" s="920"/>
      <c r="VHP40" s="920"/>
      <c r="VHQ40" s="920"/>
      <c r="VHR40" s="920"/>
      <c r="VHS40" s="920"/>
      <c r="VHT40" s="920"/>
      <c r="VHU40" s="920"/>
      <c r="VHV40" s="920"/>
      <c r="VHW40" s="920"/>
      <c r="VHX40" s="920"/>
      <c r="VHY40" s="920"/>
      <c r="VHZ40" s="920"/>
      <c r="VIA40" s="920"/>
      <c r="VIB40" s="920"/>
      <c r="VIC40" s="920"/>
      <c r="VID40" s="920"/>
      <c r="VIE40" s="920"/>
      <c r="VIF40" s="920"/>
      <c r="VIG40" s="920"/>
      <c r="VIH40" s="920"/>
      <c r="VII40" s="920"/>
      <c r="VIJ40" s="920"/>
      <c r="VIK40" s="920"/>
      <c r="VIL40" s="920"/>
      <c r="VIM40" s="920"/>
      <c r="VIN40" s="920"/>
      <c r="VIO40" s="920"/>
      <c r="VIP40" s="920"/>
      <c r="VIQ40" s="920"/>
      <c r="VIR40" s="920"/>
      <c r="VIS40" s="920"/>
      <c r="VIT40" s="920"/>
      <c r="VIU40" s="920"/>
      <c r="VIV40" s="920"/>
      <c r="VIW40" s="920"/>
      <c r="VIX40" s="920"/>
      <c r="VIY40" s="920"/>
      <c r="VIZ40" s="920"/>
      <c r="VJA40" s="920"/>
      <c r="VJB40" s="920"/>
      <c r="VJC40" s="920"/>
      <c r="VJD40" s="920"/>
      <c r="VJE40" s="920"/>
      <c r="VJF40" s="920"/>
      <c r="VJG40" s="920"/>
      <c r="VJH40" s="920"/>
      <c r="VJI40" s="920"/>
      <c r="VJJ40" s="920"/>
      <c r="VJK40" s="920"/>
      <c r="VJL40" s="920"/>
      <c r="VJM40" s="920"/>
      <c r="VJN40" s="920"/>
      <c r="VJO40" s="920"/>
      <c r="VJP40" s="920"/>
      <c r="VJQ40" s="920"/>
      <c r="VJR40" s="920"/>
      <c r="VJS40" s="920"/>
      <c r="VJT40" s="920"/>
      <c r="VJU40" s="920"/>
      <c r="VJV40" s="920"/>
      <c r="VJW40" s="920"/>
      <c r="VJX40" s="920"/>
      <c r="VJY40" s="920"/>
      <c r="VJZ40" s="920"/>
      <c r="VKA40" s="920"/>
      <c r="VKB40" s="920"/>
      <c r="VKC40" s="920"/>
      <c r="VKD40" s="920"/>
      <c r="VKE40" s="920"/>
      <c r="VKF40" s="920"/>
      <c r="VKG40" s="920"/>
      <c r="VKH40" s="920"/>
      <c r="VKI40" s="920"/>
      <c r="VKJ40" s="920"/>
      <c r="VKK40" s="920"/>
      <c r="VKL40" s="920"/>
      <c r="VKM40" s="920"/>
      <c r="VKN40" s="920"/>
      <c r="VKO40" s="920"/>
      <c r="VKP40" s="920"/>
      <c r="VKQ40" s="920"/>
      <c r="VKR40" s="920"/>
      <c r="VKS40" s="920"/>
      <c r="VKT40" s="920"/>
      <c r="VKU40" s="920"/>
      <c r="VKV40" s="920"/>
      <c r="VKW40" s="920"/>
      <c r="VKX40" s="920"/>
      <c r="VKY40" s="920"/>
      <c r="VKZ40" s="920"/>
      <c r="VLA40" s="920"/>
      <c r="VLB40" s="920"/>
      <c r="VLC40" s="920"/>
      <c r="VLD40" s="920"/>
      <c r="VLE40" s="920"/>
      <c r="VLF40" s="920"/>
      <c r="VLG40" s="920"/>
      <c r="VLH40" s="920"/>
      <c r="VLI40" s="920"/>
      <c r="VLJ40" s="920"/>
      <c r="VLK40" s="920"/>
      <c r="VLL40" s="920"/>
      <c r="VLM40" s="920"/>
      <c r="VLN40" s="920"/>
      <c r="VLO40" s="920"/>
      <c r="VLP40" s="920"/>
      <c r="VLQ40" s="920"/>
      <c r="VLR40" s="920"/>
      <c r="VLS40" s="920"/>
      <c r="VLT40" s="920"/>
      <c r="VLU40" s="920"/>
      <c r="VLV40" s="920"/>
      <c r="VLW40" s="920"/>
      <c r="VLX40" s="920"/>
      <c r="VLY40" s="920"/>
      <c r="VLZ40" s="920"/>
      <c r="VMA40" s="920"/>
      <c r="VMB40" s="920"/>
      <c r="VMC40" s="920"/>
      <c r="VMD40" s="920"/>
      <c r="VME40" s="920"/>
      <c r="VMF40" s="920"/>
      <c r="VMG40" s="920"/>
      <c r="VMH40" s="920"/>
      <c r="VMI40" s="920"/>
      <c r="VMJ40" s="920"/>
      <c r="VMK40" s="920"/>
      <c r="VML40" s="920"/>
      <c r="VMM40" s="920"/>
      <c r="VMN40" s="920"/>
      <c r="VMO40" s="920"/>
      <c r="VMP40" s="920"/>
      <c r="VMQ40" s="920"/>
      <c r="VMR40" s="920"/>
      <c r="VMS40" s="920"/>
      <c r="VMT40" s="920"/>
      <c r="VMU40" s="920"/>
      <c r="VMV40" s="920"/>
      <c r="VMW40" s="920"/>
      <c r="VMX40" s="920"/>
      <c r="VMY40" s="920"/>
      <c r="VMZ40" s="920"/>
      <c r="VNA40" s="920"/>
      <c r="VNB40" s="920"/>
      <c r="VNC40" s="920"/>
      <c r="VND40" s="920"/>
      <c r="VNE40" s="920"/>
      <c r="VNF40" s="920"/>
      <c r="VNG40" s="920"/>
      <c r="VNH40" s="920"/>
      <c r="VNI40" s="920"/>
      <c r="VNJ40" s="920"/>
      <c r="VNK40" s="920"/>
      <c r="VNL40" s="920"/>
      <c r="VNM40" s="920"/>
      <c r="VNN40" s="920"/>
      <c r="VNO40" s="920"/>
      <c r="VNP40" s="920"/>
      <c r="VNQ40" s="920"/>
      <c r="VNR40" s="920"/>
      <c r="VNS40" s="920"/>
      <c r="VNT40" s="920"/>
      <c r="VNU40" s="920"/>
      <c r="VNV40" s="920"/>
      <c r="VNW40" s="920"/>
      <c r="VNX40" s="920"/>
      <c r="VNY40" s="920"/>
      <c r="VNZ40" s="920"/>
      <c r="VOA40" s="920"/>
      <c r="VOB40" s="920"/>
      <c r="VOC40" s="920"/>
      <c r="VOD40" s="920"/>
      <c r="VOE40" s="920"/>
      <c r="VOF40" s="920"/>
      <c r="VOG40" s="920"/>
      <c r="VOH40" s="920"/>
      <c r="VOI40" s="920"/>
      <c r="VOJ40" s="920"/>
      <c r="VOK40" s="920"/>
      <c r="VOL40" s="920"/>
      <c r="VOM40" s="920"/>
      <c r="VON40" s="920"/>
      <c r="VOO40" s="920"/>
      <c r="VOP40" s="920"/>
      <c r="VOQ40" s="920"/>
      <c r="VOR40" s="920"/>
      <c r="VOS40" s="920"/>
      <c r="VOT40" s="920"/>
      <c r="VOU40" s="920"/>
      <c r="VOV40" s="920"/>
      <c r="VOW40" s="920"/>
      <c r="VOX40" s="920"/>
      <c r="VOY40" s="920"/>
      <c r="VOZ40" s="920"/>
      <c r="VPA40" s="920"/>
      <c r="VPB40" s="920"/>
      <c r="VPC40" s="920"/>
      <c r="VPD40" s="920"/>
      <c r="VPE40" s="920"/>
      <c r="VPF40" s="920"/>
      <c r="VPG40" s="920"/>
      <c r="VPH40" s="920"/>
      <c r="VPI40" s="920"/>
      <c r="VPJ40" s="920"/>
      <c r="VPK40" s="920"/>
      <c r="VPL40" s="920"/>
      <c r="VPM40" s="920"/>
      <c r="VPN40" s="920"/>
      <c r="VPO40" s="920"/>
      <c r="VPP40" s="920"/>
      <c r="VPQ40" s="920"/>
      <c r="VPR40" s="920"/>
      <c r="VPS40" s="920"/>
      <c r="VPT40" s="920"/>
      <c r="VPU40" s="920"/>
      <c r="VPV40" s="920"/>
      <c r="VPW40" s="920"/>
      <c r="VPX40" s="920"/>
      <c r="VPY40" s="920"/>
      <c r="VPZ40" s="920"/>
      <c r="VQA40" s="920"/>
      <c r="VQB40" s="920"/>
      <c r="VQC40" s="920"/>
      <c r="VQD40" s="920"/>
      <c r="VQE40" s="920"/>
      <c r="VQF40" s="920"/>
      <c r="VQG40" s="920"/>
      <c r="VQH40" s="920"/>
      <c r="VQI40" s="920"/>
      <c r="VQJ40" s="920"/>
      <c r="VQK40" s="920"/>
      <c r="VQL40" s="920"/>
      <c r="VQM40" s="920"/>
      <c r="VQN40" s="920"/>
      <c r="VQO40" s="920"/>
      <c r="VQP40" s="920"/>
      <c r="VQQ40" s="920"/>
      <c r="VQR40" s="920"/>
      <c r="VQS40" s="920"/>
      <c r="VQT40" s="920"/>
      <c r="VQU40" s="920"/>
      <c r="VQV40" s="920"/>
      <c r="VQW40" s="920"/>
      <c r="VQX40" s="920"/>
      <c r="VQY40" s="920"/>
      <c r="VQZ40" s="920"/>
      <c r="VRA40" s="920"/>
      <c r="VRB40" s="920"/>
      <c r="VRC40" s="920"/>
      <c r="VRD40" s="920"/>
      <c r="VRE40" s="920"/>
      <c r="VRF40" s="920"/>
      <c r="VRG40" s="920"/>
      <c r="VRH40" s="920"/>
      <c r="VRI40" s="920"/>
      <c r="VRJ40" s="920"/>
      <c r="VRK40" s="920"/>
      <c r="VRL40" s="920"/>
      <c r="VRM40" s="920"/>
      <c r="VRN40" s="920"/>
      <c r="VRO40" s="920"/>
      <c r="VRP40" s="920"/>
      <c r="VRQ40" s="920"/>
      <c r="VRR40" s="920"/>
      <c r="VRS40" s="920"/>
      <c r="VRT40" s="920"/>
      <c r="VRU40" s="920"/>
      <c r="VRV40" s="920"/>
      <c r="VRW40" s="920"/>
      <c r="VRX40" s="920"/>
      <c r="VRY40" s="920"/>
      <c r="VRZ40" s="920"/>
      <c r="VSA40" s="920"/>
      <c r="VSB40" s="920"/>
      <c r="VSC40" s="920"/>
      <c r="VSD40" s="920"/>
      <c r="VSE40" s="920"/>
      <c r="VSF40" s="920"/>
      <c r="VSG40" s="920"/>
      <c r="VSH40" s="920"/>
      <c r="VSI40" s="920"/>
      <c r="VSJ40" s="920"/>
      <c r="VSK40" s="920"/>
      <c r="VSL40" s="920"/>
      <c r="VSM40" s="920"/>
      <c r="VSN40" s="920"/>
      <c r="VSO40" s="920"/>
      <c r="VSP40" s="920"/>
      <c r="VSQ40" s="920"/>
      <c r="VSR40" s="920"/>
      <c r="VSS40" s="920"/>
      <c r="VST40" s="920"/>
      <c r="VSU40" s="920"/>
      <c r="VSV40" s="920"/>
      <c r="VSW40" s="920"/>
      <c r="VSX40" s="920"/>
      <c r="VSY40" s="920"/>
      <c r="VSZ40" s="920"/>
      <c r="VTA40" s="920"/>
      <c r="VTB40" s="920"/>
      <c r="VTC40" s="920"/>
      <c r="VTD40" s="920"/>
      <c r="VTE40" s="920"/>
      <c r="VTF40" s="920"/>
      <c r="VTG40" s="920"/>
      <c r="VTH40" s="920"/>
      <c r="VTI40" s="920"/>
      <c r="VTJ40" s="920"/>
      <c r="VTK40" s="920"/>
      <c r="VTL40" s="920"/>
      <c r="VTM40" s="920"/>
      <c r="VTN40" s="920"/>
      <c r="VTO40" s="920"/>
      <c r="VTP40" s="920"/>
      <c r="VTQ40" s="920"/>
      <c r="VTR40" s="920"/>
      <c r="VTS40" s="920"/>
      <c r="VTT40" s="920"/>
      <c r="VTU40" s="920"/>
      <c r="VTV40" s="920"/>
      <c r="VTW40" s="920"/>
      <c r="VTX40" s="920"/>
      <c r="VTY40" s="920"/>
      <c r="VTZ40" s="920"/>
      <c r="VUA40" s="920"/>
      <c r="VUB40" s="920"/>
      <c r="VUC40" s="920"/>
      <c r="VUD40" s="920"/>
      <c r="VUE40" s="920"/>
      <c r="VUF40" s="920"/>
      <c r="VUG40" s="920"/>
      <c r="VUH40" s="920"/>
      <c r="VUI40" s="920"/>
      <c r="VUJ40" s="920"/>
      <c r="VUK40" s="920"/>
      <c r="VUL40" s="920"/>
      <c r="VUM40" s="920"/>
      <c r="VUN40" s="920"/>
      <c r="VUO40" s="920"/>
      <c r="VUP40" s="920"/>
      <c r="VUQ40" s="920"/>
      <c r="VUR40" s="920"/>
      <c r="VUS40" s="920"/>
      <c r="VUT40" s="920"/>
      <c r="VUU40" s="920"/>
      <c r="VUV40" s="920"/>
      <c r="VUW40" s="920"/>
      <c r="VUX40" s="920"/>
      <c r="VUY40" s="920"/>
      <c r="VUZ40" s="920"/>
      <c r="VVA40" s="920"/>
      <c r="VVB40" s="920"/>
      <c r="VVC40" s="920"/>
      <c r="VVD40" s="920"/>
      <c r="VVE40" s="920"/>
      <c r="VVF40" s="920"/>
      <c r="VVG40" s="920"/>
      <c r="VVH40" s="920"/>
      <c r="VVI40" s="920"/>
      <c r="VVJ40" s="920"/>
      <c r="VVK40" s="920"/>
      <c r="VVL40" s="920"/>
      <c r="VVM40" s="920"/>
      <c r="VVN40" s="920"/>
      <c r="VVO40" s="920"/>
      <c r="VVP40" s="920"/>
      <c r="VVQ40" s="920"/>
      <c r="VVR40" s="920"/>
      <c r="VVS40" s="920"/>
      <c r="VVT40" s="920"/>
      <c r="VVU40" s="920"/>
      <c r="VVV40" s="920"/>
      <c r="VVW40" s="920"/>
      <c r="VVX40" s="920"/>
      <c r="VVY40" s="920"/>
      <c r="VVZ40" s="920"/>
      <c r="VWA40" s="920"/>
      <c r="VWB40" s="920"/>
      <c r="VWC40" s="920"/>
      <c r="VWD40" s="920"/>
      <c r="VWE40" s="920"/>
      <c r="VWF40" s="920"/>
      <c r="VWG40" s="920"/>
      <c r="VWH40" s="920"/>
      <c r="VWI40" s="920"/>
      <c r="VWJ40" s="920"/>
      <c r="VWK40" s="920"/>
      <c r="VWL40" s="920"/>
      <c r="VWM40" s="920"/>
      <c r="VWN40" s="920"/>
      <c r="VWO40" s="920"/>
      <c r="VWP40" s="920"/>
      <c r="VWQ40" s="920"/>
      <c r="VWR40" s="920"/>
      <c r="VWS40" s="920"/>
      <c r="VWT40" s="920"/>
      <c r="VWU40" s="920"/>
      <c r="VWV40" s="920"/>
      <c r="VWW40" s="920"/>
      <c r="VWX40" s="920"/>
      <c r="VWY40" s="920"/>
      <c r="VWZ40" s="920"/>
      <c r="VXA40" s="920"/>
      <c r="VXB40" s="920"/>
      <c r="VXC40" s="920"/>
      <c r="VXD40" s="920"/>
      <c r="VXE40" s="920"/>
      <c r="VXF40" s="920"/>
      <c r="VXG40" s="920"/>
      <c r="VXH40" s="920"/>
      <c r="VXI40" s="920"/>
      <c r="VXJ40" s="920"/>
      <c r="VXK40" s="920"/>
      <c r="VXL40" s="920"/>
      <c r="VXM40" s="920"/>
      <c r="VXN40" s="920"/>
      <c r="VXO40" s="920"/>
      <c r="VXP40" s="920"/>
      <c r="VXQ40" s="920"/>
      <c r="VXR40" s="920"/>
      <c r="VXS40" s="920"/>
      <c r="VXT40" s="920"/>
      <c r="VXU40" s="920"/>
      <c r="VXV40" s="920"/>
      <c r="VXW40" s="920"/>
      <c r="VXX40" s="920"/>
      <c r="VXY40" s="920"/>
      <c r="VXZ40" s="920"/>
      <c r="VYA40" s="920"/>
      <c r="VYB40" s="920"/>
      <c r="VYC40" s="920"/>
      <c r="VYD40" s="920"/>
      <c r="VYE40" s="920"/>
      <c r="VYF40" s="920"/>
      <c r="VYG40" s="920"/>
      <c r="VYH40" s="920"/>
      <c r="VYI40" s="920"/>
      <c r="VYJ40" s="920"/>
      <c r="VYK40" s="920"/>
      <c r="VYL40" s="920"/>
      <c r="VYM40" s="920"/>
      <c r="VYN40" s="920"/>
      <c r="VYO40" s="920"/>
      <c r="VYP40" s="920"/>
      <c r="VYQ40" s="920"/>
      <c r="VYR40" s="920"/>
      <c r="VYS40" s="920"/>
      <c r="VYT40" s="920"/>
      <c r="VYU40" s="920"/>
      <c r="VYV40" s="920"/>
      <c r="VYW40" s="920"/>
      <c r="VYX40" s="920"/>
      <c r="VYY40" s="920"/>
      <c r="VYZ40" s="920"/>
      <c r="VZA40" s="920"/>
      <c r="VZB40" s="920"/>
      <c r="VZC40" s="920"/>
      <c r="VZD40" s="920"/>
      <c r="VZE40" s="920"/>
      <c r="VZF40" s="920"/>
      <c r="VZG40" s="920"/>
      <c r="VZH40" s="920"/>
      <c r="VZI40" s="920"/>
      <c r="VZJ40" s="920"/>
      <c r="VZK40" s="920"/>
      <c r="VZL40" s="920"/>
      <c r="VZM40" s="920"/>
      <c r="VZN40" s="920"/>
      <c r="VZO40" s="920"/>
      <c r="VZP40" s="920"/>
      <c r="VZQ40" s="920"/>
      <c r="VZR40" s="920"/>
      <c r="VZS40" s="920"/>
      <c r="VZT40" s="920"/>
      <c r="VZU40" s="920"/>
      <c r="VZV40" s="920"/>
      <c r="VZW40" s="920"/>
      <c r="VZX40" s="920"/>
      <c r="VZY40" s="920"/>
      <c r="VZZ40" s="920"/>
      <c r="WAA40" s="920"/>
      <c r="WAB40" s="920"/>
      <c r="WAC40" s="920"/>
      <c r="WAD40" s="920"/>
      <c r="WAE40" s="920"/>
      <c r="WAF40" s="920"/>
      <c r="WAG40" s="920"/>
      <c r="WAH40" s="920"/>
      <c r="WAI40" s="920"/>
      <c r="WAJ40" s="920"/>
      <c r="WAK40" s="920"/>
      <c r="WAL40" s="920"/>
      <c r="WAM40" s="920"/>
      <c r="WAN40" s="920"/>
      <c r="WAO40" s="920"/>
      <c r="WAP40" s="920"/>
      <c r="WAQ40" s="920"/>
      <c r="WAR40" s="920"/>
      <c r="WAS40" s="920"/>
      <c r="WAT40" s="920"/>
      <c r="WAU40" s="920"/>
      <c r="WAV40" s="920"/>
      <c r="WAW40" s="920"/>
      <c r="WAX40" s="920"/>
      <c r="WAY40" s="920"/>
      <c r="WAZ40" s="920"/>
      <c r="WBA40" s="920"/>
      <c r="WBB40" s="920"/>
      <c r="WBC40" s="920"/>
      <c r="WBD40" s="920"/>
      <c r="WBE40" s="920"/>
      <c r="WBF40" s="920"/>
      <c r="WBG40" s="920"/>
      <c r="WBH40" s="920"/>
      <c r="WBI40" s="920"/>
      <c r="WBJ40" s="920"/>
      <c r="WBK40" s="920"/>
      <c r="WBL40" s="920"/>
      <c r="WBM40" s="920"/>
      <c r="WBN40" s="920"/>
      <c r="WBO40" s="920"/>
      <c r="WBP40" s="920"/>
      <c r="WBQ40" s="920"/>
      <c r="WBR40" s="920"/>
      <c r="WBS40" s="920"/>
      <c r="WBT40" s="920"/>
      <c r="WBU40" s="920"/>
      <c r="WBV40" s="920"/>
      <c r="WBW40" s="920"/>
      <c r="WBX40" s="920"/>
      <c r="WBY40" s="920"/>
      <c r="WBZ40" s="920"/>
      <c r="WCA40" s="920"/>
      <c r="WCB40" s="920"/>
      <c r="WCC40" s="920"/>
      <c r="WCD40" s="920"/>
      <c r="WCE40" s="920"/>
      <c r="WCF40" s="920"/>
      <c r="WCG40" s="920"/>
      <c r="WCH40" s="920"/>
      <c r="WCI40" s="920"/>
      <c r="WCJ40" s="920"/>
      <c r="WCK40" s="920"/>
      <c r="WCL40" s="920"/>
      <c r="WCM40" s="920"/>
      <c r="WCN40" s="920"/>
      <c r="WCO40" s="920"/>
      <c r="WCP40" s="920"/>
      <c r="WCQ40" s="920"/>
      <c r="WCR40" s="920"/>
      <c r="WCS40" s="920"/>
      <c r="WCT40" s="920"/>
      <c r="WCU40" s="920"/>
      <c r="WCV40" s="920"/>
      <c r="WCW40" s="920"/>
      <c r="WCX40" s="920"/>
      <c r="WCY40" s="920"/>
      <c r="WCZ40" s="920"/>
      <c r="WDA40" s="920"/>
      <c r="WDB40" s="920"/>
      <c r="WDC40" s="920"/>
      <c r="WDD40" s="920"/>
      <c r="WDE40" s="920"/>
      <c r="WDF40" s="920"/>
      <c r="WDG40" s="920"/>
      <c r="WDH40" s="920"/>
      <c r="WDI40" s="920"/>
      <c r="WDJ40" s="920"/>
      <c r="WDK40" s="920"/>
      <c r="WDL40" s="920"/>
      <c r="WDM40" s="920"/>
      <c r="WDN40" s="920"/>
      <c r="WDO40" s="920"/>
      <c r="WDP40" s="920"/>
      <c r="WDQ40" s="920"/>
      <c r="WDR40" s="920"/>
      <c r="WDS40" s="920"/>
      <c r="WDT40" s="920"/>
      <c r="WDU40" s="920"/>
      <c r="WDV40" s="920"/>
      <c r="WDW40" s="920"/>
      <c r="WDX40" s="920"/>
      <c r="WDY40" s="920"/>
      <c r="WDZ40" s="920"/>
      <c r="WEA40" s="920"/>
      <c r="WEB40" s="920"/>
      <c r="WEC40" s="920"/>
      <c r="WED40" s="920"/>
      <c r="WEE40" s="920"/>
      <c r="WEF40" s="920"/>
      <c r="WEG40" s="920"/>
      <c r="WEH40" s="920"/>
      <c r="WEI40" s="920"/>
      <c r="WEJ40" s="920"/>
      <c r="WEK40" s="920"/>
      <c r="WEL40" s="920"/>
      <c r="WEM40" s="920"/>
      <c r="WEN40" s="920"/>
      <c r="WEO40" s="920"/>
      <c r="WEP40" s="920"/>
      <c r="WEQ40" s="920"/>
      <c r="WER40" s="920"/>
      <c r="WES40" s="920"/>
      <c r="WET40" s="920"/>
      <c r="WEU40" s="920"/>
      <c r="WEV40" s="920"/>
      <c r="WEW40" s="920"/>
      <c r="WEX40" s="920"/>
      <c r="WEY40" s="920"/>
      <c r="WEZ40" s="920"/>
      <c r="WFA40" s="920"/>
      <c r="WFB40" s="920"/>
      <c r="WFC40" s="920"/>
      <c r="WFD40" s="920"/>
      <c r="WFE40" s="920"/>
      <c r="WFF40" s="920"/>
      <c r="WFG40" s="920"/>
      <c r="WFH40" s="920"/>
      <c r="WFI40" s="920"/>
      <c r="WFJ40" s="920"/>
      <c r="WFK40" s="920"/>
      <c r="WFL40" s="920"/>
      <c r="WFM40" s="920"/>
      <c r="WFN40" s="920"/>
      <c r="WFO40" s="920"/>
      <c r="WFP40" s="920"/>
      <c r="WFQ40" s="920"/>
      <c r="WFR40" s="920"/>
      <c r="WFS40" s="920"/>
      <c r="WFT40" s="920"/>
      <c r="WFU40" s="920"/>
      <c r="WFV40" s="920"/>
      <c r="WFW40" s="920"/>
      <c r="WFX40" s="920"/>
      <c r="WFY40" s="920"/>
      <c r="WFZ40" s="920"/>
      <c r="WGA40" s="920"/>
      <c r="WGB40" s="920"/>
      <c r="WGC40" s="920"/>
      <c r="WGD40" s="920"/>
      <c r="WGE40" s="920"/>
      <c r="WGF40" s="920"/>
      <c r="WGG40" s="920"/>
      <c r="WGH40" s="920"/>
      <c r="WGI40" s="920"/>
      <c r="WGJ40" s="920"/>
      <c r="WGK40" s="920"/>
      <c r="WGL40" s="920"/>
      <c r="WGM40" s="920"/>
      <c r="WGN40" s="920"/>
      <c r="WGO40" s="920"/>
      <c r="WGP40" s="920"/>
      <c r="WGQ40" s="920"/>
      <c r="WGR40" s="920"/>
      <c r="WGS40" s="920"/>
      <c r="WGT40" s="920"/>
      <c r="WGU40" s="920"/>
      <c r="WGV40" s="920"/>
      <c r="WGW40" s="920"/>
      <c r="WGX40" s="920"/>
      <c r="WGY40" s="920"/>
      <c r="WGZ40" s="920"/>
      <c r="WHA40" s="920"/>
      <c r="WHB40" s="920"/>
      <c r="WHC40" s="920"/>
      <c r="WHD40" s="920"/>
      <c r="WHE40" s="920"/>
      <c r="WHF40" s="920"/>
      <c r="WHG40" s="920"/>
      <c r="WHH40" s="920"/>
      <c r="WHI40" s="920"/>
      <c r="WHJ40" s="920"/>
      <c r="WHK40" s="920"/>
      <c r="WHL40" s="920"/>
      <c r="WHM40" s="920"/>
      <c r="WHN40" s="920"/>
      <c r="WHO40" s="920"/>
      <c r="WHP40" s="920"/>
      <c r="WHQ40" s="920"/>
      <c r="WHR40" s="920"/>
      <c r="WHS40" s="920"/>
      <c r="WHT40" s="920"/>
      <c r="WHU40" s="920"/>
      <c r="WHV40" s="920"/>
      <c r="WHW40" s="920"/>
      <c r="WHX40" s="920"/>
      <c r="WHY40" s="920"/>
      <c r="WHZ40" s="920"/>
      <c r="WIA40" s="920"/>
      <c r="WIB40" s="920"/>
      <c r="WIC40" s="920"/>
      <c r="WID40" s="920"/>
      <c r="WIE40" s="920"/>
      <c r="WIF40" s="920"/>
      <c r="WIG40" s="920"/>
      <c r="WIH40" s="920"/>
      <c r="WII40" s="920"/>
      <c r="WIJ40" s="920"/>
      <c r="WIK40" s="920"/>
      <c r="WIL40" s="920"/>
      <c r="WIM40" s="920"/>
      <c r="WIN40" s="920"/>
      <c r="WIO40" s="920"/>
      <c r="WIP40" s="920"/>
      <c r="WIQ40" s="920"/>
      <c r="WIR40" s="920"/>
      <c r="WIS40" s="920"/>
      <c r="WIT40" s="920"/>
      <c r="WIU40" s="920"/>
      <c r="WIV40" s="920"/>
      <c r="WIW40" s="920"/>
      <c r="WIX40" s="920"/>
      <c r="WIY40" s="920"/>
      <c r="WIZ40" s="920"/>
      <c r="WJA40" s="920"/>
      <c r="WJB40" s="920"/>
      <c r="WJC40" s="920"/>
      <c r="WJD40" s="920"/>
      <c r="WJE40" s="920"/>
      <c r="WJF40" s="920"/>
      <c r="WJG40" s="920"/>
      <c r="WJH40" s="920"/>
      <c r="WJI40" s="920"/>
      <c r="WJJ40" s="920"/>
      <c r="WJK40" s="920"/>
      <c r="WJL40" s="920"/>
      <c r="WJM40" s="920"/>
      <c r="WJN40" s="920"/>
      <c r="WJO40" s="920"/>
      <c r="WJP40" s="920"/>
      <c r="WJQ40" s="920"/>
      <c r="WJR40" s="920"/>
      <c r="WJS40" s="920"/>
      <c r="WJT40" s="920"/>
      <c r="WJU40" s="920"/>
      <c r="WJV40" s="920"/>
      <c r="WJW40" s="920"/>
      <c r="WJX40" s="920"/>
      <c r="WJY40" s="920"/>
      <c r="WJZ40" s="920"/>
      <c r="WKA40" s="920"/>
      <c r="WKB40" s="920"/>
      <c r="WKC40" s="920"/>
      <c r="WKD40" s="920"/>
      <c r="WKE40" s="920"/>
      <c r="WKF40" s="920"/>
      <c r="WKG40" s="920"/>
      <c r="WKH40" s="920"/>
      <c r="WKI40" s="920"/>
      <c r="WKJ40" s="920"/>
      <c r="WKK40" s="920"/>
      <c r="WKL40" s="920"/>
      <c r="WKM40" s="920"/>
      <c r="WKN40" s="920"/>
      <c r="WKO40" s="920"/>
      <c r="WKP40" s="920"/>
      <c r="WKQ40" s="920"/>
      <c r="WKR40" s="920"/>
      <c r="WKS40" s="920"/>
      <c r="WKT40" s="920"/>
      <c r="WKU40" s="920"/>
      <c r="WKV40" s="920"/>
      <c r="WKW40" s="920"/>
      <c r="WKX40" s="920"/>
      <c r="WKY40" s="920"/>
      <c r="WKZ40" s="920"/>
      <c r="WLA40" s="920"/>
      <c r="WLB40" s="920"/>
      <c r="WLC40" s="920"/>
      <c r="WLD40" s="920"/>
      <c r="WLE40" s="920"/>
      <c r="WLF40" s="920"/>
      <c r="WLG40" s="920"/>
      <c r="WLH40" s="920"/>
      <c r="WLI40" s="920"/>
      <c r="WLJ40" s="920"/>
      <c r="WLK40" s="920"/>
      <c r="WLL40" s="920"/>
      <c r="WLM40" s="920"/>
      <c r="WLN40" s="920"/>
      <c r="WLO40" s="920"/>
      <c r="WLP40" s="920"/>
      <c r="WLQ40" s="920"/>
      <c r="WLR40" s="920"/>
      <c r="WLS40" s="920"/>
      <c r="WLT40" s="920"/>
      <c r="WLU40" s="920"/>
      <c r="WLV40" s="920"/>
      <c r="WLW40" s="920"/>
      <c r="WLX40" s="920"/>
      <c r="WLY40" s="920"/>
      <c r="WLZ40" s="920"/>
      <c r="WMA40" s="920"/>
      <c r="WMB40" s="920"/>
      <c r="WMC40" s="920"/>
      <c r="WMD40" s="920"/>
      <c r="WME40" s="920"/>
      <c r="WMF40" s="920"/>
      <c r="WMG40" s="920"/>
      <c r="WMH40" s="920"/>
      <c r="WMI40" s="920"/>
      <c r="WMJ40" s="920"/>
      <c r="WMK40" s="920"/>
      <c r="WML40" s="920"/>
      <c r="WMM40" s="920"/>
      <c r="WMN40" s="920"/>
      <c r="WMO40" s="920"/>
      <c r="WMP40" s="920"/>
      <c r="WMQ40" s="920"/>
      <c r="WMR40" s="920"/>
      <c r="WMS40" s="920"/>
      <c r="WMT40" s="920"/>
      <c r="WMU40" s="920"/>
      <c r="WMV40" s="920"/>
      <c r="WMW40" s="920"/>
      <c r="WMX40" s="920"/>
      <c r="WMY40" s="920"/>
      <c r="WMZ40" s="920"/>
      <c r="WNA40" s="920"/>
      <c r="WNB40" s="920"/>
      <c r="WNC40" s="920"/>
      <c r="WND40" s="920"/>
      <c r="WNE40" s="920"/>
      <c r="WNF40" s="920"/>
      <c r="WNG40" s="920"/>
      <c r="WNH40" s="920"/>
      <c r="WNI40" s="920"/>
      <c r="WNJ40" s="920"/>
      <c r="WNK40" s="920"/>
      <c r="WNL40" s="920"/>
      <c r="WNM40" s="920"/>
      <c r="WNN40" s="920"/>
      <c r="WNO40" s="920"/>
      <c r="WNP40" s="920"/>
      <c r="WNQ40" s="920"/>
      <c r="WNR40" s="920"/>
      <c r="WNS40" s="920"/>
      <c r="WNT40" s="920"/>
      <c r="WNU40" s="920"/>
      <c r="WNV40" s="920"/>
      <c r="WNW40" s="920"/>
      <c r="WNX40" s="920"/>
      <c r="WNY40" s="920"/>
      <c r="WNZ40" s="920"/>
      <c r="WOA40" s="920"/>
      <c r="WOB40" s="920"/>
      <c r="WOC40" s="920"/>
      <c r="WOD40" s="920"/>
      <c r="WOE40" s="920"/>
      <c r="WOF40" s="920"/>
      <c r="WOG40" s="920"/>
      <c r="WOH40" s="920"/>
      <c r="WOI40" s="920"/>
      <c r="WOJ40" s="920"/>
      <c r="WOK40" s="920"/>
      <c r="WOL40" s="920"/>
      <c r="WOM40" s="920"/>
      <c r="WON40" s="920"/>
      <c r="WOO40" s="920"/>
      <c r="WOP40" s="920"/>
      <c r="WOQ40" s="920"/>
      <c r="WOR40" s="920"/>
      <c r="WOS40" s="920"/>
      <c r="WOT40" s="920"/>
      <c r="WOU40" s="920"/>
      <c r="WOV40" s="920"/>
      <c r="WOW40" s="920"/>
      <c r="WOX40" s="920"/>
      <c r="WOY40" s="920"/>
      <c r="WOZ40" s="920"/>
      <c r="WPA40" s="920"/>
      <c r="WPB40" s="920"/>
      <c r="WPC40" s="920"/>
      <c r="WPD40" s="920"/>
      <c r="WPE40" s="920"/>
      <c r="WPF40" s="920"/>
      <c r="WPG40" s="920"/>
      <c r="WPH40" s="920"/>
      <c r="WPI40" s="920"/>
      <c r="WPJ40" s="920"/>
      <c r="WPK40" s="920"/>
      <c r="WPL40" s="920"/>
      <c r="WPM40" s="920"/>
      <c r="WPN40" s="920"/>
      <c r="WPO40" s="920"/>
      <c r="WPP40" s="920"/>
      <c r="WPQ40" s="920"/>
      <c r="WPR40" s="920"/>
      <c r="WPS40" s="920"/>
      <c r="WPT40" s="920"/>
      <c r="WPU40" s="920"/>
      <c r="WPV40" s="920"/>
      <c r="WPW40" s="920"/>
      <c r="WPX40" s="920"/>
      <c r="WPY40" s="920"/>
      <c r="WPZ40" s="920"/>
      <c r="WQA40" s="920"/>
      <c r="WQB40" s="920"/>
      <c r="WQC40" s="920"/>
      <c r="WQD40" s="920"/>
      <c r="WQE40" s="920"/>
      <c r="WQF40" s="920"/>
      <c r="WQG40" s="920"/>
      <c r="WQH40" s="920"/>
      <c r="WQI40" s="920"/>
      <c r="WQJ40" s="920"/>
      <c r="WQK40" s="920"/>
      <c r="WQL40" s="920"/>
      <c r="WQM40" s="920"/>
      <c r="WQN40" s="920"/>
      <c r="WQO40" s="920"/>
      <c r="WQP40" s="920"/>
      <c r="WQQ40" s="920"/>
      <c r="WQR40" s="920"/>
      <c r="WQS40" s="920"/>
      <c r="WQT40" s="920"/>
      <c r="WQU40" s="920"/>
      <c r="WQV40" s="920"/>
      <c r="WQW40" s="920"/>
      <c r="WQX40" s="920"/>
      <c r="WQY40" s="920"/>
      <c r="WQZ40" s="920"/>
      <c r="WRA40" s="920"/>
      <c r="WRB40" s="920"/>
      <c r="WRC40" s="920"/>
      <c r="WRD40" s="920"/>
      <c r="WRE40" s="920"/>
      <c r="WRF40" s="920"/>
      <c r="WRG40" s="920"/>
      <c r="WRH40" s="920"/>
      <c r="WRI40" s="920"/>
      <c r="WRJ40" s="920"/>
      <c r="WRK40" s="920"/>
      <c r="WRL40" s="920"/>
      <c r="WRM40" s="920"/>
      <c r="WRN40" s="920"/>
      <c r="WRO40" s="920"/>
      <c r="WRP40" s="920"/>
      <c r="WRQ40" s="920"/>
      <c r="WRR40" s="920"/>
      <c r="WRS40" s="920"/>
      <c r="WRT40" s="920"/>
      <c r="WRU40" s="920"/>
      <c r="WRV40" s="920"/>
      <c r="WRW40" s="920"/>
      <c r="WRX40" s="920"/>
      <c r="WRY40" s="920"/>
      <c r="WRZ40" s="920"/>
      <c r="WSA40" s="920"/>
      <c r="WSB40" s="920"/>
      <c r="WSC40" s="920"/>
      <c r="WSD40" s="920"/>
      <c r="WSE40" s="920"/>
      <c r="WSF40" s="920"/>
      <c r="WSG40" s="920"/>
      <c r="WSH40" s="920"/>
      <c r="WSI40" s="920"/>
      <c r="WSJ40" s="920"/>
      <c r="WSK40" s="920"/>
      <c r="WSL40" s="920"/>
      <c r="WSM40" s="920"/>
      <c r="WSN40" s="920"/>
      <c r="WSO40" s="920"/>
      <c r="WSP40" s="920"/>
      <c r="WSQ40" s="920"/>
      <c r="WSR40" s="920"/>
      <c r="WSS40" s="920"/>
      <c r="WST40" s="920"/>
      <c r="WSU40" s="920"/>
      <c r="WSV40" s="920"/>
      <c r="WSW40" s="920"/>
      <c r="WSX40" s="920"/>
      <c r="WSY40" s="920"/>
      <c r="WSZ40" s="920"/>
      <c r="WTA40" s="920"/>
      <c r="WTB40" s="920"/>
      <c r="WTC40" s="920"/>
      <c r="WTD40" s="920"/>
      <c r="WTE40" s="920"/>
      <c r="WTF40" s="920"/>
      <c r="WTG40" s="920"/>
      <c r="WTH40" s="920"/>
      <c r="WTI40" s="920"/>
      <c r="WTJ40" s="920"/>
      <c r="WTK40" s="920"/>
      <c r="WTL40" s="920"/>
      <c r="WTM40" s="920"/>
      <c r="WTN40" s="920"/>
      <c r="WTO40" s="920"/>
      <c r="WTP40" s="920"/>
      <c r="WTQ40" s="920"/>
      <c r="WTR40" s="920"/>
      <c r="WTS40" s="920"/>
      <c r="WTT40" s="920"/>
      <c r="WTU40" s="920"/>
      <c r="WTV40" s="920"/>
      <c r="WTW40" s="920"/>
      <c r="WTX40" s="920"/>
      <c r="WTY40" s="920"/>
      <c r="WTZ40" s="920"/>
      <c r="WUA40" s="920"/>
      <c r="WUB40" s="920"/>
      <c r="WUC40" s="920"/>
      <c r="WUD40" s="920"/>
      <c r="WUE40" s="920"/>
      <c r="WUF40" s="920"/>
      <c r="WUG40" s="920"/>
      <c r="WUH40" s="920"/>
      <c r="WUI40" s="920"/>
      <c r="WUJ40" s="920"/>
      <c r="WUK40" s="920"/>
      <c r="WUL40" s="920"/>
      <c r="WUM40" s="920"/>
      <c r="WUN40" s="920"/>
      <c r="WUO40" s="920"/>
      <c r="WUP40" s="920"/>
      <c r="WUQ40" s="920"/>
      <c r="WUR40" s="920"/>
      <c r="WUS40" s="920"/>
      <c r="WUT40" s="920"/>
      <c r="WUU40" s="920"/>
      <c r="WUV40" s="920"/>
      <c r="WUW40" s="920"/>
      <c r="WUX40" s="920"/>
      <c r="WUY40" s="920"/>
      <c r="WUZ40" s="920"/>
      <c r="WVA40" s="920"/>
      <c r="WVB40" s="920"/>
      <c r="WVC40" s="920"/>
      <c r="WVD40" s="920"/>
      <c r="WVE40" s="920"/>
      <c r="WVF40" s="920"/>
      <c r="WVG40" s="920"/>
      <c r="WVH40" s="920"/>
      <c r="WVI40" s="920"/>
      <c r="WVJ40" s="920"/>
      <c r="WVK40" s="920"/>
      <c r="WVL40" s="920"/>
      <c r="WVM40" s="920"/>
      <c r="WVN40" s="920"/>
      <c r="WVO40" s="920"/>
      <c r="WVP40" s="920"/>
      <c r="WVQ40" s="920"/>
      <c r="WVR40" s="920"/>
      <c r="WVS40" s="920"/>
      <c r="WVT40" s="920"/>
      <c r="WVU40" s="920"/>
      <c r="WVV40" s="920"/>
      <c r="WVW40" s="920"/>
      <c r="WVX40" s="920"/>
      <c r="WVY40" s="920"/>
      <c r="WVZ40" s="920"/>
      <c r="WWA40" s="920"/>
      <c r="WWB40" s="920"/>
      <c r="WWC40" s="920"/>
      <c r="WWD40" s="920"/>
      <c r="WWE40" s="920"/>
      <c r="WWF40" s="920"/>
      <c r="WWG40" s="920"/>
      <c r="WWH40" s="920"/>
      <c r="WWI40" s="920"/>
      <c r="WWJ40" s="920"/>
      <c r="WWK40" s="920"/>
      <c r="WWL40" s="920"/>
      <c r="WWM40" s="920"/>
      <c r="WWN40" s="920"/>
      <c r="WWO40" s="920"/>
      <c r="WWP40" s="920"/>
      <c r="WWQ40" s="920"/>
      <c r="WWR40" s="920"/>
      <c r="WWS40" s="920"/>
      <c r="WWT40" s="920"/>
      <c r="WWU40" s="920"/>
      <c r="WWV40" s="920"/>
      <c r="WWW40" s="920"/>
      <c r="WWX40" s="920"/>
      <c r="WWY40" s="920"/>
      <c r="WWZ40" s="920"/>
      <c r="WXA40" s="920"/>
      <c r="WXB40" s="920"/>
      <c r="WXC40" s="920"/>
      <c r="WXD40" s="920"/>
      <c r="WXE40" s="920"/>
      <c r="WXF40" s="920"/>
      <c r="WXG40" s="920"/>
      <c r="WXH40" s="920"/>
      <c r="WXI40" s="920"/>
      <c r="WXJ40" s="920"/>
      <c r="WXK40" s="920"/>
      <c r="WXL40" s="920"/>
      <c r="WXM40" s="920"/>
      <c r="WXN40" s="920"/>
      <c r="WXO40" s="920"/>
      <c r="WXP40" s="920"/>
      <c r="WXQ40" s="920"/>
      <c r="WXR40" s="920"/>
      <c r="WXS40" s="920"/>
      <c r="WXT40" s="920"/>
      <c r="WXU40" s="920"/>
      <c r="WXV40" s="920"/>
      <c r="WXW40" s="920"/>
      <c r="WXX40" s="920"/>
      <c r="WXY40" s="920"/>
      <c r="WXZ40" s="920"/>
      <c r="WYA40" s="920"/>
      <c r="WYB40" s="920"/>
      <c r="WYC40" s="920"/>
      <c r="WYD40" s="920"/>
      <c r="WYE40" s="920"/>
      <c r="WYF40" s="920"/>
      <c r="WYG40" s="920"/>
      <c r="WYH40" s="920"/>
      <c r="WYI40" s="920"/>
      <c r="WYJ40" s="920"/>
      <c r="WYK40" s="920"/>
      <c r="WYL40" s="920"/>
      <c r="WYM40" s="920"/>
      <c r="WYN40" s="920"/>
      <c r="WYO40" s="920"/>
      <c r="WYP40" s="920"/>
      <c r="WYQ40" s="920"/>
      <c r="WYR40" s="920"/>
      <c r="WYS40" s="920"/>
      <c r="WYT40" s="920"/>
      <c r="WYU40" s="920"/>
      <c r="WYV40" s="920"/>
      <c r="WYW40" s="920"/>
      <c r="WYX40" s="920"/>
      <c r="WYY40" s="920"/>
      <c r="WYZ40" s="920"/>
      <c r="WZA40" s="920"/>
      <c r="WZB40" s="920"/>
      <c r="WZC40" s="920"/>
      <c r="WZD40" s="920"/>
      <c r="WZE40" s="920"/>
      <c r="WZF40" s="920"/>
      <c r="WZG40" s="920"/>
      <c r="WZH40" s="920"/>
      <c r="WZI40" s="920"/>
      <c r="WZJ40" s="920"/>
      <c r="WZK40" s="920"/>
      <c r="WZL40" s="920"/>
      <c r="WZM40" s="920"/>
      <c r="WZN40" s="920"/>
      <c r="WZO40" s="920"/>
      <c r="WZP40" s="920"/>
      <c r="WZQ40" s="920"/>
      <c r="WZR40" s="920"/>
      <c r="WZS40" s="920"/>
      <c r="WZT40" s="920"/>
      <c r="WZU40" s="920"/>
      <c r="WZV40" s="920"/>
      <c r="WZW40" s="920"/>
      <c r="WZX40" s="920"/>
      <c r="WZY40" s="920"/>
      <c r="WZZ40" s="920"/>
      <c r="XAA40" s="920"/>
      <c r="XAB40" s="920"/>
      <c r="XAC40" s="920"/>
      <c r="XAD40" s="920"/>
      <c r="XAE40" s="920"/>
      <c r="XAF40" s="920"/>
      <c r="XAG40" s="920"/>
      <c r="XAH40" s="920"/>
      <c r="XAI40" s="920"/>
      <c r="XAJ40" s="920"/>
      <c r="XAK40" s="920"/>
      <c r="XAL40" s="920"/>
      <c r="XAM40" s="920"/>
      <c r="XAN40" s="920"/>
      <c r="XAO40" s="920"/>
      <c r="XAP40" s="920"/>
      <c r="XAQ40" s="920"/>
      <c r="XAR40" s="920"/>
      <c r="XAS40" s="920"/>
      <c r="XAT40" s="920"/>
      <c r="XAU40" s="920"/>
      <c r="XAV40" s="920"/>
      <c r="XAW40" s="920"/>
      <c r="XAX40" s="920"/>
      <c r="XAY40" s="920"/>
      <c r="XAZ40" s="920"/>
      <c r="XBA40" s="920"/>
      <c r="XBB40" s="920"/>
      <c r="XBC40" s="920"/>
      <c r="XBD40" s="920"/>
      <c r="XBE40" s="920"/>
      <c r="XBF40" s="920"/>
      <c r="XBG40" s="920"/>
      <c r="XBH40" s="920"/>
      <c r="XBI40" s="920"/>
      <c r="XBJ40" s="920"/>
      <c r="XBK40" s="920"/>
      <c r="XBL40" s="920"/>
      <c r="XBM40" s="920"/>
      <c r="XBN40" s="920"/>
      <c r="XBO40" s="920"/>
      <c r="XBP40" s="920"/>
      <c r="XBQ40" s="920"/>
      <c r="XBR40" s="920"/>
      <c r="XBS40" s="920"/>
      <c r="XBT40" s="920"/>
      <c r="XBU40" s="920"/>
      <c r="XBV40" s="920"/>
      <c r="XBW40" s="920"/>
      <c r="XBX40" s="920"/>
      <c r="XBY40" s="920"/>
      <c r="XBZ40" s="920"/>
      <c r="XCA40" s="920"/>
      <c r="XCB40" s="920"/>
      <c r="XCC40" s="920"/>
      <c r="XCD40" s="920"/>
      <c r="XCE40" s="920"/>
      <c r="XCF40" s="920"/>
      <c r="XCG40" s="920"/>
      <c r="XCH40" s="920"/>
      <c r="XCI40" s="920"/>
      <c r="XCJ40" s="920"/>
      <c r="XCK40" s="920"/>
      <c r="XCL40" s="920"/>
      <c r="XCM40" s="920"/>
      <c r="XCN40" s="920"/>
      <c r="XCO40" s="920"/>
      <c r="XCP40" s="920"/>
      <c r="XCQ40" s="920"/>
      <c r="XCR40" s="920"/>
      <c r="XCS40" s="920"/>
      <c r="XCT40" s="920"/>
      <c r="XCU40" s="920"/>
      <c r="XCV40" s="920"/>
      <c r="XCW40" s="920"/>
      <c r="XCX40" s="920"/>
      <c r="XCY40" s="920"/>
      <c r="XCZ40" s="920"/>
      <c r="XDA40" s="920"/>
      <c r="XDB40" s="920"/>
      <c r="XDC40" s="920"/>
      <c r="XDD40" s="920"/>
      <c r="XDE40" s="920"/>
      <c r="XDF40" s="920"/>
      <c r="XDG40" s="920"/>
      <c r="XDH40" s="920"/>
      <c r="XDI40" s="920"/>
      <c r="XDJ40" s="920"/>
      <c r="XDK40" s="920"/>
      <c r="XDL40" s="920"/>
      <c r="XDM40" s="920"/>
      <c r="XDN40" s="920"/>
      <c r="XDO40" s="920"/>
      <c r="XDP40" s="920"/>
      <c r="XDQ40" s="920"/>
      <c r="XDR40" s="920"/>
      <c r="XDS40" s="920"/>
      <c r="XDT40" s="920"/>
      <c r="XDU40" s="920"/>
      <c r="XDV40" s="920"/>
      <c r="XDW40" s="920"/>
      <c r="XDX40" s="920"/>
      <c r="XDY40" s="920"/>
      <c r="XDZ40" s="920"/>
      <c r="XEA40" s="920"/>
      <c r="XEB40" s="920"/>
      <c r="XEC40" s="920"/>
    </row>
    <row r="41" spans="1:16357" s="908" customFormat="1" ht="120" customHeight="1">
      <c r="A41" s="912">
        <f t="shared" si="0"/>
        <v>27</v>
      </c>
      <c r="B41" s="902" t="s">
        <v>3933</v>
      </c>
      <c r="C41" s="902" t="s">
        <v>15</v>
      </c>
      <c r="D41" s="902" t="s">
        <v>3934</v>
      </c>
      <c r="E41" s="902" t="s">
        <v>3935</v>
      </c>
      <c r="F41" s="918">
        <v>36634</v>
      </c>
      <c r="G41" s="903" t="s">
        <v>125</v>
      </c>
      <c r="H41" s="902" t="s">
        <v>10</v>
      </c>
      <c r="I41" s="1086"/>
      <c r="J41" s="919">
        <v>1</v>
      </c>
      <c r="K41" s="903">
        <v>20</v>
      </c>
      <c r="L41" s="902">
        <v>3</v>
      </c>
      <c r="M41" s="902"/>
      <c r="N41" s="902"/>
      <c r="O41" s="903" t="s">
        <v>3936</v>
      </c>
      <c r="P41" s="926"/>
      <c r="Q41" s="903"/>
    </row>
    <row r="42" spans="1:16357" s="908" customFormat="1" ht="105" customHeight="1">
      <c r="A42" s="912">
        <f t="shared" si="0"/>
        <v>28</v>
      </c>
      <c r="B42" s="902" t="s">
        <v>3941</v>
      </c>
      <c r="C42" s="910" t="s">
        <v>15</v>
      </c>
      <c r="D42" s="902" t="s">
        <v>3942</v>
      </c>
      <c r="E42" s="902" t="s">
        <v>3943</v>
      </c>
      <c r="F42" s="929">
        <v>44167</v>
      </c>
      <c r="G42" s="918" t="s">
        <v>3927</v>
      </c>
      <c r="H42" s="910" t="s">
        <v>10</v>
      </c>
      <c r="I42" s="1085"/>
      <c r="J42" s="910">
        <v>5</v>
      </c>
      <c r="K42" s="910">
        <v>20</v>
      </c>
      <c r="L42" s="910">
        <v>6</v>
      </c>
      <c r="M42" s="910"/>
      <c r="N42" s="910"/>
      <c r="O42" s="910" t="s">
        <v>3944</v>
      </c>
      <c r="P42" s="920"/>
      <c r="Q42" s="903" t="s">
        <v>3945</v>
      </c>
    </row>
    <row r="43" spans="1:16357" s="908" customFormat="1" ht="161.25" customHeight="1">
      <c r="A43" s="912">
        <f t="shared" si="0"/>
        <v>29</v>
      </c>
      <c r="B43" s="902" t="s">
        <v>3946</v>
      </c>
      <c r="C43" s="902" t="s">
        <v>179</v>
      </c>
      <c r="D43" s="902" t="s">
        <v>3947</v>
      </c>
      <c r="E43" s="902" t="s">
        <v>3948</v>
      </c>
      <c r="F43" s="918">
        <v>37641</v>
      </c>
      <c r="G43" s="903" t="s">
        <v>2228</v>
      </c>
      <c r="H43" s="902" t="s">
        <v>3949</v>
      </c>
      <c r="I43" s="1086"/>
      <c r="J43" s="919">
        <v>37</v>
      </c>
      <c r="K43" s="903">
        <v>126</v>
      </c>
      <c r="L43" s="902">
        <v>35</v>
      </c>
      <c r="M43" s="902"/>
      <c r="N43" s="902"/>
      <c r="O43" s="903" t="s">
        <v>3950</v>
      </c>
      <c r="P43" s="920"/>
      <c r="Q43" s="903"/>
    </row>
    <row r="44" spans="1:16357" s="908" customFormat="1" ht="189.75" customHeight="1">
      <c r="A44" s="912">
        <f t="shared" si="0"/>
        <v>30</v>
      </c>
      <c r="B44" s="902" t="s">
        <v>3951</v>
      </c>
      <c r="C44" s="902" t="s">
        <v>179</v>
      </c>
      <c r="D44" s="902" t="s">
        <v>4170</v>
      </c>
      <c r="E44" s="902" t="s">
        <v>4171</v>
      </c>
      <c r="F44" s="918">
        <v>38826</v>
      </c>
      <c r="G44" s="903" t="s">
        <v>532</v>
      </c>
      <c r="H44" s="902" t="s">
        <v>4172</v>
      </c>
      <c r="I44" s="1086"/>
      <c r="J44" s="919">
        <v>13</v>
      </c>
      <c r="K44" s="903">
        <v>24</v>
      </c>
      <c r="L44" s="902">
        <v>4</v>
      </c>
      <c r="M44" s="902"/>
      <c r="N44" s="902"/>
      <c r="O44" s="903" t="s">
        <v>3952</v>
      </c>
      <c r="P44" s="920"/>
      <c r="Q44" s="903"/>
    </row>
    <row r="45" spans="1:16357" s="908" customFormat="1" ht="206.25" customHeight="1">
      <c r="A45" s="912">
        <f t="shared" si="0"/>
        <v>31</v>
      </c>
      <c r="B45" s="902" t="s">
        <v>3953</v>
      </c>
      <c r="C45" s="902" t="s">
        <v>179</v>
      </c>
      <c r="D45" s="902" t="s">
        <v>3954</v>
      </c>
      <c r="E45" s="902" t="s">
        <v>3955</v>
      </c>
      <c r="F45" s="918">
        <v>38826</v>
      </c>
      <c r="G45" s="918" t="s">
        <v>63</v>
      </c>
      <c r="H45" s="902" t="s">
        <v>4196</v>
      </c>
      <c r="I45" s="1086"/>
      <c r="J45" s="919">
        <v>6</v>
      </c>
      <c r="K45" s="903">
        <v>15</v>
      </c>
      <c r="L45" s="902">
        <v>3</v>
      </c>
      <c r="M45" s="902"/>
      <c r="N45" s="902"/>
      <c r="O45" s="903" t="s">
        <v>3956</v>
      </c>
      <c r="P45" s="920"/>
      <c r="Q45" s="903"/>
    </row>
    <row r="46" spans="1:16357" s="908" customFormat="1" ht="144.75" customHeight="1">
      <c r="A46" s="912">
        <f t="shared" si="0"/>
        <v>32</v>
      </c>
      <c r="B46" s="902" t="s">
        <v>3957</v>
      </c>
      <c r="C46" s="902" t="s">
        <v>179</v>
      </c>
      <c r="D46" s="902" t="s">
        <v>3958</v>
      </c>
      <c r="E46" s="902" t="s">
        <v>3959</v>
      </c>
      <c r="F46" s="918">
        <v>38749</v>
      </c>
      <c r="G46" s="903" t="s">
        <v>125</v>
      </c>
      <c r="H46" s="902" t="s">
        <v>3960</v>
      </c>
      <c r="I46" s="1086"/>
      <c r="J46" s="919">
        <v>8</v>
      </c>
      <c r="K46" s="903">
        <v>50</v>
      </c>
      <c r="L46" s="902">
        <v>1</v>
      </c>
      <c r="M46" s="902"/>
      <c r="N46" s="902"/>
      <c r="O46" s="903" t="s">
        <v>3961</v>
      </c>
      <c r="P46" s="920"/>
      <c r="Q46" s="903"/>
    </row>
    <row r="47" spans="1:16357" s="908" customFormat="1" ht="202.5" customHeight="1">
      <c r="A47" s="912">
        <f t="shared" si="0"/>
        <v>33</v>
      </c>
      <c r="B47" s="902" t="s">
        <v>3962</v>
      </c>
      <c r="C47" s="902" t="s">
        <v>179</v>
      </c>
      <c r="D47" s="902" t="s">
        <v>3963</v>
      </c>
      <c r="E47" s="902" t="s">
        <v>3964</v>
      </c>
      <c r="F47" s="918">
        <v>38803</v>
      </c>
      <c r="G47" s="903" t="s">
        <v>4102</v>
      </c>
      <c r="H47" s="902" t="s">
        <v>4169</v>
      </c>
      <c r="I47" s="1086"/>
      <c r="J47" s="919">
        <v>5</v>
      </c>
      <c r="K47" s="903">
        <v>15</v>
      </c>
      <c r="L47" s="902">
        <v>2</v>
      </c>
      <c r="M47" s="902"/>
      <c r="N47" s="902"/>
      <c r="O47" s="903" t="s">
        <v>3965</v>
      </c>
      <c r="P47" s="920"/>
      <c r="Q47" s="903"/>
    </row>
    <row r="48" spans="1:16357" s="908" customFormat="1" ht="120" customHeight="1">
      <c r="A48" s="912">
        <f t="shared" si="0"/>
        <v>34</v>
      </c>
      <c r="B48" s="902" t="s">
        <v>3966</v>
      </c>
      <c r="C48" s="902" t="s">
        <v>179</v>
      </c>
      <c r="D48" s="902" t="s">
        <v>3967</v>
      </c>
      <c r="E48" s="902" t="s">
        <v>3968</v>
      </c>
      <c r="F48" s="918">
        <v>39196</v>
      </c>
      <c r="G48" s="902" t="s">
        <v>1751</v>
      </c>
      <c r="H48" s="902" t="s">
        <v>10</v>
      </c>
      <c r="I48" s="1086"/>
      <c r="J48" s="919">
        <v>7</v>
      </c>
      <c r="K48" s="903">
        <v>28</v>
      </c>
      <c r="L48" s="902">
        <v>3</v>
      </c>
      <c r="M48" s="902"/>
      <c r="N48" s="902"/>
      <c r="O48" s="903" t="s">
        <v>3969</v>
      </c>
      <c r="P48" s="920"/>
      <c r="Q48" s="903"/>
    </row>
    <row r="49" spans="1:41" s="908" customFormat="1" ht="120" customHeight="1">
      <c r="A49" s="912">
        <f t="shared" si="0"/>
        <v>35</v>
      </c>
      <c r="B49" s="902" t="s">
        <v>3970</v>
      </c>
      <c r="C49" s="902" t="s">
        <v>179</v>
      </c>
      <c r="D49" s="902" t="s">
        <v>3971</v>
      </c>
      <c r="E49" s="902" t="s">
        <v>3972</v>
      </c>
      <c r="F49" s="918">
        <v>42100</v>
      </c>
      <c r="G49" s="903" t="s">
        <v>125</v>
      </c>
      <c r="H49" s="902" t="s">
        <v>10</v>
      </c>
      <c r="I49" s="1086"/>
      <c r="J49" s="919">
        <v>6</v>
      </c>
      <c r="K49" s="903">
        <v>12</v>
      </c>
      <c r="L49" s="902">
        <v>1</v>
      </c>
      <c r="M49" s="902"/>
      <c r="N49" s="902"/>
      <c r="O49" s="903" t="s">
        <v>3973</v>
      </c>
      <c r="P49" s="920"/>
      <c r="Q49" s="903"/>
    </row>
    <row r="50" spans="1:41" s="908" customFormat="1" ht="120" customHeight="1">
      <c r="A50" s="912">
        <f t="shared" si="0"/>
        <v>36</v>
      </c>
      <c r="B50" s="902" t="s">
        <v>3974</v>
      </c>
      <c r="C50" s="902" t="s">
        <v>179</v>
      </c>
      <c r="D50" s="902" t="s">
        <v>3975</v>
      </c>
      <c r="E50" s="902" t="s">
        <v>3976</v>
      </c>
      <c r="F50" s="918">
        <v>42488</v>
      </c>
      <c r="G50" s="903" t="s">
        <v>1148</v>
      </c>
      <c r="H50" s="902" t="s">
        <v>10</v>
      </c>
      <c r="I50" s="1086"/>
      <c r="J50" s="919">
        <v>1</v>
      </c>
      <c r="K50" s="903">
        <v>6</v>
      </c>
      <c r="L50" s="902" t="s">
        <v>975</v>
      </c>
      <c r="M50" s="902"/>
      <c r="N50" s="902"/>
      <c r="O50" s="903" t="s">
        <v>3890</v>
      </c>
      <c r="P50" s="920"/>
      <c r="Q50" s="903"/>
    </row>
    <row r="51" spans="1:41" s="908" customFormat="1" ht="120" customHeight="1">
      <c r="A51" s="912">
        <f t="shared" si="0"/>
        <v>37</v>
      </c>
      <c r="B51" s="902" t="s">
        <v>3977</v>
      </c>
      <c r="C51" s="902" t="s">
        <v>179</v>
      </c>
      <c r="D51" s="902" t="s">
        <v>3975</v>
      </c>
      <c r="E51" s="902" t="s">
        <v>3976</v>
      </c>
      <c r="F51" s="918">
        <v>42488</v>
      </c>
      <c r="G51" s="903" t="s">
        <v>1148</v>
      </c>
      <c r="H51" s="902" t="s">
        <v>10</v>
      </c>
      <c r="I51" s="1086"/>
      <c r="J51" s="919">
        <v>2</v>
      </c>
      <c r="K51" s="903">
        <v>12</v>
      </c>
      <c r="L51" s="902" t="s">
        <v>975</v>
      </c>
      <c r="M51" s="902"/>
      <c r="N51" s="902"/>
      <c r="O51" s="903" t="s">
        <v>3890</v>
      </c>
      <c r="P51" s="920"/>
      <c r="Q51" s="903"/>
    </row>
    <row r="52" spans="1:41" s="908" customFormat="1" ht="120" customHeight="1">
      <c r="A52" s="912">
        <f t="shared" si="0"/>
        <v>38</v>
      </c>
      <c r="B52" s="902" t="s">
        <v>3978</v>
      </c>
      <c r="C52" s="902" t="s">
        <v>179</v>
      </c>
      <c r="D52" s="902" t="s">
        <v>3975</v>
      </c>
      <c r="E52" s="902" t="s">
        <v>3976</v>
      </c>
      <c r="F52" s="918">
        <v>42488</v>
      </c>
      <c r="G52" s="903" t="s">
        <v>1148</v>
      </c>
      <c r="H52" s="902" t="s">
        <v>10</v>
      </c>
      <c r="I52" s="1086"/>
      <c r="J52" s="919">
        <v>1</v>
      </c>
      <c r="K52" s="903">
        <v>6</v>
      </c>
      <c r="L52" s="902" t="s">
        <v>975</v>
      </c>
      <c r="M52" s="902"/>
      <c r="N52" s="902"/>
      <c r="O52" s="903" t="s">
        <v>3890</v>
      </c>
      <c r="P52" s="920"/>
      <c r="Q52" s="903"/>
    </row>
    <row r="53" spans="1:41" s="908" customFormat="1" ht="120" customHeight="1">
      <c r="A53" s="912">
        <f t="shared" si="0"/>
        <v>39</v>
      </c>
      <c r="B53" s="902" t="s">
        <v>3979</v>
      </c>
      <c r="C53" s="902" t="s">
        <v>179</v>
      </c>
      <c r="D53" s="902" t="s">
        <v>3975</v>
      </c>
      <c r="E53" s="902" t="s">
        <v>3976</v>
      </c>
      <c r="F53" s="918">
        <v>42488</v>
      </c>
      <c r="G53" s="903" t="s">
        <v>1148</v>
      </c>
      <c r="H53" s="902" t="s">
        <v>10</v>
      </c>
      <c r="I53" s="1086"/>
      <c r="J53" s="919">
        <v>1</v>
      </c>
      <c r="K53" s="903">
        <v>6</v>
      </c>
      <c r="L53" s="902" t="s">
        <v>975</v>
      </c>
      <c r="M53" s="902"/>
      <c r="N53" s="902"/>
      <c r="O53" s="903" t="s">
        <v>3890</v>
      </c>
      <c r="P53" s="920"/>
      <c r="Q53" s="903"/>
    </row>
    <row r="54" spans="1:41" s="908" customFormat="1" ht="120" customHeight="1">
      <c r="A54" s="912">
        <f t="shared" si="0"/>
        <v>40</v>
      </c>
      <c r="B54" s="902" t="s">
        <v>3980</v>
      </c>
      <c r="C54" s="902" t="s">
        <v>179</v>
      </c>
      <c r="D54" s="902" t="s">
        <v>3975</v>
      </c>
      <c r="E54" s="902" t="s">
        <v>3976</v>
      </c>
      <c r="F54" s="918">
        <v>42488</v>
      </c>
      <c r="G54" s="903" t="s">
        <v>1148</v>
      </c>
      <c r="H54" s="902" t="s">
        <v>10</v>
      </c>
      <c r="I54" s="1086"/>
      <c r="J54" s="919">
        <v>1</v>
      </c>
      <c r="K54" s="903">
        <v>6</v>
      </c>
      <c r="L54" s="902" t="s">
        <v>975</v>
      </c>
      <c r="M54" s="902"/>
      <c r="N54" s="902"/>
      <c r="O54" s="903" t="s">
        <v>3890</v>
      </c>
      <c r="P54" s="920"/>
      <c r="Q54" s="903"/>
    </row>
    <row r="55" spans="1:41" s="908" customFormat="1" ht="120" customHeight="1">
      <c r="A55" s="912">
        <f t="shared" si="0"/>
        <v>41</v>
      </c>
      <c r="B55" s="902" t="s">
        <v>3981</v>
      </c>
      <c r="C55" s="902" t="s">
        <v>179</v>
      </c>
      <c r="D55" s="902" t="s">
        <v>3975</v>
      </c>
      <c r="E55" s="902" t="s">
        <v>3976</v>
      </c>
      <c r="F55" s="918">
        <v>42488</v>
      </c>
      <c r="G55" s="903" t="s">
        <v>1148</v>
      </c>
      <c r="H55" s="902" t="s">
        <v>10</v>
      </c>
      <c r="I55" s="1086"/>
      <c r="J55" s="919">
        <v>1</v>
      </c>
      <c r="K55" s="903">
        <v>6</v>
      </c>
      <c r="L55" s="902" t="s">
        <v>975</v>
      </c>
      <c r="M55" s="902"/>
      <c r="N55" s="902"/>
      <c r="O55" s="903"/>
      <c r="P55" s="920"/>
      <c r="Q55" s="903"/>
    </row>
    <row r="56" spans="1:41" s="908" customFormat="1" ht="120" customHeight="1">
      <c r="A56" s="912">
        <f t="shared" si="0"/>
        <v>42</v>
      </c>
      <c r="B56" s="902" t="s">
        <v>3982</v>
      </c>
      <c r="C56" s="902" t="s">
        <v>15</v>
      </c>
      <c r="D56" s="903" t="s">
        <v>4197</v>
      </c>
      <c r="E56" s="902" t="s">
        <v>3983</v>
      </c>
      <c r="F56" s="918">
        <v>43214</v>
      </c>
      <c r="G56" s="903" t="s">
        <v>383</v>
      </c>
      <c r="H56" s="902" t="s">
        <v>3984</v>
      </c>
      <c r="I56" s="1086"/>
      <c r="J56" s="919">
        <v>1</v>
      </c>
      <c r="K56" s="903">
        <v>14</v>
      </c>
      <c r="L56" s="902">
        <v>1</v>
      </c>
      <c r="M56" s="902"/>
      <c r="N56" s="902"/>
      <c r="O56" s="903" t="s">
        <v>3879</v>
      </c>
      <c r="P56" s="920"/>
      <c r="Q56" s="903"/>
    </row>
    <row r="57" spans="1:41" s="908" customFormat="1" ht="120" customHeight="1">
      <c r="A57" s="912">
        <f t="shared" si="0"/>
        <v>43</v>
      </c>
      <c r="B57" s="902" t="s">
        <v>3985</v>
      </c>
      <c r="C57" s="902" t="s">
        <v>179</v>
      </c>
      <c r="D57" s="902" t="s">
        <v>3986</v>
      </c>
      <c r="E57" s="902" t="s">
        <v>3987</v>
      </c>
      <c r="F57" s="918">
        <v>36986</v>
      </c>
      <c r="G57" s="902" t="s">
        <v>1684</v>
      </c>
      <c r="H57" s="902" t="s">
        <v>10</v>
      </c>
      <c r="I57" s="1086"/>
      <c r="J57" s="919">
        <v>2</v>
      </c>
      <c r="K57" s="903">
        <v>12</v>
      </c>
      <c r="L57" s="902">
        <v>1</v>
      </c>
      <c r="M57" s="902"/>
      <c r="N57" s="902"/>
      <c r="O57" s="903" t="s">
        <v>3892</v>
      </c>
      <c r="P57" s="920"/>
      <c r="Q57" s="903"/>
    </row>
    <row r="58" spans="1:41" s="922" customFormat="1" ht="120" customHeight="1">
      <c r="A58" s="912">
        <f t="shared" si="0"/>
        <v>44</v>
      </c>
      <c r="B58" s="903" t="s">
        <v>3988</v>
      </c>
      <c r="C58" s="903" t="s">
        <v>179</v>
      </c>
      <c r="D58" s="903" t="s">
        <v>3989</v>
      </c>
      <c r="E58" s="903">
        <v>1031236745</v>
      </c>
      <c r="F58" s="921">
        <v>44271</v>
      </c>
      <c r="G58" s="903" t="s">
        <v>383</v>
      </c>
      <c r="H58" s="903"/>
      <c r="I58" s="1087"/>
      <c r="J58" s="903">
        <v>3</v>
      </c>
      <c r="K58" s="903">
        <v>20</v>
      </c>
      <c r="L58" s="903">
        <v>1</v>
      </c>
      <c r="M58" s="903"/>
      <c r="N58" s="903"/>
      <c r="O58" s="903" t="s">
        <v>3990</v>
      </c>
      <c r="Q58" s="931" t="s">
        <v>3991</v>
      </c>
      <c r="R58" s="932"/>
      <c r="S58" s="933"/>
      <c r="T58" s="933"/>
      <c r="U58" s="933"/>
      <c r="V58" s="933"/>
      <c r="W58" s="933"/>
      <c r="X58" s="933"/>
      <c r="Y58" s="933"/>
      <c r="Z58" s="933"/>
      <c r="AA58" s="933"/>
      <c r="AB58" s="933"/>
      <c r="AC58" s="933"/>
      <c r="AD58" s="933"/>
      <c r="AE58" s="933"/>
      <c r="AF58" s="933"/>
      <c r="AG58" s="933"/>
      <c r="AH58" s="933"/>
      <c r="AI58" s="933"/>
      <c r="AJ58" s="933"/>
      <c r="AK58" s="933"/>
      <c r="AL58" s="933"/>
      <c r="AM58" s="933"/>
      <c r="AN58" s="933"/>
      <c r="AO58" s="934"/>
    </row>
    <row r="59" spans="1:41" s="922" customFormat="1" ht="226.5" customHeight="1">
      <c r="A59" s="912">
        <f t="shared" si="0"/>
        <v>45</v>
      </c>
      <c r="B59" s="903" t="s">
        <v>3992</v>
      </c>
      <c r="C59" s="903" t="s">
        <v>179</v>
      </c>
      <c r="D59" s="903" t="s">
        <v>3989</v>
      </c>
      <c r="E59" s="903">
        <v>1031236745</v>
      </c>
      <c r="F59" s="921">
        <v>44271</v>
      </c>
      <c r="G59" s="903" t="s">
        <v>383</v>
      </c>
      <c r="H59" s="903" t="s">
        <v>4195</v>
      </c>
      <c r="I59" s="1087"/>
      <c r="J59" s="903">
        <v>3</v>
      </c>
      <c r="K59" s="903">
        <v>20</v>
      </c>
      <c r="L59" s="903">
        <v>1</v>
      </c>
      <c r="M59" s="903"/>
      <c r="N59" s="903"/>
      <c r="O59" s="910"/>
      <c r="Q59" s="923" t="s">
        <v>4993</v>
      </c>
      <c r="R59" s="932"/>
      <c r="S59" s="933"/>
      <c r="T59" s="933"/>
      <c r="U59" s="933"/>
      <c r="V59" s="933"/>
      <c r="W59" s="933"/>
      <c r="X59" s="933"/>
      <c r="Y59" s="933"/>
      <c r="Z59" s="933"/>
      <c r="AA59" s="933"/>
      <c r="AB59" s="933"/>
      <c r="AC59" s="933"/>
      <c r="AD59" s="933"/>
      <c r="AE59" s="933"/>
      <c r="AF59" s="933"/>
      <c r="AG59" s="933"/>
      <c r="AH59" s="933"/>
      <c r="AI59" s="933"/>
      <c r="AJ59" s="933"/>
      <c r="AK59" s="933"/>
      <c r="AL59" s="933"/>
      <c r="AM59" s="933"/>
      <c r="AN59" s="933"/>
      <c r="AO59" s="934"/>
    </row>
    <row r="60" spans="1:41" s="907" customFormat="1" ht="198">
      <c r="A60" s="912">
        <f t="shared" si="0"/>
        <v>46</v>
      </c>
      <c r="B60" s="903" t="s">
        <v>3993</v>
      </c>
      <c r="C60" s="910" t="s">
        <v>15</v>
      </c>
      <c r="D60" s="903" t="s">
        <v>3994</v>
      </c>
      <c r="E60" s="913" t="s">
        <v>3995</v>
      </c>
      <c r="F60" s="921">
        <v>41690</v>
      </c>
      <c r="G60" s="903" t="s">
        <v>3996</v>
      </c>
      <c r="H60" s="910"/>
      <c r="I60" s="1085"/>
      <c r="J60" s="910">
        <v>5</v>
      </c>
      <c r="K60" s="910">
        <v>10</v>
      </c>
      <c r="L60" s="910">
        <v>1</v>
      </c>
      <c r="M60" s="910"/>
      <c r="N60" s="910"/>
      <c r="O60" s="910"/>
      <c r="P60" s="910"/>
      <c r="Q60" s="903"/>
      <c r="S60" s="935"/>
      <c r="T60" s="935"/>
      <c r="U60" s="935"/>
      <c r="V60" s="935"/>
      <c r="W60" s="935"/>
      <c r="X60" s="935"/>
      <c r="Y60" s="935"/>
      <c r="Z60" s="935"/>
      <c r="AA60" s="935"/>
      <c r="AB60" s="935"/>
      <c r="AC60" s="935"/>
      <c r="AD60" s="935"/>
      <c r="AE60" s="935"/>
      <c r="AF60" s="935"/>
      <c r="AG60" s="935"/>
      <c r="AH60" s="935"/>
      <c r="AI60" s="935"/>
      <c r="AJ60" s="935"/>
      <c r="AK60" s="935"/>
      <c r="AL60" s="935"/>
      <c r="AM60" s="935"/>
      <c r="AN60" s="935"/>
    </row>
    <row r="61" spans="1:41" s="907" customFormat="1" ht="115.5">
      <c r="A61" s="912">
        <f t="shared" si="0"/>
        <v>47</v>
      </c>
      <c r="B61" s="903" t="s">
        <v>3997</v>
      </c>
      <c r="C61" s="910" t="s">
        <v>179</v>
      </c>
      <c r="D61" s="903" t="s">
        <v>3998</v>
      </c>
      <c r="E61" s="913" t="s">
        <v>3999</v>
      </c>
      <c r="F61" s="921">
        <v>37573</v>
      </c>
      <c r="G61" s="918" t="s">
        <v>1244</v>
      </c>
      <c r="H61" s="910" t="s">
        <v>10</v>
      </c>
      <c r="I61" s="1085"/>
      <c r="J61" s="910">
        <v>18</v>
      </c>
      <c r="K61" s="910">
        <v>147</v>
      </c>
      <c r="L61" s="910"/>
      <c r="M61" s="910"/>
      <c r="N61" s="910"/>
      <c r="O61" s="910"/>
      <c r="P61" s="910"/>
      <c r="Q61" s="903"/>
    </row>
    <row r="62" spans="1:41" s="907" customFormat="1" ht="132">
      <c r="A62" s="912">
        <f t="shared" si="0"/>
        <v>48</v>
      </c>
      <c r="B62" s="903" t="s">
        <v>4000</v>
      </c>
      <c r="C62" s="910" t="s">
        <v>179</v>
      </c>
      <c r="D62" s="903" t="s">
        <v>4001</v>
      </c>
      <c r="E62" s="913" t="s">
        <v>4002</v>
      </c>
      <c r="F62" s="921">
        <v>45092</v>
      </c>
      <c r="G62" s="903" t="s">
        <v>527</v>
      </c>
      <c r="H62" s="910" t="s">
        <v>10</v>
      </c>
      <c r="I62" s="1085"/>
      <c r="J62" s="910">
        <v>10</v>
      </c>
      <c r="K62" s="910">
        <v>20</v>
      </c>
      <c r="L62" s="910">
        <v>2</v>
      </c>
      <c r="M62" s="910">
        <v>2005</v>
      </c>
      <c r="N62" s="910"/>
      <c r="O62" s="910"/>
      <c r="P62" s="910"/>
      <c r="Q62" s="903" t="s">
        <v>4003</v>
      </c>
    </row>
    <row r="63" spans="1:41" s="907" customFormat="1" ht="69" customHeight="1">
      <c r="A63" s="912">
        <f t="shared" si="0"/>
        <v>49</v>
      </c>
      <c r="B63" s="903" t="s">
        <v>4004</v>
      </c>
      <c r="C63" s="910" t="s">
        <v>27</v>
      </c>
      <c r="D63" s="903" t="s">
        <v>4005</v>
      </c>
      <c r="E63" s="903" t="s">
        <v>4006</v>
      </c>
      <c r="F63" s="921" t="s">
        <v>4007</v>
      </c>
      <c r="G63" s="903"/>
      <c r="H63" s="910"/>
      <c r="I63" s="1085"/>
      <c r="J63" s="910">
        <v>1</v>
      </c>
      <c r="K63" s="910">
        <v>4</v>
      </c>
      <c r="L63" s="910"/>
      <c r="M63" s="910"/>
      <c r="N63" s="910"/>
      <c r="O63" s="910"/>
      <c r="P63" s="910"/>
      <c r="Q63" s="903"/>
    </row>
    <row r="64" spans="1:41" s="908" customFormat="1" ht="16.5">
      <c r="A64" s="910"/>
      <c r="B64" s="1199" t="s">
        <v>16</v>
      </c>
      <c r="C64" s="1199"/>
      <c r="D64" s="1199"/>
      <c r="E64" s="1199"/>
      <c r="F64" s="1199"/>
      <c r="G64" s="1199"/>
      <c r="H64" s="1199"/>
      <c r="I64" s="1200"/>
      <c r="J64" s="1199"/>
      <c r="K64" s="1199"/>
      <c r="L64" s="1199"/>
      <c r="M64" s="1199"/>
      <c r="N64" s="1199"/>
      <c r="O64" s="1199"/>
      <c r="P64" s="1199"/>
      <c r="Q64" s="1199"/>
    </row>
    <row r="65" spans="1:17" s="908" customFormat="1" ht="120" customHeight="1">
      <c r="A65" s="910">
        <v>1</v>
      </c>
      <c r="B65" s="902" t="s">
        <v>4008</v>
      </c>
      <c r="C65" s="902" t="s">
        <v>53</v>
      </c>
      <c r="D65" s="902" t="s">
        <v>4009</v>
      </c>
      <c r="E65" s="902" t="s">
        <v>4010</v>
      </c>
      <c r="F65" s="902">
        <v>43378</v>
      </c>
      <c r="G65" s="902"/>
      <c r="H65" s="902"/>
      <c r="I65" s="1086"/>
      <c r="J65" s="902" t="s">
        <v>1296</v>
      </c>
      <c r="K65" s="902"/>
      <c r="L65" s="902">
        <v>0</v>
      </c>
      <c r="M65" s="902"/>
      <c r="N65" s="902"/>
      <c r="O65" s="903" t="s">
        <v>3886</v>
      </c>
      <c r="P65" s="920"/>
      <c r="Q65" s="903" t="s">
        <v>4011</v>
      </c>
    </row>
    <row r="66" spans="1:17" s="908" customFormat="1" ht="120" customHeight="1">
      <c r="A66" s="910">
        <v>2</v>
      </c>
      <c r="B66" s="902" t="s">
        <v>4012</v>
      </c>
      <c r="C66" s="902" t="s">
        <v>53</v>
      </c>
      <c r="D66" s="902" t="s">
        <v>4013</v>
      </c>
      <c r="E66" s="902" t="s">
        <v>4014</v>
      </c>
      <c r="F66" s="902">
        <v>44518</v>
      </c>
      <c r="G66" s="902"/>
      <c r="H66" s="902"/>
      <c r="I66" s="1086"/>
      <c r="J66" s="902"/>
      <c r="K66" s="902"/>
      <c r="L66" s="902"/>
      <c r="M66" s="902"/>
      <c r="N66" s="902"/>
      <c r="O66" s="903" t="s">
        <v>4015</v>
      </c>
      <c r="P66" s="920"/>
      <c r="Q66" s="903" t="s">
        <v>4011</v>
      </c>
    </row>
    <row r="67" spans="1:17" s="908" customFormat="1" ht="120" customHeight="1">
      <c r="A67" s="910">
        <v>3</v>
      </c>
      <c r="B67" s="916" t="s">
        <v>4016</v>
      </c>
      <c r="C67" s="903"/>
      <c r="D67" s="903" t="s">
        <v>4017</v>
      </c>
      <c r="E67" s="902"/>
      <c r="F67" s="916"/>
      <c r="G67" s="916"/>
      <c r="H67" s="900"/>
      <c r="I67" s="1088"/>
      <c r="J67" s="903"/>
      <c r="K67" s="903" t="s">
        <v>199</v>
      </c>
      <c r="L67" s="903" t="s">
        <v>199</v>
      </c>
      <c r="M67" s="903"/>
      <c r="N67" s="903"/>
      <c r="O67" s="903" t="s">
        <v>3890</v>
      </c>
      <c r="P67" s="916"/>
      <c r="Q67" s="903" t="s">
        <v>4011</v>
      </c>
    </row>
    <row r="68" spans="1:17" s="908" customFormat="1" ht="120" customHeight="1">
      <c r="A68" s="910">
        <v>4</v>
      </c>
      <c r="B68" s="916" t="s">
        <v>4018</v>
      </c>
      <c r="C68" s="903"/>
      <c r="D68" s="903" t="s">
        <v>4019</v>
      </c>
      <c r="E68" s="902"/>
      <c r="F68" s="916"/>
      <c r="G68" s="916"/>
      <c r="H68" s="903"/>
      <c r="I68" s="1087"/>
      <c r="J68" s="903"/>
      <c r="K68" s="903"/>
      <c r="L68" s="903"/>
      <c r="M68" s="903"/>
      <c r="N68" s="903"/>
      <c r="O68" s="903" t="s">
        <v>4020</v>
      </c>
      <c r="P68" s="916" t="s">
        <v>4021</v>
      </c>
      <c r="Q68" s="903" t="s">
        <v>4011</v>
      </c>
    </row>
    <row r="69" spans="1:17" s="908" customFormat="1" ht="120" customHeight="1">
      <c r="A69" s="910">
        <v>5</v>
      </c>
      <c r="B69" s="916" t="s">
        <v>4022</v>
      </c>
      <c r="C69" s="903"/>
      <c r="D69" s="903" t="s">
        <v>4023</v>
      </c>
      <c r="E69" s="902"/>
      <c r="F69" s="915" t="s">
        <v>4024</v>
      </c>
      <c r="G69" s="915"/>
      <c r="H69" s="900"/>
      <c r="I69" s="1088"/>
      <c r="J69" s="903"/>
      <c r="K69" s="903" t="s">
        <v>199</v>
      </c>
      <c r="L69" s="903" t="s">
        <v>199</v>
      </c>
      <c r="M69" s="903"/>
      <c r="N69" s="903"/>
      <c r="O69" s="903" t="s">
        <v>3890</v>
      </c>
      <c r="P69" s="916"/>
      <c r="Q69" s="903" t="s">
        <v>4011</v>
      </c>
    </row>
    <row r="70" spans="1:17" s="908" customFormat="1" ht="120" customHeight="1">
      <c r="A70" s="910">
        <v>6</v>
      </c>
      <c r="B70" s="916" t="s">
        <v>4025</v>
      </c>
      <c r="C70" s="920"/>
      <c r="D70" s="903" t="s">
        <v>4026</v>
      </c>
      <c r="E70" s="902"/>
      <c r="F70" s="915"/>
      <c r="G70" s="915"/>
      <c r="H70" s="900"/>
      <c r="I70" s="1088"/>
      <c r="J70" s="903"/>
      <c r="K70" s="903" t="s">
        <v>199</v>
      </c>
      <c r="L70" s="903" t="s">
        <v>199</v>
      </c>
      <c r="M70" s="903"/>
      <c r="N70" s="903"/>
      <c r="O70" s="903" t="s">
        <v>3890</v>
      </c>
      <c r="P70" s="916"/>
      <c r="Q70" s="903" t="s">
        <v>4011</v>
      </c>
    </row>
    <row r="71" spans="1:17" s="908" customFormat="1" ht="120" customHeight="1">
      <c r="A71" s="910">
        <v>7</v>
      </c>
      <c r="B71" s="916" t="s">
        <v>4025</v>
      </c>
      <c r="C71" s="920"/>
      <c r="D71" s="903" t="s">
        <v>4027</v>
      </c>
      <c r="E71" s="902"/>
      <c r="F71" s="915"/>
      <c r="G71" s="915"/>
      <c r="H71" s="900"/>
      <c r="I71" s="1088"/>
      <c r="J71" s="903"/>
      <c r="K71" s="903" t="s">
        <v>199</v>
      </c>
      <c r="L71" s="903" t="s">
        <v>199</v>
      </c>
      <c r="M71" s="903"/>
      <c r="N71" s="903"/>
      <c r="O71" s="903" t="s">
        <v>3890</v>
      </c>
      <c r="P71" s="916"/>
      <c r="Q71" s="903" t="s">
        <v>4011</v>
      </c>
    </row>
    <row r="72" spans="1:17" s="908" customFormat="1" ht="120" customHeight="1">
      <c r="A72" s="910">
        <v>8</v>
      </c>
      <c r="B72" s="916" t="s">
        <v>4025</v>
      </c>
      <c r="C72" s="920"/>
      <c r="D72" s="903" t="s">
        <v>4028</v>
      </c>
      <c r="E72" s="902"/>
      <c r="F72" s="915"/>
      <c r="G72" s="915"/>
      <c r="H72" s="900"/>
      <c r="I72" s="1088"/>
      <c r="J72" s="903"/>
      <c r="K72" s="903" t="s">
        <v>199</v>
      </c>
      <c r="L72" s="903" t="s">
        <v>199</v>
      </c>
      <c r="M72" s="903"/>
      <c r="N72" s="903"/>
      <c r="O72" s="903" t="s">
        <v>3890</v>
      </c>
      <c r="P72" s="916"/>
      <c r="Q72" s="903" t="s">
        <v>4011</v>
      </c>
    </row>
    <row r="73" spans="1:17" s="908" customFormat="1" ht="120" customHeight="1">
      <c r="A73" s="910">
        <v>9</v>
      </c>
      <c r="B73" s="916" t="s">
        <v>4029</v>
      </c>
      <c r="C73" s="903"/>
      <c r="D73" s="903" t="s">
        <v>4030</v>
      </c>
      <c r="E73" s="902"/>
      <c r="F73" s="916"/>
      <c r="G73" s="916"/>
      <c r="H73" s="900"/>
      <c r="I73" s="1088"/>
      <c r="J73" s="903"/>
      <c r="K73" s="903" t="s">
        <v>199</v>
      </c>
      <c r="L73" s="903" t="s">
        <v>199</v>
      </c>
      <c r="M73" s="903"/>
      <c r="N73" s="903"/>
      <c r="O73" s="903" t="s">
        <v>3890</v>
      </c>
      <c r="P73" s="916" t="s">
        <v>4031</v>
      </c>
      <c r="Q73" s="903" t="s">
        <v>4011</v>
      </c>
    </row>
    <row r="74" spans="1:17" s="908" customFormat="1" ht="120" customHeight="1">
      <c r="A74" s="910">
        <v>10</v>
      </c>
      <c r="B74" s="924" t="s">
        <v>4032</v>
      </c>
      <c r="C74" s="925"/>
      <c r="D74" s="903" t="s">
        <v>4033</v>
      </c>
      <c r="E74" s="903"/>
      <c r="F74" s="924"/>
      <c r="G74" s="903" t="s">
        <v>4034</v>
      </c>
      <c r="H74" s="925"/>
      <c r="I74" s="1089"/>
      <c r="J74" s="903"/>
      <c r="K74" s="925"/>
      <c r="L74" s="925"/>
      <c r="M74" s="925"/>
      <c r="N74" s="925"/>
      <c r="O74" s="903" t="s">
        <v>3890</v>
      </c>
      <c r="P74" s="916"/>
      <c r="Q74" s="903" t="s">
        <v>4011</v>
      </c>
    </row>
    <row r="75" spans="1:17" s="908" customFormat="1" ht="120" customHeight="1">
      <c r="A75" s="910">
        <v>11</v>
      </c>
      <c r="B75" s="916" t="s">
        <v>4035</v>
      </c>
      <c r="C75" s="903"/>
      <c r="D75" s="916"/>
      <c r="E75" s="902"/>
      <c r="F75" s="916" t="s">
        <v>4036</v>
      </c>
      <c r="G75" s="916"/>
      <c r="H75" s="900"/>
      <c r="I75" s="1088"/>
      <c r="J75" s="903">
        <v>41</v>
      </c>
      <c r="K75" s="903" t="s">
        <v>199</v>
      </c>
      <c r="L75" s="903" t="s">
        <v>199</v>
      </c>
      <c r="M75" s="903"/>
      <c r="N75" s="903"/>
      <c r="O75" s="903" t="s">
        <v>3890</v>
      </c>
      <c r="P75" s="916"/>
      <c r="Q75" s="903" t="s">
        <v>4011</v>
      </c>
    </row>
    <row r="76" spans="1:17" s="908" customFormat="1" ht="120" customHeight="1">
      <c r="A76" s="910">
        <v>12</v>
      </c>
      <c r="B76" s="902" t="s">
        <v>3937</v>
      </c>
      <c r="C76" s="902" t="s">
        <v>15</v>
      </c>
      <c r="D76" s="902" t="s">
        <v>3938</v>
      </c>
      <c r="E76" s="902" t="s">
        <v>3939</v>
      </c>
      <c r="F76" s="918">
        <v>44498</v>
      </c>
      <c r="G76" s="918" t="s">
        <v>669</v>
      </c>
      <c r="H76" s="902" t="s">
        <v>10</v>
      </c>
      <c r="I76" s="1086"/>
      <c r="J76" s="919">
        <v>1</v>
      </c>
      <c r="K76" s="903">
        <v>6</v>
      </c>
      <c r="L76" s="902" t="s">
        <v>975</v>
      </c>
      <c r="M76" s="902"/>
      <c r="N76" s="902"/>
      <c r="O76" s="903"/>
      <c r="P76" s="926"/>
      <c r="Q76" s="903"/>
    </row>
    <row r="77" spans="1:17" s="908" customFormat="1" ht="105" customHeight="1">
      <c r="A77" s="910">
        <v>13</v>
      </c>
      <c r="B77" s="902" t="s">
        <v>3940</v>
      </c>
      <c r="C77" s="910" t="s">
        <v>15</v>
      </c>
      <c r="D77" s="902" t="s">
        <v>3938</v>
      </c>
      <c r="E77" s="902" t="s">
        <v>3939</v>
      </c>
      <c r="F77" s="929">
        <v>44498</v>
      </c>
      <c r="G77" s="918" t="s">
        <v>669</v>
      </c>
      <c r="H77" s="910" t="s">
        <v>10</v>
      </c>
      <c r="I77" s="1085"/>
      <c r="J77" s="910">
        <v>1</v>
      </c>
      <c r="K77" s="910">
        <v>6</v>
      </c>
      <c r="L77" s="910">
        <v>1</v>
      </c>
      <c r="M77" s="910"/>
      <c r="N77" s="910"/>
      <c r="O77" s="910"/>
      <c r="P77" s="920"/>
      <c r="Q77" s="903"/>
    </row>
    <row r="78" spans="1:17" s="908" customFormat="1" ht="16.5">
      <c r="E78" s="909"/>
      <c r="H78" s="907"/>
      <c r="I78" s="907"/>
      <c r="J78" s="907"/>
      <c r="K78" s="907"/>
      <c r="L78" s="907"/>
      <c r="M78" s="907"/>
      <c r="N78" s="907"/>
      <c r="O78" s="907"/>
      <c r="Q78" s="898"/>
    </row>
    <row r="79" spans="1:17" s="908" customFormat="1" ht="16.5">
      <c r="E79" s="909"/>
      <c r="H79" s="907"/>
      <c r="I79" s="907"/>
      <c r="J79" s="907"/>
      <c r="K79" s="907"/>
      <c r="L79" s="907"/>
      <c r="M79" s="907"/>
      <c r="N79" s="907"/>
      <c r="O79" s="907"/>
      <c r="Q79" s="898"/>
    </row>
    <row r="80" spans="1:17" s="908" customFormat="1" ht="16.5">
      <c r="E80" s="909"/>
      <c r="H80" s="907"/>
      <c r="I80" s="907"/>
      <c r="J80" s="907"/>
      <c r="K80" s="907"/>
      <c r="L80" s="907"/>
      <c r="M80" s="907"/>
      <c r="N80" s="907"/>
      <c r="O80" s="907"/>
      <c r="Q80" s="898"/>
    </row>
    <row r="81" spans="5:17" s="908" customFormat="1" ht="16.5">
      <c r="E81" s="909"/>
      <c r="H81" s="907"/>
      <c r="I81" s="907"/>
      <c r="J81" s="907"/>
      <c r="K81" s="907"/>
      <c r="L81" s="907"/>
      <c r="M81" s="907"/>
      <c r="N81" s="907"/>
      <c r="O81" s="907"/>
      <c r="Q81" s="898"/>
    </row>
    <row r="82" spans="5:17" s="908" customFormat="1" ht="16.5">
      <c r="E82" s="909"/>
      <c r="H82" s="907"/>
      <c r="I82" s="907"/>
      <c r="J82" s="907"/>
      <c r="K82" s="907"/>
      <c r="L82" s="907"/>
      <c r="M82" s="907"/>
      <c r="N82" s="907"/>
      <c r="O82" s="907"/>
      <c r="Q82" s="898"/>
    </row>
    <row r="83" spans="5:17" s="908" customFormat="1" ht="16.5">
      <c r="E83" s="909"/>
      <c r="H83" s="907"/>
      <c r="I83" s="907"/>
      <c r="J83" s="907"/>
      <c r="K83" s="907"/>
      <c r="L83" s="907"/>
      <c r="M83" s="907"/>
      <c r="N83" s="907"/>
      <c r="O83" s="907"/>
      <c r="Q83" s="898"/>
    </row>
    <row r="84" spans="5:17" s="908" customFormat="1" ht="16.5">
      <c r="E84" s="909"/>
      <c r="H84" s="907"/>
      <c r="I84" s="907"/>
      <c r="J84" s="907"/>
      <c r="K84" s="907"/>
      <c r="L84" s="907"/>
      <c r="M84" s="907"/>
      <c r="N84" s="907"/>
      <c r="O84" s="907"/>
      <c r="Q84" s="898"/>
    </row>
    <row r="85" spans="5:17" s="908" customFormat="1" ht="16.5">
      <c r="E85" s="909"/>
      <c r="H85" s="907"/>
      <c r="I85" s="907"/>
      <c r="J85" s="907"/>
      <c r="K85" s="907"/>
      <c r="L85" s="907"/>
      <c r="M85" s="907"/>
      <c r="N85" s="907"/>
      <c r="O85" s="907"/>
      <c r="Q85" s="898"/>
    </row>
    <row r="86" spans="5:17" s="908" customFormat="1" ht="16.5">
      <c r="E86" s="909"/>
      <c r="H86" s="907"/>
      <c r="I86" s="907"/>
      <c r="J86" s="907"/>
      <c r="K86" s="907"/>
      <c r="L86" s="907"/>
      <c r="M86" s="907"/>
      <c r="N86" s="907"/>
      <c r="O86" s="907"/>
      <c r="Q86" s="898"/>
    </row>
    <row r="87" spans="5:17" s="908" customFormat="1" ht="16.5">
      <c r="E87" s="909"/>
      <c r="H87" s="907"/>
      <c r="I87" s="907"/>
      <c r="J87" s="907"/>
      <c r="K87" s="907"/>
      <c r="L87" s="907"/>
      <c r="M87" s="907"/>
      <c r="N87" s="907"/>
      <c r="O87" s="907"/>
      <c r="Q87" s="898"/>
    </row>
    <row r="88" spans="5:17" s="908" customFormat="1" ht="16.5">
      <c r="E88" s="909"/>
      <c r="H88" s="907"/>
      <c r="I88" s="907"/>
      <c r="J88" s="907"/>
      <c r="K88" s="907"/>
      <c r="L88" s="907"/>
      <c r="M88" s="907"/>
      <c r="N88" s="907"/>
      <c r="O88" s="907"/>
      <c r="Q88" s="898"/>
    </row>
    <row r="89" spans="5:17" s="908" customFormat="1" ht="16.5">
      <c r="E89" s="909"/>
      <c r="H89" s="907"/>
      <c r="I89" s="907"/>
      <c r="J89" s="907"/>
      <c r="K89" s="907"/>
      <c r="L89" s="907"/>
      <c r="M89" s="907"/>
      <c r="N89" s="907"/>
      <c r="O89" s="907"/>
      <c r="Q89" s="898"/>
    </row>
    <row r="90" spans="5:17" s="908" customFormat="1" ht="16.5">
      <c r="E90" s="909"/>
      <c r="H90" s="907"/>
      <c r="I90" s="907"/>
      <c r="J90" s="907"/>
      <c r="K90" s="907"/>
      <c r="L90" s="907"/>
      <c r="M90" s="907"/>
      <c r="N90" s="907"/>
      <c r="O90" s="907"/>
      <c r="Q90" s="898"/>
    </row>
    <row r="91" spans="5:17" s="908" customFormat="1" ht="16.5">
      <c r="E91" s="909"/>
      <c r="H91" s="907"/>
      <c r="I91" s="907"/>
      <c r="J91" s="907"/>
      <c r="K91" s="907"/>
      <c r="L91" s="907"/>
      <c r="M91" s="907"/>
      <c r="N91" s="907"/>
      <c r="O91" s="907"/>
      <c r="Q91" s="898"/>
    </row>
    <row r="92" spans="5:17" s="908" customFormat="1" ht="16.5">
      <c r="E92" s="909"/>
      <c r="H92" s="907"/>
      <c r="I92" s="907"/>
      <c r="J92" s="907"/>
      <c r="K92" s="907"/>
      <c r="L92" s="907"/>
      <c r="M92" s="907"/>
      <c r="N92" s="907"/>
      <c r="O92" s="907"/>
      <c r="Q92" s="898"/>
    </row>
    <row r="93" spans="5:17" s="908" customFormat="1" ht="16.5">
      <c r="E93" s="909"/>
      <c r="H93" s="907"/>
      <c r="I93" s="907"/>
      <c r="J93" s="907"/>
      <c r="K93" s="907"/>
      <c r="L93" s="907"/>
      <c r="M93" s="907"/>
      <c r="N93" s="907"/>
      <c r="O93" s="907"/>
      <c r="Q93" s="898"/>
    </row>
    <row r="94" spans="5:17" s="908" customFormat="1" ht="16.5">
      <c r="E94" s="909"/>
      <c r="H94" s="907"/>
      <c r="I94" s="907"/>
      <c r="J94" s="907"/>
      <c r="K94" s="907"/>
      <c r="L94" s="907"/>
      <c r="M94" s="907"/>
      <c r="N94" s="907"/>
      <c r="O94" s="907"/>
      <c r="Q94" s="898"/>
    </row>
    <row r="95" spans="5:17" s="908" customFormat="1" ht="16.5">
      <c r="E95" s="909"/>
      <c r="H95" s="907"/>
      <c r="I95" s="907"/>
      <c r="J95" s="907"/>
      <c r="K95" s="907"/>
      <c r="L95" s="907"/>
      <c r="M95" s="907"/>
      <c r="N95" s="907"/>
      <c r="O95" s="907"/>
      <c r="Q95" s="898"/>
    </row>
    <row r="96" spans="5:17" s="908" customFormat="1" ht="16.5">
      <c r="E96" s="909"/>
      <c r="H96" s="907"/>
      <c r="I96" s="907"/>
      <c r="J96" s="907"/>
      <c r="K96" s="907"/>
      <c r="L96" s="907"/>
      <c r="M96" s="907"/>
      <c r="N96" s="907"/>
      <c r="O96" s="907"/>
      <c r="Q96" s="898"/>
    </row>
    <row r="97" spans="1:17" s="908" customFormat="1" ht="16.5">
      <c r="E97" s="909"/>
      <c r="H97" s="907"/>
      <c r="I97" s="907"/>
      <c r="J97" s="907"/>
      <c r="K97" s="907"/>
      <c r="L97" s="907"/>
      <c r="M97" s="907"/>
      <c r="N97" s="907"/>
      <c r="O97" s="907"/>
      <c r="Q97" s="898"/>
    </row>
    <row r="98" spans="1:17" s="908" customFormat="1" ht="16.5">
      <c r="E98" s="909"/>
      <c r="H98" s="907"/>
      <c r="I98" s="907"/>
      <c r="J98" s="907"/>
      <c r="K98" s="907"/>
      <c r="L98" s="907"/>
      <c r="M98" s="907"/>
      <c r="N98" s="907"/>
      <c r="O98" s="907"/>
      <c r="Q98" s="898"/>
    </row>
    <row r="99" spans="1:17">
      <c r="A99" s="83"/>
      <c r="C99" s="83"/>
    </row>
    <row r="100" spans="1:17">
      <c r="A100" s="83"/>
      <c r="C100" s="83"/>
    </row>
    <row r="101" spans="1:17">
      <c r="A101" s="83"/>
      <c r="C101" s="83"/>
    </row>
    <row r="102" spans="1:17">
      <c r="A102" s="83"/>
      <c r="C102" s="83"/>
    </row>
    <row r="103" spans="1:17">
      <c r="A103" s="83"/>
      <c r="C103" s="83"/>
    </row>
    <row r="104" spans="1:17">
      <c r="A104" s="83"/>
      <c r="C104" s="83"/>
    </row>
    <row r="105" spans="1:17">
      <c r="A105" s="83"/>
      <c r="C105" s="83"/>
    </row>
    <row r="106" spans="1:17">
      <c r="A106" s="83"/>
      <c r="C106" s="83"/>
    </row>
    <row r="107" spans="1:17">
      <c r="A107" s="83"/>
      <c r="C107" s="83"/>
    </row>
    <row r="108" spans="1:17">
      <c r="A108" s="83"/>
      <c r="C108" s="83"/>
    </row>
    <row r="109" spans="1:17">
      <c r="A109" s="83"/>
      <c r="C109" s="83"/>
    </row>
    <row r="110" spans="1:17">
      <c r="A110" s="83"/>
      <c r="C110" s="83"/>
    </row>
    <row r="111" spans="1:17">
      <c r="A111" s="83"/>
      <c r="C111" s="83"/>
    </row>
    <row r="112" spans="1:17">
      <c r="A112" s="83"/>
      <c r="C112" s="83"/>
    </row>
    <row r="113" spans="1:3">
      <c r="A113" s="83"/>
      <c r="C113" s="83"/>
    </row>
  </sheetData>
  <autoFilter ref="A14:XEC77"/>
  <mergeCells count="6">
    <mergeCell ref="B64:Q64"/>
    <mergeCell ref="A1:O1"/>
    <mergeCell ref="E8:F8"/>
    <mergeCell ref="B10:Q10"/>
    <mergeCell ref="B12:Q12"/>
    <mergeCell ref="B13:Q13"/>
  </mergeCells>
  <hyperlinks>
    <hyperlink ref="F69" r:id="rId1"/>
    <hyperlink ref="Q58" r:id="rId2"/>
    <hyperlink ref="Q59" r:id="rId3" display="https://tsipringa.ru/"/>
  </hyperlinks>
  <pageMargins left="0.7" right="0.7" top="0.75" bottom="0.75" header="0.3" footer="0.3"/>
  <pageSetup paperSize="9" scale="47" fitToHeight="0" orientation="landscape" r:id="rId4"/>
</worksheet>
</file>

<file path=xl/worksheets/sheet12.xml><?xml version="1.0" encoding="utf-8"?>
<worksheet xmlns="http://schemas.openxmlformats.org/spreadsheetml/2006/main" xmlns:r="http://schemas.openxmlformats.org/officeDocument/2006/relationships">
  <sheetPr>
    <tabColor theme="0"/>
    <pageSetUpPr fitToPage="1"/>
  </sheetPr>
  <dimension ref="A1:S116"/>
  <sheetViews>
    <sheetView zoomScaleNormal="100" workbookViewId="0">
      <selection activeCell="H11" sqref="H11"/>
    </sheetView>
  </sheetViews>
  <sheetFormatPr defaultColWidth="9.140625" defaultRowHeight="15"/>
  <cols>
    <col min="1" max="1" width="7.28515625" style="77" customWidth="1"/>
    <col min="2" max="2" width="28.7109375" style="76" customWidth="1"/>
    <col min="3" max="3" width="10.140625" style="76" customWidth="1"/>
    <col min="4" max="4" width="18.5703125" style="76" customWidth="1"/>
    <col min="5" max="5" width="19.28515625" style="99" customWidth="1"/>
    <col min="6" max="6" width="15.85546875" style="76" customWidth="1"/>
    <col min="7" max="7" width="20" style="80" customWidth="1"/>
    <col min="8" max="9" width="17.42578125" style="76" customWidth="1"/>
    <col min="10" max="10" width="12.42578125" style="76" customWidth="1"/>
    <col min="11" max="12" width="12" style="76" customWidth="1"/>
    <col min="13" max="13" width="12.85546875" style="76" customWidth="1"/>
    <col min="14" max="14" width="16.85546875" style="76" customWidth="1"/>
    <col min="15" max="15" width="18.7109375" style="76" customWidth="1"/>
    <col min="16" max="17" width="20.5703125" style="80" customWidth="1"/>
    <col min="18" max="16384" width="9.140625" style="80"/>
  </cols>
  <sheetData>
    <row r="1" spans="1:18" s="245" customFormat="1" ht="31.5" customHeight="1">
      <c r="A1" s="1150" t="s">
        <v>2987</v>
      </c>
      <c r="B1" s="1150"/>
      <c r="C1" s="1150"/>
      <c r="D1" s="1150"/>
      <c r="E1" s="1150"/>
      <c r="F1" s="1150"/>
      <c r="G1" s="1150"/>
      <c r="H1" s="1150"/>
      <c r="I1" s="1150"/>
      <c r="J1" s="1150"/>
      <c r="K1" s="1150"/>
      <c r="L1" s="1150"/>
      <c r="M1" s="1150"/>
      <c r="N1" s="1150"/>
      <c r="O1" s="1150"/>
    </row>
    <row r="2" spans="1:18" s="245" customFormat="1" ht="79.5" customHeight="1">
      <c r="A2" s="246" t="s">
        <v>173</v>
      </c>
      <c r="B2" s="247" t="s">
        <v>186</v>
      </c>
      <c r="C2" s="247" t="s">
        <v>184</v>
      </c>
      <c r="E2" s="246" t="s">
        <v>185</v>
      </c>
      <c r="F2" s="251" t="s">
        <v>184</v>
      </c>
      <c r="H2" s="248"/>
      <c r="I2" s="248"/>
      <c r="K2" s="248"/>
      <c r="L2" s="248"/>
      <c r="M2" s="248"/>
      <c r="N2" s="248"/>
      <c r="O2" s="248"/>
      <c r="P2" s="248"/>
    </row>
    <row r="3" spans="1:18" s="245" customFormat="1" ht="36" customHeight="1">
      <c r="A3" s="249"/>
      <c r="B3" s="247" t="s">
        <v>183</v>
      </c>
      <c r="C3" s="399">
        <f>SUM(C4:C5)</f>
        <v>86</v>
      </c>
      <c r="E3" s="246" t="s">
        <v>182</v>
      </c>
      <c r="F3" s="399">
        <v>83</v>
      </c>
      <c r="G3" s="245">
        <v>68</v>
      </c>
      <c r="H3" s="248"/>
      <c r="I3" s="248"/>
      <c r="K3" s="248"/>
      <c r="L3" s="248"/>
      <c r="M3" s="248"/>
      <c r="N3" s="248"/>
      <c r="O3" s="248"/>
      <c r="P3" s="248"/>
    </row>
    <row r="4" spans="1:18" s="245" customFormat="1" ht="37.5" customHeight="1">
      <c r="A4" s="249" t="s">
        <v>181</v>
      </c>
      <c r="B4" s="251" t="s">
        <v>180</v>
      </c>
      <c r="C4" s="400">
        <v>83</v>
      </c>
      <c r="E4" s="249" t="s">
        <v>179</v>
      </c>
      <c r="F4" s="400">
        <v>9</v>
      </c>
      <c r="G4" s="245">
        <v>8</v>
      </c>
      <c r="H4" s="248"/>
      <c r="I4" s="248"/>
      <c r="K4" s="248"/>
      <c r="L4" s="248"/>
      <c r="M4" s="248"/>
      <c r="N4" s="248"/>
      <c r="O4" s="248"/>
      <c r="P4" s="248"/>
    </row>
    <row r="5" spans="1:18" s="245" customFormat="1" ht="33" customHeight="1">
      <c r="A5" s="249" t="s">
        <v>178</v>
      </c>
      <c r="B5" s="251" t="s">
        <v>177</v>
      </c>
      <c r="C5" s="400">
        <v>3</v>
      </c>
      <c r="E5" s="249" t="s">
        <v>15</v>
      </c>
      <c r="F5" s="400">
        <v>46</v>
      </c>
      <c r="G5" s="245">
        <v>31</v>
      </c>
      <c r="H5" s="248"/>
      <c r="I5" s="248"/>
      <c r="K5" s="248"/>
      <c r="L5" s="248"/>
      <c r="M5" s="248"/>
      <c r="N5" s="248"/>
      <c r="O5" s="248"/>
      <c r="P5" s="248"/>
    </row>
    <row r="6" spans="1:18" s="245" customFormat="1" ht="23.25" customHeight="1">
      <c r="A6" s="253"/>
      <c r="E6" s="249" t="s">
        <v>27</v>
      </c>
      <c r="F6" s="400">
        <v>28</v>
      </c>
      <c r="G6" s="245">
        <v>29</v>
      </c>
      <c r="H6" s="248"/>
      <c r="I6" s="248"/>
      <c r="K6" s="248"/>
      <c r="L6" s="248"/>
      <c r="M6" s="248"/>
      <c r="N6" s="248"/>
      <c r="O6" s="248"/>
      <c r="P6" s="248"/>
    </row>
    <row r="7" spans="1:18" s="245" customFormat="1" ht="56.25" customHeight="1">
      <c r="A7" s="253"/>
      <c r="E7" s="251" t="s">
        <v>176</v>
      </c>
      <c r="F7" s="400">
        <v>3</v>
      </c>
      <c r="H7" s="248" t="s">
        <v>4199</v>
      </c>
      <c r="I7" s="248"/>
      <c r="J7" s="245">
        <f>SUM(J45+J78+J79+J81+20)</f>
        <v>24</v>
      </c>
      <c r="K7" s="248"/>
      <c r="L7" s="248"/>
      <c r="M7" s="248"/>
      <c r="N7" s="248"/>
      <c r="O7" s="248"/>
      <c r="P7" s="248"/>
    </row>
    <row r="8" spans="1:18" s="245" customFormat="1" ht="39.75" customHeight="1">
      <c r="A8" s="253"/>
      <c r="E8" s="1151" t="s">
        <v>175</v>
      </c>
      <c r="F8" s="1152"/>
      <c r="H8" s="358"/>
      <c r="I8" s="1091"/>
      <c r="J8" s="401">
        <v>292</v>
      </c>
      <c r="K8" s="402">
        <v>1124</v>
      </c>
      <c r="L8" s="248"/>
      <c r="M8" s="248"/>
      <c r="N8" s="248"/>
      <c r="O8" s="248"/>
      <c r="P8" s="248"/>
    </row>
    <row r="9" spans="1:18" s="404" customFormat="1" ht="18.75" customHeight="1">
      <c r="A9" s="253"/>
      <c r="B9" s="245"/>
      <c r="C9" s="245"/>
      <c r="D9" s="245"/>
      <c r="E9" s="403"/>
      <c r="F9" s="245"/>
      <c r="H9" s="245"/>
      <c r="I9" s="245"/>
      <c r="J9" s="245"/>
      <c r="K9" s="245"/>
      <c r="L9" s="245"/>
      <c r="M9" s="245"/>
      <c r="N9" s="245"/>
      <c r="O9" s="245"/>
    </row>
    <row r="10" spans="1:18" s="404" customFormat="1" ht="36" customHeight="1">
      <c r="A10" s="249"/>
      <c r="B10" s="1168" t="s">
        <v>174</v>
      </c>
      <c r="C10" s="1168"/>
      <c r="D10" s="1168"/>
      <c r="E10" s="1168"/>
      <c r="F10" s="1168"/>
      <c r="G10" s="1168"/>
      <c r="H10" s="1168"/>
      <c r="I10" s="1213"/>
      <c r="J10" s="1168"/>
      <c r="K10" s="1168"/>
      <c r="L10" s="1168"/>
      <c r="M10" s="1168"/>
      <c r="N10" s="1168"/>
      <c r="O10" s="1168"/>
      <c r="P10" s="1168"/>
      <c r="Q10" s="1214"/>
      <c r="R10" s="1207" t="s">
        <v>2986</v>
      </c>
    </row>
    <row r="11" spans="1:18" s="404" customFormat="1" ht="81" customHeight="1">
      <c r="A11" s="251" t="s">
        <v>173</v>
      </c>
      <c r="B11" s="251" t="s">
        <v>172</v>
      </c>
      <c r="C11" s="251" t="s">
        <v>171</v>
      </c>
      <c r="D11" s="251" t="s">
        <v>170</v>
      </c>
      <c r="E11" s="249" t="s">
        <v>169</v>
      </c>
      <c r="F11" s="251" t="s">
        <v>168</v>
      </c>
      <c r="G11" s="251" t="s">
        <v>167</v>
      </c>
      <c r="H11" s="1064" t="s">
        <v>5073</v>
      </c>
      <c r="I11" s="1065" t="s">
        <v>5075</v>
      </c>
      <c r="J11" s="251" t="s">
        <v>166</v>
      </c>
      <c r="K11" s="251" t="s">
        <v>165</v>
      </c>
      <c r="L11" s="251" t="s">
        <v>164</v>
      </c>
      <c r="M11" s="251" t="s">
        <v>163</v>
      </c>
      <c r="N11" s="251" t="s">
        <v>162</v>
      </c>
      <c r="O11" s="251" t="s">
        <v>161</v>
      </c>
      <c r="P11" s="251" t="s">
        <v>160</v>
      </c>
      <c r="Q11" s="384" t="s">
        <v>159</v>
      </c>
      <c r="R11" s="1208"/>
    </row>
    <row r="12" spans="1:18" s="404" customFormat="1" ht="15" customHeight="1">
      <c r="A12" s="249"/>
      <c r="B12" s="1212" t="s">
        <v>2985</v>
      </c>
      <c r="C12" s="1212"/>
      <c r="D12" s="1212"/>
      <c r="E12" s="1212"/>
      <c r="F12" s="1212"/>
      <c r="G12" s="1212"/>
      <c r="H12" s="1168"/>
      <c r="I12" s="1213"/>
      <c r="J12" s="1168"/>
      <c r="K12" s="1168"/>
      <c r="L12" s="1168"/>
      <c r="M12" s="1168"/>
      <c r="N12" s="1168"/>
      <c r="O12" s="1168"/>
      <c r="P12" s="1168"/>
      <c r="Q12" s="1214"/>
      <c r="R12" s="261"/>
    </row>
    <row r="13" spans="1:18" s="404" customFormat="1" ht="15.75">
      <c r="A13" s="249"/>
      <c r="B13" s="1212" t="s">
        <v>157</v>
      </c>
      <c r="C13" s="1168"/>
      <c r="D13" s="1168"/>
      <c r="E13" s="1168"/>
      <c r="F13" s="1168"/>
      <c r="G13" s="1168"/>
      <c r="H13" s="1168"/>
      <c r="I13" s="1213"/>
      <c r="J13" s="1168"/>
      <c r="K13" s="1168"/>
      <c r="L13" s="1168"/>
      <c r="M13" s="1168"/>
      <c r="N13" s="1168"/>
      <c r="O13" s="1168"/>
      <c r="P13" s="1168"/>
      <c r="Q13" s="1214"/>
      <c r="R13" s="261"/>
    </row>
    <row r="14" spans="1:18" s="404" customFormat="1" ht="24.75" customHeight="1">
      <c r="A14" s="405">
        <v>1</v>
      </c>
      <c r="B14" s="405">
        <v>2</v>
      </c>
      <c r="C14" s="405">
        <v>3</v>
      </c>
      <c r="D14" s="405">
        <v>4</v>
      </c>
      <c r="E14" s="406">
        <v>5</v>
      </c>
      <c r="F14" s="405">
        <v>6</v>
      </c>
      <c r="G14" s="405">
        <v>7</v>
      </c>
      <c r="H14" s="405">
        <v>8</v>
      </c>
      <c r="I14" s="1092"/>
      <c r="J14" s="405">
        <v>9</v>
      </c>
      <c r="K14" s="405">
        <v>10</v>
      </c>
      <c r="L14" s="405">
        <v>11</v>
      </c>
      <c r="M14" s="405"/>
      <c r="N14" s="405"/>
      <c r="O14" s="405">
        <v>12</v>
      </c>
      <c r="P14" s="405">
        <v>13</v>
      </c>
      <c r="Q14" s="407">
        <v>14</v>
      </c>
      <c r="R14" s="261">
        <v>15</v>
      </c>
    </row>
    <row r="15" spans="1:18" s="404" customFormat="1" ht="120" customHeight="1">
      <c r="A15" s="249" t="s">
        <v>975</v>
      </c>
      <c r="B15" s="400" t="s">
        <v>2984</v>
      </c>
      <c r="C15" s="400" t="s">
        <v>15</v>
      </c>
      <c r="D15" s="400" t="s">
        <v>2767</v>
      </c>
      <c r="E15" s="413" t="s">
        <v>2983</v>
      </c>
      <c r="F15" s="408">
        <v>39500</v>
      </c>
      <c r="G15" s="438" t="s">
        <v>1532</v>
      </c>
      <c r="H15" s="400" t="s">
        <v>10</v>
      </c>
      <c r="I15" s="513"/>
      <c r="J15" s="400">
        <v>1</v>
      </c>
      <c r="K15" s="400">
        <v>6</v>
      </c>
      <c r="L15" s="400">
        <v>1</v>
      </c>
      <c r="M15" s="400"/>
      <c r="N15" s="400"/>
      <c r="O15" s="400" t="s">
        <v>2982</v>
      </c>
      <c r="P15" s="316"/>
      <c r="Q15" s="414"/>
      <c r="R15" s="400">
        <v>90</v>
      </c>
    </row>
    <row r="16" spans="1:18" s="404" customFormat="1" ht="120" customHeight="1">
      <c r="A16" s="249" t="s">
        <v>966</v>
      </c>
      <c r="B16" s="400" t="s">
        <v>4368</v>
      </c>
      <c r="C16" s="400" t="s">
        <v>15</v>
      </c>
      <c r="D16" s="400" t="s">
        <v>2767</v>
      </c>
      <c r="E16" s="413" t="s">
        <v>2983</v>
      </c>
      <c r="F16" s="408">
        <v>39500</v>
      </c>
      <c r="G16" s="438" t="s">
        <v>1532</v>
      </c>
      <c r="H16" s="400" t="s">
        <v>10</v>
      </c>
      <c r="I16" s="513"/>
      <c r="J16" s="400">
        <v>1</v>
      </c>
      <c r="K16" s="400">
        <v>6</v>
      </c>
      <c r="L16" s="400">
        <v>1</v>
      </c>
      <c r="M16" s="400"/>
      <c r="N16" s="400"/>
      <c r="O16" s="400" t="s">
        <v>2982</v>
      </c>
      <c r="P16" s="316"/>
      <c r="Q16" s="414"/>
      <c r="R16" s="400">
        <v>70</v>
      </c>
    </row>
    <row r="17" spans="1:18" s="404" customFormat="1" ht="120" customHeight="1">
      <c r="A17" s="249" t="s">
        <v>1233</v>
      </c>
      <c r="B17" s="400" t="s">
        <v>2981</v>
      </c>
      <c r="C17" s="400" t="s">
        <v>15</v>
      </c>
      <c r="D17" s="400" t="s">
        <v>2980</v>
      </c>
      <c r="E17" s="413" t="s">
        <v>2979</v>
      </c>
      <c r="F17" s="408">
        <v>44014</v>
      </c>
      <c r="G17" s="439" t="s">
        <v>136</v>
      </c>
      <c r="H17" s="400" t="s">
        <v>10</v>
      </c>
      <c r="I17" s="513"/>
      <c r="J17" s="400">
        <v>1</v>
      </c>
      <c r="K17" s="400">
        <v>8</v>
      </c>
      <c r="L17" s="400">
        <v>1</v>
      </c>
      <c r="M17" s="400"/>
      <c r="N17" s="400"/>
      <c r="O17" s="400" t="s">
        <v>1187</v>
      </c>
      <c r="P17" s="316"/>
      <c r="Q17" s="414"/>
      <c r="R17" s="400">
        <v>160</v>
      </c>
    </row>
    <row r="18" spans="1:18" s="404" customFormat="1" ht="120" customHeight="1">
      <c r="A18" s="249" t="s">
        <v>965</v>
      </c>
      <c r="B18" s="400" t="s">
        <v>2978</v>
      </c>
      <c r="C18" s="400" t="s">
        <v>15</v>
      </c>
      <c r="D18" s="400" t="s">
        <v>2977</v>
      </c>
      <c r="E18" s="413" t="s">
        <v>2976</v>
      </c>
      <c r="F18" s="408">
        <v>43959</v>
      </c>
      <c r="G18" s="400" t="s">
        <v>125</v>
      </c>
      <c r="H18" s="400" t="s">
        <v>10</v>
      </c>
      <c r="I18" s="513"/>
      <c r="J18" s="400">
        <v>1</v>
      </c>
      <c r="K18" s="400">
        <v>6</v>
      </c>
      <c r="L18" s="400">
        <v>1</v>
      </c>
      <c r="M18" s="400"/>
      <c r="N18" s="400"/>
      <c r="O18" s="400" t="s">
        <v>1187</v>
      </c>
      <c r="P18" s="316"/>
      <c r="Q18" s="414"/>
      <c r="R18" s="400">
        <v>90</v>
      </c>
    </row>
    <row r="19" spans="1:18" s="404" customFormat="1" ht="120" customHeight="1">
      <c r="A19" s="249" t="s">
        <v>1069</v>
      </c>
      <c r="B19" s="400" t="s">
        <v>2975</v>
      </c>
      <c r="C19" s="400" t="s">
        <v>15</v>
      </c>
      <c r="D19" s="400" t="s">
        <v>2974</v>
      </c>
      <c r="E19" s="413" t="s">
        <v>2973</v>
      </c>
      <c r="F19" s="408">
        <v>44124</v>
      </c>
      <c r="G19" s="408" t="s">
        <v>926</v>
      </c>
      <c r="H19" s="400" t="s">
        <v>10</v>
      </c>
      <c r="I19" s="513"/>
      <c r="J19" s="400">
        <v>1</v>
      </c>
      <c r="K19" s="400">
        <v>4</v>
      </c>
      <c r="L19" s="400">
        <v>1</v>
      </c>
      <c r="M19" s="400"/>
      <c r="N19" s="400"/>
      <c r="O19" s="400" t="s">
        <v>1187</v>
      </c>
      <c r="P19" s="316"/>
      <c r="Q19" s="414"/>
      <c r="R19" s="400">
        <v>72</v>
      </c>
    </row>
    <row r="20" spans="1:18" s="404" customFormat="1" ht="120" customHeight="1">
      <c r="A20" s="249" t="s">
        <v>1521</v>
      </c>
      <c r="B20" s="400" t="s">
        <v>2972</v>
      </c>
      <c r="C20" s="400" t="s">
        <v>15</v>
      </c>
      <c r="D20" s="400" t="s">
        <v>2970</v>
      </c>
      <c r="E20" s="413" t="s">
        <v>2969</v>
      </c>
      <c r="F20" s="408">
        <v>44025</v>
      </c>
      <c r="G20" s="408" t="s">
        <v>383</v>
      </c>
      <c r="H20" s="400" t="s">
        <v>10</v>
      </c>
      <c r="I20" s="513"/>
      <c r="J20" s="400">
        <v>1</v>
      </c>
      <c r="K20" s="400">
        <v>4</v>
      </c>
      <c r="L20" s="400">
        <v>1</v>
      </c>
      <c r="M20" s="400"/>
      <c r="N20" s="400"/>
      <c r="O20" s="400" t="s">
        <v>1187</v>
      </c>
      <c r="P20" s="316"/>
      <c r="Q20" s="414"/>
      <c r="R20" s="400">
        <v>40</v>
      </c>
    </row>
    <row r="21" spans="1:18" s="404" customFormat="1" ht="120" customHeight="1">
      <c r="A21" s="249" t="s">
        <v>1109</v>
      </c>
      <c r="B21" s="400" t="s">
        <v>2971</v>
      </c>
      <c r="C21" s="400" t="s">
        <v>15</v>
      </c>
      <c r="D21" s="400" t="s">
        <v>2970</v>
      </c>
      <c r="E21" s="398" t="s">
        <v>2969</v>
      </c>
      <c r="F21" s="408">
        <v>44025</v>
      </c>
      <c r="G21" s="408" t="s">
        <v>383</v>
      </c>
      <c r="H21" s="400" t="s">
        <v>10</v>
      </c>
      <c r="I21" s="513"/>
      <c r="J21" s="400">
        <v>12</v>
      </c>
      <c r="K21" s="400">
        <v>25</v>
      </c>
      <c r="L21" s="400">
        <v>2</v>
      </c>
      <c r="M21" s="400"/>
      <c r="N21" s="400"/>
      <c r="O21" s="400" t="s">
        <v>1187</v>
      </c>
      <c r="P21" s="400"/>
      <c r="Q21" s="409" t="s">
        <v>2826</v>
      </c>
      <c r="R21" s="400">
        <v>348</v>
      </c>
    </row>
    <row r="22" spans="1:18" s="404" customFormat="1" ht="120" customHeight="1">
      <c r="A22" s="249" t="s">
        <v>1042</v>
      </c>
      <c r="B22" s="400" t="s">
        <v>2968</v>
      </c>
      <c r="C22" s="400" t="s">
        <v>15</v>
      </c>
      <c r="D22" s="400" t="s">
        <v>2967</v>
      </c>
      <c r="E22" s="413" t="s">
        <v>2966</v>
      </c>
      <c r="F22" s="408">
        <v>37865</v>
      </c>
      <c r="G22" s="439" t="s">
        <v>136</v>
      </c>
      <c r="H22" s="400" t="s">
        <v>10</v>
      </c>
      <c r="I22" s="513"/>
      <c r="J22" s="400">
        <v>1</v>
      </c>
      <c r="K22" s="400">
        <v>4</v>
      </c>
      <c r="L22" s="400">
        <v>1</v>
      </c>
      <c r="M22" s="400"/>
      <c r="N22" s="400"/>
      <c r="O22" s="400" t="s">
        <v>1187</v>
      </c>
      <c r="P22" s="316"/>
      <c r="Q22" s="414"/>
      <c r="R22" s="400">
        <v>70</v>
      </c>
    </row>
    <row r="23" spans="1:18" s="404" customFormat="1" ht="120" customHeight="1">
      <c r="A23" s="249" t="s">
        <v>1176</v>
      </c>
      <c r="B23" s="400" t="s">
        <v>2965</v>
      </c>
      <c r="C23" s="400" t="s">
        <v>15</v>
      </c>
      <c r="D23" s="400" t="s">
        <v>2964</v>
      </c>
      <c r="E23" s="413" t="s">
        <v>2963</v>
      </c>
      <c r="F23" s="408">
        <v>44117</v>
      </c>
      <c r="G23" s="408" t="s">
        <v>383</v>
      </c>
      <c r="H23" s="400" t="s">
        <v>10</v>
      </c>
      <c r="I23" s="513"/>
      <c r="J23" s="400">
        <v>1</v>
      </c>
      <c r="K23" s="400">
        <v>8</v>
      </c>
      <c r="L23" s="400">
        <v>1</v>
      </c>
      <c r="M23" s="400"/>
      <c r="N23" s="400"/>
      <c r="O23" s="400" t="s">
        <v>1187</v>
      </c>
      <c r="P23" s="316"/>
      <c r="Q23" s="414"/>
      <c r="R23" s="400">
        <v>150</v>
      </c>
    </row>
    <row r="24" spans="1:18" s="404" customFormat="1" ht="120" customHeight="1">
      <c r="A24" s="249" t="s">
        <v>1141</v>
      </c>
      <c r="B24" s="400" t="s">
        <v>4369</v>
      </c>
      <c r="C24" s="400" t="s">
        <v>15</v>
      </c>
      <c r="D24" s="400" t="s">
        <v>2964</v>
      </c>
      <c r="E24" s="413" t="s">
        <v>2963</v>
      </c>
      <c r="F24" s="408">
        <v>44117</v>
      </c>
      <c r="G24" s="408" t="s">
        <v>383</v>
      </c>
      <c r="H24" s="400" t="s">
        <v>10</v>
      </c>
      <c r="I24" s="513"/>
      <c r="J24" s="400">
        <v>1</v>
      </c>
      <c r="K24" s="400">
        <v>6</v>
      </c>
      <c r="L24" s="400">
        <v>1</v>
      </c>
      <c r="M24" s="400"/>
      <c r="N24" s="400"/>
      <c r="O24" s="400" t="s">
        <v>1187</v>
      </c>
      <c r="P24" s="316"/>
      <c r="Q24" s="414"/>
      <c r="R24" s="400">
        <v>100</v>
      </c>
    </row>
    <row r="25" spans="1:18" s="404" customFormat="1" ht="120" customHeight="1">
      <c r="A25" s="249" t="s">
        <v>1008</v>
      </c>
      <c r="B25" s="400" t="s">
        <v>4370</v>
      </c>
      <c r="C25" s="400" t="s">
        <v>15</v>
      </c>
      <c r="D25" s="400" t="s">
        <v>2964</v>
      </c>
      <c r="E25" s="413" t="s">
        <v>2963</v>
      </c>
      <c r="F25" s="408">
        <v>44117</v>
      </c>
      <c r="G25" s="408" t="s">
        <v>383</v>
      </c>
      <c r="H25" s="400" t="s">
        <v>10</v>
      </c>
      <c r="I25" s="513"/>
      <c r="J25" s="400">
        <v>1</v>
      </c>
      <c r="K25" s="400">
        <v>6</v>
      </c>
      <c r="L25" s="400">
        <v>1</v>
      </c>
      <c r="M25" s="400"/>
      <c r="N25" s="400"/>
      <c r="O25" s="400" t="s">
        <v>1187</v>
      </c>
      <c r="P25" s="316"/>
      <c r="Q25" s="414"/>
      <c r="R25" s="400">
        <v>80</v>
      </c>
    </row>
    <row r="26" spans="1:18" s="404" customFormat="1" ht="120" customHeight="1">
      <c r="A26" s="249" t="s">
        <v>1496</v>
      </c>
      <c r="B26" s="400" t="s">
        <v>2962</v>
      </c>
      <c r="C26" s="400" t="s">
        <v>27</v>
      </c>
      <c r="D26" s="400" t="s">
        <v>2960</v>
      </c>
      <c r="E26" s="413" t="s">
        <v>2959</v>
      </c>
      <c r="F26" s="408">
        <v>45259</v>
      </c>
      <c r="G26" s="408" t="s">
        <v>63</v>
      </c>
      <c r="H26" s="400" t="s">
        <v>10</v>
      </c>
      <c r="I26" s="513"/>
      <c r="J26" s="400">
        <v>1</v>
      </c>
      <c r="K26" s="400">
        <v>8</v>
      </c>
      <c r="L26" s="400">
        <v>1</v>
      </c>
      <c r="M26" s="400"/>
      <c r="N26" s="400"/>
      <c r="O26" s="400" t="s">
        <v>1187</v>
      </c>
      <c r="P26" s="316"/>
      <c r="Q26" s="414"/>
      <c r="R26" s="400">
        <v>100</v>
      </c>
    </row>
    <row r="27" spans="1:18" s="404" customFormat="1" ht="120" customHeight="1">
      <c r="A27" s="249" t="s">
        <v>1167</v>
      </c>
      <c r="B27" s="400" t="s">
        <v>2961</v>
      </c>
      <c r="C27" s="400" t="s">
        <v>27</v>
      </c>
      <c r="D27" s="400" t="s">
        <v>2960</v>
      </c>
      <c r="E27" s="413" t="s">
        <v>2959</v>
      </c>
      <c r="F27" s="408">
        <v>45259</v>
      </c>
      <c r="G27" s="408" t="s">
        <v>63</v>
      </c>
      <c r="H27" s="400" t="s">
        <v>10</v>
      </c>
      <c r="I27" s="513"/>
      <c r="J27" s="400">
        <v>1</v>
      </c>
      <c r="K27" s="400">
        <v>8</v>
      </c>
      <c r="L27" s="400">
        <v>1</v>
      </c>
      <c r="M27" s="400"/>
      <c r="N27" s="400"/>
      <c r="O27" s="400" t="s">
        <v>1187</v>
      </c>
      <c r="P27" s="316"/>
      <c r="Q27" s="414"/>
      <c r="R27" s="400">
        <v>100</v>
      </c>
    </row>
    <row r="28" spans="1:18" s="404" customFormat="1" ht="120" customHeight="1">
      <c r="A28" s="249" t="s">
        <v>240</v>
      </c>
      <c r="B28" s="400" t="s">
        <v>2958</v>
      </c>
      <c r="C28" s="400" t="s">
        <v>27</v>
      </c>
      <c r="D28" s="400" t="s">
        <v>2957</v>
      </c>
      <c r="E28" s="413" t="s">
        <v>2956</v>
      </c>
      <c r="F28" s="408">
        <v>44979</v>
      </c>
      <c r="G28" s="408"/>
      <c r="H28" s="400" t="s">
        <v>10</v>
      </c>
      <c r="I28" s="513"/>
      <c r="J28" s="400">
        <v>1</v>
      </c>
      <c r="K28" s="400">
        <v>8</v>
      </c>
      <c r="L28" s="400">
        <v>0</v>
      </c>
      <c r="M28" s="400"/>
      <c r="N28" s="400"/>
      <c r="O28" s="400" t="s">
        <v>732</v>
      </c>
      <c r="P28" s="316"/>
      <c r="Q28" s="409" t="s">
        <v>2426</v>
      </c>
      <c r="R28" s="400">
        <v>108</v>
      </c>
    </row>
    <row r="29" spans="1:18" s="404" customFormat="1" ht="120" customHeight="1">
      <c r="A29" s="249" t="s">
        <v>1491</v>
      </c>
      <c r="B29" s="400" t="s">
        <v>2955</v>
      </c>
      <c r="C29" s="400" t="s">
        <v>15</v>
      </c>
      <c r="D29" s="400" t="s">
        <v>2954</v>
      </c>
      <c r="E29" s="413" t="s">
        <v>2953</v>
      </c>
      <c r="F29" s="408">
        <v>41729</v>
      </c>
      <c r="G29" s="400" t="s">
        <v>395</v>
      </c>
      <c r="H29" s="400" t="s">
        <v>10</v>
      </c>
      <c r="I29" s="513"/>
      <c r="J29" s="400">
        <v>1</v>
      </c>
      <c r="K29" s="400">
        <v>8</v>
      </c>
      <c r="L29" s="400">
        <v>1</v>
      </c>
      <c r="M29" s="400"/>
      <c r="N29" s="400"/>
      <c r="O29" s="400" t="s">
        <v>732</v>
      </c>
      <c r="P29" s="316"/>
      <c r="Q29" s="414"/>
      <c r="R29" s="400">
        <v>100</v>
      </c>
    </row>
    <row r="30" spans="1:18" s="404" customFormat="1" ht="120" customHeight="1">
      <c r="A30" s="249" t="s">
        <v>1487</v>
      </c>
      <c r="B30" s="400" t="s">
        <v>2952</v>
      </c>
      <c r="C30" s="400" t="s">
        <v>15</v>
      </c>
      <c r="D30" s="400" t="s">
        <v>2951</v>
      </c>
      <c r="E30" s="413" t="s">
        <v>2950</v>
      </c>
      <c r="F30" s="408">
        <v>39324</v>
      </c>
      <c r="G30" s="408" t="s">
        <v>348</v>
      </c>
      <c r="H30" s="400" t="s">
        <v>10</v>
      </c>
      <c r="I30" s="513"/>
      <c r="J30" s="400">
        <v>1</v>
      </c>
      <c r="K30" s="400">
        <v>8</v>
      </c>
      <c r="L30" s="400">
        <v>1</v>
      </c>
      <c r="M30" s="400"/>
      <c r="N30" s="400"/>
      <c r="O30" s="400" t="s">
        <v>1187</v>
      </c>
      <c r="P30" s="316"/>
      <c r="Q30" s="414"/>
      <c r="R30" s="400">
        <v>120</v>
      </c>
    </row>
    <row r="31" spans="1:18" s="404" customFormat="1" ht="120" customHeight="1">
      <c r="A31" s="249" t="s">
        <v>1483</v>
      </c>
      <c r="B31" s="400" t="s">
        <v>4371</v>
      </c>
      <c r="C31" s="400" t="s">
        <v>15</v>
      </c>
      <c r="D31" s="400" t="s">
        <v>2951</v>
      </c>
      <c r="E31" s="413" t="s">
        <v>2950</v>
      </c>
      <c r="F31" s="408">
        <v>39324</v>
      </c>
      <c r="G31" s="408" t="s">
        <v>348</v>
      </c>
      <c r="H31" s="400" t="s">
        <v>10</v>
      </c>
      <c r="I31" s="513"/>
      <c r="J31" s="400">
        <v>1</v>
      </c>
      <c r="K31" s="400">
        <v>8</v>
      </c>
      <c r="L31" s="400">
        <v>1</v>
      </c>
      <c r="M31" s="400"/>
      <c r="N31" s="400"/>
      <c r="O31" s="400" t="s">
        <v>1187</v>
      </c>
      <c r="P31" s="316"/>
      <c r="Q31" s="414"/>
      <c r="R31" s="400">
        <v>120</v>
      </c>
    </row>
    <row r="32" spans="1:18" s="404" customFormat="1" ht="197.25" customHeight="1">
      <c r="A32" s="249" t="s">
        <v>1478</v>
      </c>
      <c r="B32" s="400" t="s">
        <v>4372</v>
      </c>
      <c r="C32" s="400" t="s">
        <v>15</v>
      </c>
      <c r="D32" s="400" t="s">
        <v>2951</v>
      </c>
      <c r="E32" s="413" t="s">
        <v>2950</v>
      </c>
      <c r="F32" s="408">
        <v>39324</v>
      </c>
      <c r="G32" s="408" t="s">
        <v>348</v>
      </c>
      <c r="H32" s="400" t="s">
        <v>10</v>
      </c>
      <c r="I32" s="513"/>
      <c r="J32" s="400">
        <v>1</v>
      </c>
      <c r="K32" s="400">
        <v>8</v>
      </c>
      <c r="L32" s="400">
        <v>1</v>
      </c>
      <c r="M32" s="400"/>
      <c r="N32" s="400"/>
      <c r="O32" s="400" t="s">
        <v>1187</v>
      </c>
      <c r="P32" s="316"/>
      <c r="Q32" s="414"/>
      <c r="R32" s="400">
        <v>120</v>
      </c>
    </row>
    <row r="33" spans="1:19" s="404" customFormat="1" ht="120" customHeight="1">
      <c r="A33" s="249" t="s">
        <v>1476</v>
      </c>
      <c r="B33" s="400" t="s">
        <v>4373</v>
      </c>
      <c r="C33" s="400" t="s">
        <v>15</v>
      </c>
      <c r="D33" s="400" t="s">
        <v>2948</v>
      </c>
      <c r="E33" s="413" t="s">
        <v>2947</v>
      </c>
      <c r="F33" s="408">
        <v>39681</v>
      </c>
      <c r="G33" s="438" t="s">
        <v>2946</v>
      </c>
      <c r="H33" s="400" t="s">
        <v>10</v>
      </c>
      <c r="I33" s="513"/>
      <c r="J33" s="400">
        <v>1</v>
      </c>
      <c r="K33" s="400">
        <v>6</v>
      </c>
      <c r="L33" s="400">
        <v>1</v>
      </c>
      <c r="M33" s="400"/>
      <c r="N33" s="400"/>
      <c r="O33" s="400" t="s">
        <v>1187</v>
      </c>
      <c r="P33" s="316"/>
      <c r="Q33" s="414"/>
      <c r="R33" s="400">
        <v>120</v>
      </c>
    </row>
    <row r="34" spans="1:19" s="404" customFormat="1" ht="120" customHeight="1">
      <c r="A34" s="249" t="s">
        <v>1472</v>
      </c>
      <c r="B34" s="400" t="s">
        <v>4374</v>
      </c>
      <c r="C34" s="400" t="s">
        <v>15</v>
      </c>
      <c r="D34" s="400" t="s">
        <v>2948</v>
      </c>
      <c r="E34" s="413" t="s">
        <v>2947</v>
      </c>
      <c r="F34" s="408">
        <v>39681</v>
      </c>
      <c r="G34" s="438" t="s">
        <v>2946</v>
      </c>
      <c r="H34" s="400" t="s">
        <v>10</v>
      </c>
      <c r="I34" s="513"/>
      <c r="J34" s="400">
        <v>1</v>
      </c>
      <c r="K34" s="400">
        <v>6</v>
      </c>
      <c r="L34" s="400">
        <v>1</v>
      </c>
      <c r="M34" s="400"/>
      <c r="N34" s="400"/>
      <c r="O34" s="400" t="s">
        <v>1187</v>
      </c>
      <c r="P34" s="316"/>
      <c r="Q34" s="414"/>
      <c r="R34" s="400">
        <v>120</v>
      </c>
    </row>
    <row r="35" spans="1:19" s="411" customFormat="1" ht="120" customHeight="1">
      <c r="A35" s="249" t="s">
        <v>1277</v>
      </c>
      <c r="B35" s="400" t="s">
        <v>4375</v>
      </c>
      <c r="C35" s="400" t="s">
        <v>15</v>
      </c>
      <c r="D35" s="400" t="s">
        <v>2948</v>
      </c>
      <c r="E35" s="413" t="s">
        <v>2947</v>
      </c>
      <c r="F35" s="408">
        <v>39681</v>
      </c>
      <c r="G35" s="438" t="s">
        <v>2946</v>
      </c>
      <c r="H35" s="400" t="s">
        <v>10</v>
      </c>
      <c r="I35" s="513"/>
      <c r="J35" s="400">
        <v>1</v>
      </c>
      <c r="K35" s="400">
        <v>8</v>
      </c>
      <c r="L35" s="400">
        <v>1</v>
      </c>
      <c r="M35" s="400"/>
      <c r="N35" s="400"/>
      <c r="O35" s="400" t="s">
        <v>1187</v>
      </c>
      <c r="P35" s="316"/>
      <c r="Q35" s="414"/>
      <c r="R35" s="400">
        <v>120</v>
      </c>
      <c r="S35" s="410"/>
    </row>
    <row r="36" spans="1:19" s="404" customFormat="1" ht="81" customHeight="1">
      <c r="A36" s="249" t="s">
        <v>1464</v>
      </c>
      <c r="B36" s="400" t="s">
        <v>2949</v>
      </c>
      <c r="C36" s="400" t="s">
        <v>15</v>
      </c>
      <c r="D36" s="400" t="s">
        <v>2948</v>
      </c>
      <c r="E36" s="413" t="s">
        <v>2947</v>
      </c>
      <c r="F36" s="408">
        <v>39681</v>
      </c>
      <c r="G36" s="438" t="s">
        <v>2946</v>
      </c>
      <c r="H36" s="400" t="s">
        <v>10</v>
      </c>
      <c r="I36" s="513"/>
      <c r="J36" s="400">
        <v>1</v>
      </c>
      <c r="K36" s="400">
        <v>14</v>
      </c>
      <c r="L36" s="400">
        <v>1</v>
      </c>
      <c r="M36" s="400"/>
      <c r="N36" s="400"/>
      <c r="O36" s="400" t="s">
        <v>1187</v>
      </c>
      <c r="P36" s="316"/>
      <c r="Q36" s="414"/>
      <c r="R36" s="400">
        <v>120</v>
      </c>
    </row>
    <row r="37" spans="1:19" s="412" customFormat="1" ht="87.6" customHeight="1">
      <c r="A37" s="249" t="s">
        <v>1160</v>
      </c>
      <c r="B37" s="400" t="s">
        <v>4376</v>
      </c>
      <c r="C37" s="400" t="s">
        <v>15</v>
      </c>
      <c r="D37" s="400" t="s">
        <v>2948</v>
      </c>
      <c r="E37" s="413" t="s">
        <v>2947</v>
      </c>
      <c r="F37" s="408">
        <v>39681</v>
      </c>
      <c r="G37" s="438" t="s">
        <v>2946</v>
      </c>
      <c r="H37" s="400" t="s">
        <v>10</v>
      </c>
      <c r="I37" s="513"/>
      <c r="J37" s="400">
        <v>1</v>
      </c>
      <c r="K37" s="400">
        <v>8</v>
      </c>
      <c r="L37" s="400">
        <v>1</v>
      </c>
      <c r="M37" s="400"/>
      <c r="N37" s="400"/>
      <c r="O37" s="400" t="s">
        <v>1187</v>
      </c>
      <c r="P37" s="316"/>
      <c r="Q37" s="414"/>
      <c r="R37" s="400">
        <v>120</v>
      </c>
    </row>
    <row r="38" spans="1:19" s="412" customFormat="1" ht="81" customHeight="1">
      <c r="A38" s="249" t="s">
        <v>1458</v>
      </c>
      <c r="B38" s="400" t="s">
        <v>4377</v>
      </c>
      <c r="C38" s="400" t="s">
        <v>15</v>
      </c>
      <c r="D38" s="400" t="s">
        <v>2948</v>
      </c>
      <c r="E38" s="413" t="s">
        <v>2947</v>
      </c>
      <c r="F38" s="408">
        <v>39681</v>
      </c>
      <c r="G38" s="438" t="s">
        <v>2946</v>
      </c>
      <c r="H38" s="400" t="s">
        <v>10</v>
      </c>
      <c r="I38" s="513"/>
      <c r="J38" s="400">
        <v>1</v>
      </c>
      <c r="K38" s="400">
        <v>6</v>
      </c>
      <c r="L38" s="400">
        <v>1</v>
      </c>
      <c r="M38" s="400"/>
      <c r="N38" s="400"/>
      <c r="O38" s="400" t="s">
        <v>1187</v>
      </c>
      <c r="P38" s="316"/>
      <c r="Q38" s="414"/>
      <c r="R38" s="400">
        <v>120</v>
      </c>
    </row>
    <row r="39" spans="1:19" s="404" customFormat="1" ht="120" customHeight="1">
      <c r="A39" s="249" t="s">
        <v>1454</v>
      </c>
      <c r="B39" s="400" t="s">
        <v>4378</v>
      </c>
      <c r="C39" s="400" t="s">
        <v>15</v>
      </c>
      <c r="D39" s="400" t="s">
        <v>2948</v>
      </c>
      <c r="E39" s="413" t="s">
        <v>2947</v>
      </c>
      <c r="F39" s="408">
        <v>39681</v>
      </c>
      <c r="G39" s="438" t="s">
        <v>2946</v>
      </c>
      <c r="H39" s="400" t="s">
        <v>10</v>
      </c>
      <c r="I39" s="513"/>
      <c r="J39" s="400">
        <v>1</v>
      </c>
      <c r="K39" s="400">
        <v>8</v>
      </c>
      <c r="L39" s="400">
        <v>1</v>
      </c>
      <c r="M39" s="400"/>
      <c r="N39" s="400"/>
      <c r="O39" s="400" t="s">
        <v>1187</v>
      </c>
      <c r="P39" s="316"/>
      <c r="Q39" s="414"/>
      <c r="R39" s="400">
        <v>120</v>
      </c>
    </row>
    <row r="40" spans="1:19" s="404" customFormat="1" ht="120" customHeight="1">
      <c r="A40" s="249" t="s">
        <v>1450</v>
      </c>
      <c r="B40" s="400" t="s">
        <v>4379</v>
      </c>
      <c r="C40" s="400" t="s">
        <v>15</v>
      </c>
      <c r="D40" s="400" t="s">
        <v>2948</v>
      </c>
      <c r="E40" s="413" t="s">
        <v>2947</v>
      </c>
      <c r="F40" s="408">
        <v>39681</v>
      </c>
      <c r="G40" s="438" t="s">
        <v>2946</v>
      </c>
      <c r="H40" s="400" t="s">
        <v>10</v>
      </c>
      <c r="I40" s="513"/>
      <c r="J40" s="400">
        <v>1</v>
      </c>
      <c r="K40" s="400">
        <v>8</v>
      </c>
      <c r="L40" s="400">
        <v>1</v>
      </c>
      <c r="M40" s="400"/>
      <c r="N40" s="400"/>
      <c r="O40" s="400" t="s">
        <v>1187</v>
      </c>
      <c r="P40" s="316"/>
      <c r="Q40" s="414"/>
      <c r="R40" s="400">
        <v>120</v>
      </c>
    </row>
    <row r="41" spans="1:19" s="404" customFormat="1" ht="120" customHeight="1">
      <c r="A41" s="249" t="s">
        <v>1447</v>
      </c>
      <c r="B41" s="400" t="s">
        <v>2945</v>
      </c>
      <c r="C41" s="400" t="s">
        <v>15</v>
      </c>
      <c r="D41" s="400" t="s">
        <v>2944</v>
      </c>
      <c r="E41" s="413" t="s">
        <v>2943</v>
      </c>
      <c r="F41" s="408">
        <v>42788</v>
      </c>
      <c r="G41" s="408" t="s">
        <v>926</v>
      </c>
      <c r="H41" s="400" t="s">
        <v>10</v>
      </c>
      <c r="I41" s="513"/>
      <c r="J41" s="400">
        <v>1</v>
      </c>
      <c r="K41" s="400">
        <v>10</v>
      </c>
      <c r="L41" s="400">
        <v>1</v>
      </c>
      <c r="M41" s="400"/>
      <c r="N41" s="400"/>
      <c r="O41" s="400" t="s">
        <v>1187</v>
      </c>
      <c r="P41" s="316"/>
      <c r="Q41" s="414"/>
      <c r="R41" s="400">
        <v>120</v>
      </c>
    </row>
    <row r="42" spans="1:19" s="404" customFormat="1" ht="120" customHeight="1">
      <c r="A42" s="249" t="s">
        <v>1443</v>
      </c>
      <c r="B42" s="400" t="s">
        <v>2942</v>
      </c>
      <c r="C42" s="400" t="s">
        <v>15</v>
      </c>
      <c r="D42" s="400" t="s">
        <v>2941</v>
      </c>
      <c r="E42" s="413" t="s">
        <v>2940</v>
      </c>
      <c r="F42" s="408">
        <v>41121</v>
      </c>
      <c r="G42" s="408" t="s">
        <v>1604</v>
      </c>
      <c r="H42" s="400" t="s">
        <v>10</v>
      </c>
      <c r="I42" s="513"/>
      <c r="J42" s="400">
        <v>1</v>
      </c>
      <c r="K42" s="400">
        <v>10</v>
      </c>
      <c r="L42" s="400">
        <v>1</v>
      </c>
      <c r="M42" s="400"/>
      <c r="N42" s="400"/>
      <c r="O42" s="400" t="s">
        <v>2858</v>
      </c>
      <c r="P42" s="316"/>
      <c r="Q42" s="414"/>
      <c r="R42" s="400">
        <v>120</v>
      </c>
    </row>
    <row r="43" spans="1:19" s="404" customFormat="1" ht="120" customHeight="1">
      <c r="A43" s="249" t="s">
        <v>1147</v>
      </c>
      <c r="B43" s="400" t="s">
        <v>2939</v>
      </c>
      <c r="C43" s="400" t="s">
        <v>15</v>
      </c>
      <c r="D43" s="400" t="s">
        <v>2938</v>
      </c>
      <c r="E43" s="413" t="s">
        <v>2937</v>
      </c>
      <c r="F43" s="408">
        <v>43342</v>
      </c>
      <c r="G43" s="408" t="s">
        <v>383</v>
      </c>
      <c r="H43" s="400" t="s">
        <v>10</v>
      </c>
      <c r="I43" s="513"/>
      <c r="J43" s="400">
        <v>1</v>
      </c>
      <c r="K43" s="400">
        <v>8</v>
      </c>
      <c r="L43" s="400">
        <v>1</v>
      </c>
      <c r="M43" s="400"/>
      <c r="N43" s="400"/>
      <c r="O43" s="400" t="s">
        <v>1187</v>
      </c>
      <c r="P43" s="440"/>
      <c r="Q43" s="441"/>
      <c r="R43" s="400">
        <v>120</v>
      </c>
    </row>
    <row r="44" spans="1:19" s="404" customFormat="1" ht="145.5" customHeight="1">
      <c r="A44" s="249" t="s">
        <v>1436</v>
      </c>
      <c r="B44" s="442" t="s">
        <v>2936</v>
      </c>
      <c r="C44" s="442" t="s">
        <v>15</v>
      </c>
      <c r="D44" s="442" t="s">
        <v>2935</v>
      </c>
      <c r="E44" s="443" t="s">
        <v>2934</v>
      </c>
      <c r="F44" s="444">
        <v>41948</v>
      </c>
      <c r="G44" s="400" t="s">
        <v>395</v>
      </c>
      <c r="H44" s="442" t="s">
        <v>10</v>
      </c>
      <c r="I44" s="1093"/>
      <c r="J44" s="442">
        <v>1</v>
      </c>
      <c r="K44" s="442">
        <v>4</v>
      </c>
      <c r="L44" s="442">
        <v>1</v>
      </c>
      <c r="M44" s="442"/>
      <c r="N44" s="442"/>
      <c r="O44" s="442"/>
      <c r="P44" s="445"/>
      <c r="Q44" s="446"/>
      <c r="R44" s="400">
        <v>60</v>
      </c>
    </row>
    <row r="45" spans="1:19" s="404" customFormat="1" ht="153" customHeight="1">
      <c r="A45" s="249" t="s">
        <v>1432</v>
      </c>
      <c r="B45" s="447" t="s">
        <v>2933</v>
      </c>
      <c r="C45" s="448" t="s">
        <v>15</v>
      </c>
      <c r="D45" s="400" t="s">
        <v>2931</v>
      </c>
      <c r="E45" s="398" t="s">
        <v>2930</v>
      </c>
      <c r="F45" s="449">
        <v>41408</v>
      </c>
      <c r="G45" s="408" t="s">
        <v>383</v>
      </c>
      <c r="H45" s="400" t="s">
        <v>10</v>
      </c>
      <c r="I45" s="513"/>
      <c r="J45" s="447">
        <v>1</v>
      </c>
      <c r="K45" s="447">
        <v>6</v>
      </c>
      <c r="L45" s="447">
        <v>1</v>
      </c>
      <c r="M45" s="447"/>
      <c r="N45" s="447"/>
      <c r="O45" s="450"/>
      <c r="P45" s="451"/>
      <c r="Q45" s="414"/>
      <c r="R45" s="448">
        <v>120</v>
      </c>
    </row>
    <row r="46" spans="1:19" s="259" customFormat="1" ht="120" customHeight="1">
      <c r="A46" s="249" t="s">
        <v>1428</v>
      </c>
      <c r="B46" s="447" t="s">
        <v>2932</v>
      </c>
      <c r="C46" s="448" t="s">
        <v>15</v>
      </c>
      <c r="D46" s="400" t="s">
        <v>2931</v>
      </c>
      <c r="E46" s="398" t="s">
        <v>2930</v>
      </c>
      <c r="F46" s="449">
        <v>41408</v>
      </c>
      <c r="G46" s="408" t="s">
        <v>383</v>
      </c>
      <c r="H46" s="400" t="s">
        <v>10</v>
      </c>
      <c r="I46" s="513"/>
      <c r="J46" s="447">
        <v>1</v>
      </c>
      <c r="K46" s="447">
        <v>10</v>
      </c>
      <c r="L46" s="447">
        <v>1</v>
      </c>
      <c r="M46" s="447"/>
      <c r="N46" s="447"/>
      <c r="O46" s="450"/>
      <c r="P46" s="451"/>
      <c r="Q46" s="414"/>
      <c r="R46" s="448">
        <v>120</v>
      </c>
    </row>
    <row r="47" spans="1:19" s="404" customFormat="1" ht="120" customHeight="1">
      <c r="A47" s="249" t="s">
        <v>1424</v>
      </c>
      <c r="B47" s="400" t="s">
        <v>2929</v>
      </c>
      <c r="C47" s="400" t="s">
        <v>15</v>
      </c>
      <c r="D47" s="400" t="s">
        <v>2928</v>
      </c>
      <c r="E47" s="413" t="s">
        <v>2927</v>
      </c>
      <c r="F47" s="408">
        <v>39233</v>
      </c>
      <c r="G47" s="408" t="s">
        <v>2926</v>
      </c>
      <c r="H47" s="400" t="s">
        <v>10</v>
      </c>
      <c r="I47" s="513"/>
      <c r="J47" s="400">
        <v>1</v>
      </c>
      <c r="K47" s="400">
        <v>6</v>
      </c>
      <c r="L47" s="400">
        <v>1</v>
      </c>
      <c r="M47" s="400"/>
      <c r="N47" s="400"/>
      <c r="O47" s="400" t="s">
        <v>732</v>
      </c>
      <c r="P47" s="316"/>
      <c r="Q47" s="414"/>
      <c r="R47" s="400">
        <v>120</v>
      </c>
    </row>
    <row r="48" spans="1:19" s="404" customFormat="1" ht="120" customHeight="1">
      <c r="A48" s="249" t="s">
        <v>1420</v>
      </c>
      <c r="B48" s="400" t="s">
        <v>2925</v>
      </c>
      <c r="C48" s="400" t="s">
        <v>15</v>
      </c>
      <c r="D48" s="400" t="s">
        <v>2924</v>
      </c>
      <c r="E48" s="413" t="s">
        <v>2923</v>
      </c>
      <c r="F48" s="408">
        <v>43203</v>
      </c>
      <c r="G48" s="408" t="s">
        <v>1604</v>
      </c>
      <c r="H48" s="400" t="s">
        <v>10</v>
      </c>
      <c r="I48" s="513"/>
      <c r="J48" s="400">
        <v>1</v>
      </c>
      <c r="K48" s="400">
        <v>6</v>
      </c>
      <c r="L48" s="400">
        <v>1</v>
      </c>
      <c r="M48" s="400"/>
      <c r="N48" s="400"/>
      <c r="O48" s="400" t="s">
        <v>1187</v>
      </c>
      <c r="P48" s="316"/>
      <c r="Q48" s="414"/>
      <c r="R48" s="400">
        <v>120</v>
      </c>
    </row>
    <row r="49" spans="1:19" s="404" customFormat="1" ht="120" customHeight="1">
      <c r="A49" s="249" t="s">
        <v>1415</v>
      </c>
      <c r="B49" s="400" t="s">
        <v>4380</v>
      </c>
      <c r="C49" s="400" t="s">
        <v>15</v>
      </c>
      <c r="D49" s="400" t="s">
        <v>2922</v>
      </c>
      <c r="E49" s="413" t="s">
        <v>1573</v>
      </c>
      <c r="F49" s="408">
        <v>43742</v>
      </c>
      <c r="G49" s="408" t="s">
        <v>383</v>
      </c>
      <c r="H49" s="400" t="s">
        <v>10</v>
      </c>
      <c r="I49" s="513"/>
      <c r="J49" s="400">
        <v>1</v>
      </c>
      <c r="K49" s="400">
        <v>10</v>
      </c>
      <c r="L49" s="400">
        <v>1</v>
      </c>
      <c r="M49" s="400"/>
      <c r="N49" s="400"/>
      <c r="O49" s="400" t="s">
        <v>1187</v>
      </c>
      <c r="P49" s="316"/>
      <c r="Q49" s="414"/>
      <c r="R49" s="400">
        <v>120</v>
      </c>
    </row>
    <row r="50" spans="1:19" s="411" customFormat="1" ht="120" customHeight="1">
      <c r="A50" s="249" t="s">
        <v>1413</v>
      </c>
      <c r="B50" s="400" t="s">
        <v>2921</v>
      </c>
      <c r="C50" s="400" t="s">
        <v>15</v>
      </c>
      <c r="D50" s="400" t="s">
        <v>2920</v>
      </c>
      <c r="E50" s="413" t="s">
        <v>2919</v>
      </c>
      <c r="F50" s="408">
        <v>44267</v>
      </c>
      <c r="G50" s="408" t="s">
        <v>383</v>
      </c>
      <c r="H50" s="400" t="s">
        <v>10</v>
      </c>
      <c r="I50" s="513"/>
      <c r="J50" s="400">
        <v>5</v>
      </c>
      <c r="K50" s="400">
        <v>14</v>
      </c>
      <c r="L50" s="400">
        <v>5</v>
      </c>
      <c r="M50" s="400"/>
      <c r="N50" s="400"/>
      <c r="O50" s="400" t="s">
        <v>1187</v>
      </c>
      <c r="P50" s="316"/>
      <c r="Q50" s="414"/>
      <c r="R50" s="400">
        <v>120</v>
      </c>
      <c r="S50" s="410"/>
    </row>
    <row r="51" spans="1:19" s="404" customFormat="1" ht="120" customHeight="1">
      <c r="A51" s="249" t="s">
        <v>1408</v>
      </c>
      <c r="B51" s="400" t="s">
        <v>2918</v>
      </c>
      <c r="C51" s="400" t="s">
        <v>15</v>
      </c>
      <c r="D51" s="400" t="s">
        <v>2745</v>
      </c>
      <c r="E51" s="413" t="s">
        <v>2917</v>
      </c>
      <c r="F51" s="408">
        <v>38526</v>
      </c>
      <c r="G51" s="400" t="s">
        <v>125</v>
      </c>
      <c r="H51" s="400" t="s">
        <v>10</v>
      </c>
      <c r="I51" s="513"/>
      <c r="J51" s="400">
        <v>1</v>
      </c>
      <c r="K51" s="400">
        <v>20</v>
      </c>
      <c r="L51" s="400">
        <v>1</v>
      </c>
      <c r="M51" s="400"/>
      <c r="N51" s="400"/>
      <c r="O51" s="400" t="s">
        <v>1187</v>
      </c>
      <c r="P51" s="316"/>
      <c r="Q51" s="414"/>
      <c r="R51" s="400">
        <v>250</v>
      </c>
    </row>
    <row r="52" spans="1:19" s="404" customFormat="1" ht="120" customHeight="1">
      <c r="A52" s="249" t="s">
        <v>1402</v>
      </c>
      <c r="B52" s="400" t="s">
        <v>2916</v>
      </c>
      <c r="C52" s="400" t="s">
        <v>15</v>
      </c>
      <c r="D52" s="400" t="s">
        <v>2915</v>
      </c>
      <c r="E52" s="413" t="s">
        <v>2914</v>
      </c>
      <c r="F52" s="408">
        <v>44158</v>
      </c>
      <c r="G52" s="408" t="s">
        <v>383</v>
      </c>
      <c r="H52" s="400" t="s">
        <v>10</v>
      </c>
      <c r="I52" s="513"/>
      <c r="J52" s="400">
        <v>2</v>
      </c>
      <c r="K52" s="400">
        <v>10</v>
      </c>
      <c r="L52" s="400">
        <v>1</v>
      </c>
      <c r="M52" s="400">
        <v>2021</v>
      </c>
      <c r="N52" s="400"/>
      <c r="O52" s="400" t="s">
        <v>1187</v>
      </c>
      <c r="P52" s="400" t="s">
        <v>2913</v>
      </c>
      <c r="Q52" s="414"/>
      <c r="R52" s="400">
        <v>100</v>
      </c>
    </row>
    <row r="53" spans="1:19" s="404" customFormat="1" ht="120" customHeight="1">
      <c r="A53" s="249" t="s">
        <v>1399</v>
      </c>
      <c r="B53" s="400" t="s">
        <v>2912</v>
      </c>
      <c r="C53" s="400" t="s">
        <v>15</v>
      </c>
      <c r="D53" s="400" t="s">
        <v>2911</v>
      </c>
      <c r="E53" s="413" t="s">
        <v>2910</v>
      </c>
      <c r="F53" s="408">
        <v>40955</v>
      </c>
      <c r="G53" s="408" t="s">
        <v>63</v>
      </c>
      <c r="H53" s="400" t="s">
        <v>2909</v>
      </c>
      <c r="I53" s="513"/>
      <c r="J53" s="400">
        <v>5</v>
      </c>
      <c r="K53" s="400">
        <v>10</v>
      </c>
      <c r="L53" s="400">
        <v>2</v>
      </c>
      <c r="M53" s="400"/>
      <c r="N53" s="400"/>
      <c r="O53" s="400" t="s">
        <v>2908</v>
      </c>
      <c r="P53" s="400" t="s">
        <v>2907</v>
      </c>
      <c r="Q53" s="414"/>
      <c r="R53" s="400">
        <v>100</v>
      </c>
    </row>
    <row r="54" spans="1:19" s="404" customFormat="1" ht="120" customHeight="1">
      <c r="A54" s="249" t="s">
        <v>1395</v>
      </c>
      <c r="B54" s="400" t="s">
        <v>2906</v>
      </c>
      <c r="C54" s="400" t="s">
        <v>15</v>
      </c>
      <c r="D54" s="400" t="s">
        <v>2905</v>
      </c>
      <c r="E54" s="398" t="s">
        <v>2904</v>
      </c>
      <c r="F54" s="408">
        <v>44384</v>
      </c>
      <c r="G54" s="408" t="s">
        <v>383</v>
      </c>
      <c r="H54" s="400" t="s">
        <v>10</v>
      </c>
      <c r="I54" s="513"/>
      <c r="J54" s="400">
        <v>1</v>
      </c>
      <c r="K54" s="400">
        <v>8</v>
      </c>
      <c r="L54" s="400">
        <v>1</v>
      </c>
      <c r="M54" s="400"/>
      <c r="N54" s="400"/>
      <c r="O54" s="400"/>
      <c r="P54" s="452"/>
      <c r="Q54" s="453"/>
      <c r="R54" s="400">
        <v>120</v>
      </c>
    </row>
    <row r="55" spans="1:19" s="404" customFormat="1" ht="120" customHeight="1">
      <c r="A55" s="249" t="s">
        <v>1391</v>
      </c>
      <c r="B55" s="400" t="s">
        <v>2903</v>
      </c>
      <c r="C55" s="400" t="s">
        <v>15</v>
      </c>
      <c r="D55" s="400" t="s">
        <v>2902</v>
      </c>
      <c r="E55" s="413" t="s">
        <v>2901</v>
      </c>
      <c r="F55" s="408" t="s">
        <v>2900</v>
      </c>
      <c r="G55" s="400" t="s">
        <v>4103</v>
      </c>
      <c r="H55" s="400" t="s">
        <v>2899</v>
      </c>
      <c r="I55" s="513"/>
      <c r="J55" s="400">
        <v>6</v>
      </c>
      <c r="K55" s="400">
        <v>17</v>
      </c>
      <c r="L55" s="400">
        <v>1</v>
      </c>
      <c r="M55" s="400"/>
      <c r="N55" s="400"/>
      <c r="O55" s="400"/>
      <c r="P55" s="316"/>
      <c r="Q55" s="409" t="s">
        <v>2898</v>
      </c>
      <c r="R55" s="400">
        <v>120</v>
      </c>
    </row>
    <row r="56" spans="1:19" s="404" customFormat="1" ht="120" customHeight="1">
      <c r="A56" s="249" t="s">
        <v>1386</v>
      </c>
      <c r="B56" s="400" t="s">
        <v>2897</v>
      </c>
      <c r="C56" s="400" t="s">
        <v>27</v>
      </c>
      <c r="D56" s="400" t="s">
        <v>2896</v>
      </c>
      <c r="E56" s="413" t="s">
        <v>2895</v>
      </c>
      <c r="F56" s="408">
        <v>44673</v>
      </c>
      <c r="G56" s="438"/>
      <c r="H56" s="400" t="s">
        <v>10</v>
      </c>
      <c r="I56" s="513"/>
      <c r="J56" s="400">
        <v>1</v>
      </c>
      <c r="K56" s="400">
        <v>6</v>
      </c>
      <c r="L56" s="400">
        <v>0</v>
      </c>
      <c r="M56" s="400"/>
      <c r="N56" s="400"/>
      <c r="O56" s="400" t="s">
        <v>1187</v>
      </c>
      <c r="P56" s="316"/>
      <c r="Q56" s="414"/>
      <c r="R56" s="400">
        <v>120</v>
      </c>
    </row>
    <row r="57" spans="1:19" s="404" customFormat="1" ht="120" customHeight="1">
      <c r="A57" s="249" t="s">
        <v>1380</v>
      </c>
      <c r="B57" s="400" t="s">
        <v>2894</v>
      </c>
      <c r="C57" s="400" t="s">
        <v>27</v>
      </c>
      <c r="D57" s="400" t="s">
        <v>2893</v>
      </c>
      <c r="E57" s="413" t="s">
        <v>2892</v>
      </c>
      <c r="F57" s="408">
        <v>44509</v>
      </c>
      <c r="G57" s="400"/>
      <c r="H57" s="400" t="s">
        <v>10</v>
      </c>
      <c r="I57" s="513"/>
      <c r="J57" s="400">
        <v>1</v>
      </c>
      <c r="K57" s="400">
        <v>4</v>
      </c>
      <c r="L57" s="400">
        <v>0</v>
      </c>
      <c r="M57" s="400"/>
      <c r="N57" s="400"/>
      <c r="O57" s="400" t="s">
        <v>2858</v>
      </c>
      <c r="P57" s="316"/>
      <c r="Q57" s="414"/>
      <c r="R57" s="400">
        <v>120</v>
      </c>
    </row>
    <row r="58" spans="1:19" s="404" customFormat="1" ht="120" customHeight="1">
      <c r="A58" s="249" t="s">
        <v>1375</v>
      </c>
      <c r="B58" s="400" t="s">
        <v>2891</v>
      </c>
      <c r="C58" s="400" t="s">
        <v>27</v>
      </c>
      <c r="D58" s="400" t="s">
        <v>2889</v>
      </c>
      <c r="E58" s="413" t="s">
        <v>2888</v>
      </c>
      <c r="F58" s="408">
        <v>44092</v>
      </c>
      <c r="G58" s="440"/>
      <c r="H58" s="400" t="s">
        <v>10</v>
      </c>
      <c r="I58" s="513"/>
      <c r="J58" s="400">
        <v>1</v>
      </c>
      <c r="K58" s="400">
        <v>14</v>
      </c>
      <c r="L58" s="400">
        <v>0</v>
      </c>
      <c r="M58" s="400"/>
      <c r="N58" s="400"/>
      <c r="O58" s="400" t="s">
        <v>1187</v>
      </c>
      <c r="P58" s="440"/>
      <c r="Q58" s="441"/>
      <c r="R58" s="400">
        <v>120</v>
      </c>
    </row>
    <row r="59" spans="1:19" s="404" customFormat="1" ht="120" customHeight="1">
      <c r="A59" s="249" t="s">
        <v>1371</v>
      </c>
      <c r="B59" s="400" t="s">
        <v>2890</v>
      </c>
      <c r="C59" s="400" t="s">
        <v>27</v>
      </c>
      <c r="D59" s="400" t="s">
        <v>2889</v>
      </c>
      <c r="E59" s="413" t="s">
        <v>2888</v>
      </c>
      <c r="F59" s="408">
        <v>44092</v>
      </c>
      <c r="G59" s="438"/>
      <c r="H59" s="400" t="s">
        <v>10</v>
      </c>
      <c r="I59" s="513"/>
      <c r="J59" s="400">
        <v>1</v>
      </c>
      <c r="K59" s="400">
        <v>6</v>
      </c>
      <c r="L59" s="400">
        <v>0</v>
      </c>
      <c r="M59" s="400"/>
      <c r="N59" s="400"/>
      <c r="O59" s="400" t="s">
        <v>1187</v>
      </c>
      <c r="P59" s="316"/>
      <c r="Q59" s="414"/>
      <c r="R59" s="400">
        <v>50</v>
      </c>
    </row>
    <row r="60" spans="1:19" s="404" customFormat="1" ht="120" customHeight="1">
      <c r="A60" s="249" t="s">
        <v>1368</v>
      </c>
      <c r="B60" s="400" t="s">
        <v>2887</v>
      </c>
      <c r="C60" s="400" t="s">
        <v>27</v>
      </c>
      <c r="D60" s="400" t="s">
        <v>2886</v>
      </c>
      <c r="E60" s="413" t="s">
        <v>2885</v>
      </c>
      <c r="F60" s="408">
        <v>44019</v>
      </c>
      <c r="G60" s="438"/>
      <c r="H60" s="400" t="s">
        <v>10</v>
      </c>
      <c r="I60" s="513"/>
      <c r="J60" s="400">
        <v>4</v>
      </c>
      <c r="K60" s="400">
        <v>8</v>
      </c>
      <c r="L60" s="400">
        <v>0</v>
      </c>
      <c r="M60" s="400"/>
      <c r="N60" s="400"/>
      <c r="O60" s="400" t="s">
        <v>1187</v>
      </c>
      <c r="P60" s="316"/>
      <c r="Q60" s="414"/>
      <c r="R60" s="400">
        <v>120</v>
      </c>
    </row>
    <row r="61" spans="1:19" s="404" customFormat="1" ht="120" customHeight="1">
      <c r="A61" s="249" t="s">
        <v>1276</v>
      </c>
      <c r="B61" s="400" t="s">
        <v>2884</v>
      </c>
      <c r="C61" s="400" t="s">
        <v>27</v>
      </c>
      <c r="D61" s="400" t="s">
        <v>2883</v>
      </c>
      <c r="E61" s="413" t="s">
        <v>2882</v>
      </c>
      <c r="F61" s="408">
        <v>44144</v>
      </c>
      <c r="G61" s="438"/>
      <c r="H61" s="400" t="s">
        <v>10</v>
      </c>
      <c r="I61" s="513"/>
      <c r="J61" s="400">
        <v>1</v>
      </c>
      <c r="K61" s="400">
        <v>8</v>
      </c>
      <c r="L61" s="400">
        <v>0</v>
      </c>
      <c r="M61" s="400"/>
      <c r="N61" s="400"/>
      <c r="O61" s="400" t="s">
        <v>1187</v>
      </c>
      <c r="P61" s="316"/>
      <c r="Q61" s="414"/>
      <c r="R61" s="400">
        <v>150</v>
      </c>
    </row>
    <row r="62" spans="1:19" s="404" customFormat="1" ht="120" customHeight="1">
      <c r="A62" s="249" t="s">
        <v>1359</v>
      </c>
      <c r="B62" s="400" t="s">
        <v>2881</v>
      </c>
      <c r="C62" s="400" t="s">
        <v>27</v>
      </c>
      <c r="D62" s="400" t="s">
        <v>2880</v>
      </c>
      <c r="E62" s="413" t="s">
        <v>2879</v>
      </c>
      <c r="F62" s="408">
        <v>44130</v>
      </c>
      <c r="G62" s="438"/>
      <c r="H62" s="400" t="s">
        <v>10</v>
      </c>
      <c r="I62" s="513"/>
      <c r="J62" s="400">
        <v>1</v>
      </c>
      <c r="K62" s="400">
        <v>8</v>
      </c>
      <c r="L62" s="400">
        <v>0</v>
      </c>
      <c r="M62" s="400"/>
      <c r="N62" s="400"/>
      <c r="O62" s="400" t="s">
        <v>2858</v>
      </c>
      <c r="P62" s="316"/>
      <c r="Q62" s="414"/>
      <c r="R62" s="400">
        <v>120</v>
      </c>
    </row>
    <row r="63" spans="1:19" s="404" customFormat="1" ht="120" customHeight="1">
      <c r="A63" s="249" t="s">
        <v>1358</v>
      </c>
      <c r="B63" s="400" t="s">
        <v>2878</v>
      </c>
      <c r="C63" s="400" t="s">
        <v>27</v>
      </c>
      <c r="D63" s="400" t="s">
        <v>2877</v>
      </c>
      <c r="E63" s="413" t="s">
        <v>2876</v>
      </c>
      <c r="F63" s="408">
        <v>44028</v>
      </c>
      <c r="G63" s="438"/>
      <c r="H63" s="400" t="s">
        <v>10</v>
      </c>
      <c r="I63" s="513"/>
      <c r="J63" s="400">
        <v>1</v>
      </c>
      <c r="K63" s="400">
        <v>6</v>
      </c>
      <c r="L63" s="400">
        <v>0</v>
      </c>
      <c r="M63" s="400"/>
      <c r="N63" s="400"/>
      <c r="O63" s="400" t="s">
        <v>733</v>
      </c>
      <c r="P63" s="316"/>
      <c r="Q63" s="414"/>
      <c r="R63" s="400">
        <v>120</v>
      </c>
    </row>
    <row r="64" spans="1:19" s="404" customFormat="1" ht="120" customHeight="1">
      <c r="A64" s="249" t="s">
        <v>1355</v>
      </c>
      <c r="B64" s="400" t="s">
        <v>2875</v>
      </c>
      <c r="C64" s="400" t="s">
        <v>27</v>
      </c>
      <c r="D64" s="400" t="s">
        <v>2874</v>
      </c>
      <c r="E64" s="413" t="s">
        <v>2873</v>
      </c>
      <c r="F64" s="408">
        <v>44235</v>
      </c>
      <c r="G64" s="438"/>
      <c r="H64" s="400" t="s">
        <v>10</v>
      </c>
      <c r="I64" s="513"/>
      <c r="J64" s="400">
        <v>1</v>
      </c>
      <c r="K64" s="400">
        <v>10</v>
      </c>
      <c r="L64" s="400">
        <v>0</v>
      </c>
      <c r="M64" s="400"/>
      <c r="N64" s="400"/>
      <c r="O64" s="400" t="s">
        <v>2858</v>
      </c>
      <c r="P64" s="316"/>
      <c r="Q64" s="414"/>
      <c r="R64" s="400">
        <v>120</v>
      </c>
    </row>
    <row r="65" spans="1:18" s="404" customFormat="1" ht="120" customHeight="1">
      <c r="A65" s="249" t="s">
        <v>1351</v>
      </c>
      <c r="B65" s="400" t="s">
        <v>2825</v>
      </c>
      <c r="C65" s="400" t="s">
        <v>27</v>
      </c>
      <c r="D65" s="400" t="s">
        <v>2872</v>
      </c>
      <c r="E65" s="413" t="s">
        <v>2871</v>
      </c>
      <c r="F65" s="408">
        <v>44327</v>
      </c>
      <c r="G65" s="438"/>
      <c r="H65" s="400" t="s">
        <v>10</v>
      </c>
      <c r="I65" s="513"/>
      <c r="J65" s="400">
        <v>1</v>
      </c>
      <c r="K65" s="400">
        <v>6</v>
      </c>
      <c r="L65" s="400">
        <v>0</v>
      </c>
      <c r="M65" s="400"/>
      <c r="N65" s="400"/>
      <c r="O65" s="400" t="s">
        <v>733</v>
      </c>
      <c r="P65" s="316"/>
      <c r="Q65" s="414"/>
      <c r="R65" s="400">
        <v>120</v>
      </c>
    </row>
    <row r="66" spans="1:18" s="404" customFormat="1" ht="120" customHeight="1">
      <c r="A66" s="249" t="s">
        <v>1347</v>
      </c>
      <c r="B66" s="400" t="s">
        <v>2870</v>
      </c>
      <c r="C66" s="400" t="s">
        <v>27</v>
      </c>
      <c r="D66" s="400" t="s">
        <v>2869</v>
      </c>
      <c r="E66" s="413" t="s">
        <v>2868</v>
      </c>
      <c r="F66" s="408">
        <v>44390</v>
      </c>
      <c r="G66" s="438"/>
      <c r="H66" s="400" t="s">
        <v>10</v>
      </c>
      <c r="I66" s="513"/>
      <c r="J66" s="400">
        <v>1</v>
      </c>
      <c r="K66" s="400">
        <v>6</v>
      </c>
      <c r="L66" s="400">
        <v>0</v>
      </c>
      <c r="M66" s="400"/>
      <c r="N66" s="400"/>
      <c r="O66" s="400" t="s">
        <v>733</v>
      </c>
      <c r="P66" s="316"/>
      <c r="Q66" s="414"/>
      <c r="R66" s="400">
        <v>120</v>
      </c>
    </row>
    <row r="67" spans="1:18" s="404" customFormat="1" ht="120" customHeight="1">
      <c r="A67" s="249" t="s">
        <v>1340</v>
      </c>
      <c r="B67" s="400" t="s">
        <v>2867</v>
      </c>
      <c r="C67" s="400" t="s">
        <v>27</v>
      </c>
      <c r="D67" s="400" t="s">
        <v>2866</v>
      </c>
      <c r="E67" s="413" t="s">
        <v>2865</v>
      </c>
      <c r="F67" s="408">
        <v>44466</v>
      </c>
      <c r="G67" s="438"/>
      <c r="H67" s="400" t="s">
        <v>10</v>
      </c>
      <c r="I67" s="513"/>
      <c r="J67" s="400">
        <v>1</v>
      </c>
      <c r="K67" s="400">
        <v>6</v>
      </c>
      <c r="L67" s="400">
        <v>0</v>
      </c>
      <c r="M67" s="400"/>
      <c r="N67" s="400"/>
      <c r="O67" s="400" t="s">
        <v>2858</v>
      </c>
      <c r="P67" s="316"/>
      <c r="Q67" s="414"/>
      <c r="R67" s="400">
        <v>120</v>
      </c>
    </row>
    <row r="68" spans="1:18" s="404" customFormat="1" ht="120" customHeight="1">
      <c r="A68" s="249" t="s">
        <v>1336</v>
      </c>
      <c r="B68" s="400" t="s">
        <v>2864</v>
      </c>
      <c r="C68" s="400" t="s">
        <v>27</v>
      </c>
      <c r="D68" s="400" t="s">
        <v>2863</v>
      </c>
      <c r="E68" s="413" t="s">
        <v>2862</v>
      </c>
      <c r="F68" s="408">
        <v>44354</v>
      </c>
      <c r="G68" s="438"/>
      <c r="H68" s="400" t="s">
        <v>10</v>
      </c>
      <c r="I68" s="513"/>
      <c r="J68" s="400">
        <v>1</v>
      </c>
      <c r="K68" s="400">
        <v>6</v>
      </c>
      <c r="L68" s="400">
        <v>0</v>
      </c>
      <c r="M68" s="400"/>
      <c r="N68" s="400"/>
      <c r="O68" s="400" t="s">
        <v>2858</v>
      </c>
      <c r="P68" s="316"/>
      <c r="Q68" s="414"/>
      <c r="R68" s="400">
        <v>100</v>
      </c>
    </row>
    <row r="69" spans="1:18" s="404" customFormat="1" ht="120" customHeight="1">
      <c r="A69" s="249" t="s">
        <v>1332</v>
      </c>
      <c r="B69" s="400" t="s">
        <v>2861</v>
      </c>
      <c r="C69" s="400" t="s">
        <v>27</v>
      </c>
      <c r="D69" s="400" t="s">
        <v>2860</v>
      </c>
      <c r="E69" s="413" t="s">
        <v>2859</v>
      </c>
      <c r="F69" s="408">
        <v>44548</v>
      </c>
      <c r="G69" s="438"/>
      <c r="H69" s="400" t="s">
        <v>10</v>
      </c>
      <c r="I69" s="513"/>
      <c r="J69" s="400">
        <v>1</v>
      </c>
      <c r="K69" s="400">
        <v>6</v>
      </c>
      <c r="L69" s="400">
        <v>0</v>
      </c>
      <c r="M69" s="400"/>
      <c r="N69" s="400"/>
      <c r="O69" s="400" t="s">
        <v>2858</v>
      </c>
      <c r="P69" s="316"/>
      <c r="Q69" s="414"/>
      <c r="R69" s="400">
        <v>100</v>
      </c>
    </row>
    <row r="70" spans="1:18" s="404" customFormat="1" ht="120" customHeight="1">
      <c r="A70" s="249" t="s">
        <v>1327</v>
      </c>
      <c r="B70" s="400" t="s">
        <v>2857</v>
      </c>
      <c r="C70" s="400" t="s">
        <v>27</v>
      </c>
      <c r="D70" s="400" t="s">
        <v>2856</v>
      </c>
      <c r="E70" s="413" t="s">
        <v>2855</v>
      </c>
      <c r="F70" s="408">
        <v>44552</v>
      </c>
      <c r="G70" s="438"/>
      <c r="H70" s="400" t="s">
        <v>10</v>
      </c>
      <c r="I70" s="513"/>
      <c r="J70" s="400">
        <v>1</v>
      </c>
      <c r="K70" s="400">
        <v>6</v>
      </c>
      <c r="L70" s="400">
        <v>0</v>
      </c>
      <c r="M70" s="400"/>
      <c r="N70" s="400"/>
      <c r="O70" s="400" t="s">
        <v>1187</v>
      </c>
      <c r="P70" s="316"/>
      <c r="Q70" s="414"/>
      <c r="R70" s="400">
        <v>120</v>
      </c>
    </row>
    <row r="71" spans="1:18" s="404" customFormat="1" ht="120" customHeight="1">
      <c r="A71" s="249" t="s">
        <v>1319</v>
      </c>
      <c r="B71" s="400" t="s">
        <v>2854</v>
      </c>
      <c r="C71" s="400" t="s">
        <v>27</v>
      </c>
      <c r="D71" s="400" t="s">
        <v>2853</v>
      </c>
      <c r="E71" s="413" t="s">
        <v>2852</v>
      </c>
      <c r="F71" s="408">
        <v>44031</v>
      </c>
      <c r="G71" s="438"/>
      <c r="H71" s="400" t="s">
        <v>10</v>
      </c>
      <c r="I71" s="513"/>
      <c r="J71" s="400">
        <v>1</v>
      </c>
      <c r="K71" s="400">
        <v>6</v>
      </c>
      <c r="L71" s="400">
        <v>0</v>
      </c>
      <c r="M71" s="400"/>
      <c r="N71" s="400"/>
      <c r="O71" s="400" t="s">
        <v>1187</v>
      </c>
      <c r="P71" s="316"/>
      <c r="Q71" s="414"/>
      <c r="R71" s="400">
        <v>60</v>
      </c>
    </row>
    <row r="72" spans="1:18" s="404" customFormat="1" ht="120" customHeight="1">
      <c r="A72" s="249" t="s">
        <v>1318</v>
      </c>
      <c r="B72" s="400" t="s">
        <v>2851</v>
      </c>
      <c r="C72" s="400" t="s">
        <v>27</v>
      </c>
      <c r="D72" s="400" t="s">
        <v>2850</v>
      </c>
      <c r="E72" s="413" t="s">
        <v>2849</v>
      </c>
      <c r="F72" s="408">
        <v>44847</v>
      </c>
      <c r="G72" s="408"/>
      <c r="H72" s="400"/>
      <c r="I72" s="513"/>
      <c r="J72" s="400">
        <v>1</v>
      </c>
      <c r="K72" s="400">
        <v>6</v>
      </c>
      <c r="L72" s="400">
        <v>0</v>
      </c>
      <c r="M72" s="400">
        <v>2022</v>
      </c>
      <c r="N72" s="400"/>
      <c r="O72" s="400"/>
      <c r="P72" s="316"/>
      <c r="Q72" s="414"/>
      <c r="R72" s="400">
        <v>100</v>
      </c>
    </row>
    <row r="73" spans="1:18" s="404" customFormat="1" ht="120" customHeight="1">
      <c r="A73" s="249" t="s">
        <v>1316</v>
      </c>
      <c r="B73" s="400" t="s">
        <v>2848</v>
      </c>
      <c r="C73" s="400" t="s">
        <v>179</v>
      </c>
      <c r="D73" s="400" t="s">
        <v>2847</v>
      </c>
      <c r="E73" s="413" t="s">
        <v>2846</v>
      </c>
      <c r="F73" s="408">
        <v>38433</v>
      </c>
      <c r="G73" s="408" t="s">
        <v>63</v>
      </c>
      <c r="H73" s="400" t="s">
        <v>10</v>
      </c>
      <c r="I73" s="513"/>
      <c r="J73" s="400">
        <v>6</v>
      </c>
      <c r="K73" s="400">
        <v>24</v>
      </c>
      <c r="L73" s="400">
        <v>4</v>
      </c>
      <c r="M73" s="400"/>
      <c r="N73" s="400"/>
      <c r="O73" s="400" t="s">
        <v>1187</v>
      </c>
      <c r="P73" s="316"/>
      <c r="Q73" s="414"/>
      <c r="R73" s="400">
        <v>350</v>
      </c>
    </row>
    <row r="74" spans="1:18" s="404" customFormat="1" ht="120" customHeight="1">
      <c r="A74" s="249" t="s">
        <v>1313</v>
      </c>
      <c r="B74" s="400" t="s">
        <v>2845</v>
      </c>
      <c r="C74" s="400" t="s">
        <v>179</v>
      </c>
      <c r="D74" s="400" t="s">
        <v>2844</v>
      </c>
      <c r="E74" s="413" t="s">
        <v>2843</v>
      </c>
      <c r="F74" s="408">
        <v>38433</v>
      </c>
      <c r="G74" s="400" t="s">
        <v>4104</v>
      </c>
      <c r="H74" s="400" t="s">
        <v>2842</v>
      </c>
      <c r="I74" s="513"/>
      <c r="J74" s="400">
        <v>21</v>
      </c>
      <c r="K74" s="400">
        <v>61</v>
      </c>
      <c r="L74" s="400">
        <v>12</v>
      </c>
      <c r="M74" s="400"/>
      <c r="N74" s="400"/>
      <c r="O74" s="400" t="s">
        <v>2841</v>
      </c>
      <c r="P74" s="316"/>
      <c r="Q74" s="414"/>
      <c r="R74" s="400">
        <v>550</v>
      </c>
    </row>
    <row r="75" spans="1:18" s="404" customFormat="1" ht="120" customHeight="1">
      <c r="A75" s="249" t="s">
        <v>1310</v>
      </c>
      <c r="B75" s="400" t="s">
        <v>2840</v>
      </c>
      <c r="C75" s="400" t="s">
        <v>179</v>
      </c>
      <c r="D75" s="400" t="s">
        <v>2839</v>
      </c>
      <c r="E75" s="413" t="s">
        <v>2838</v>
      </c>
      <c r="F75" s="408">
        <v>43238</v>
      </c>
      <c r="G75" s="408" t="s">
        <v>63</v>
      </c>
      <c r="H75" s="400" t="s">
        <v>2837</v>
      </c>
      <c r="I75" s="513"/>
      <c r="J75" s="400">
        <v>13</v>
      </c>
      <c r="K75" s="400">
        <v>21</v>
      </c>
      <c r="L75" s="400">
        <v>7</v>
      </c>
      <c r="M75" s="400"/>
      <c r="N75" s="400"/>
      <c r="O75" s="400" t="s">
        <v>1187</v>
      </c>
      <c r="P75" s="316"/>
      <c r="Q75" s="414"/>
      <c r="R75" s="400">
        <v>450</v>
      </c>
    </row>
    <row r="76" spans="1:18" s="404" customFormat="1" ht="120" customHeight="1">
      <c r="A76" s="249" t="s">
        <v>1782</v>
      </c>
      <c r="B76" s="400" t="s">
        <v>2836</v>
      </c>
      <c r="C76" s="400" t="s">
        <v>179</v>
      </c>
      <c r="D76" s="400" t="s">
        <v>2835</v>
      </c>
      <c r="E76" s="413" t="s">
        <v>2834</v>
      </c>
      <c r="F76" s="408">
        <v>39013</v>
      </c>
      <c r="G76" s="400" t="s">
        <v>532</v>
      </c>
      <c r="H76" s="400" t="s">
        <v>10</v>
      </c>
      <c r="I76" s="513"/>
      <c r="J76" s="400">
        <v>8</v>
      </c>
      <c r="K76" s="400">
        <v>61</v>
      </c>
      <c r="L76" s="400">
        <v>8</v>
      </c>
      <c r="M76" s="400"/>
      <c r="N76" s="400"/>
      <c r="O76" s="400" t="s">
        <v>1187</v>
      </c>
      <c r="P76" s="316"/>
      <c r="Q76" s="414"/>
      <c r="R76" s="400">
        <v>550</v>
      </c>
    </row>
    <row r="77" spans="1:18" s="404" customFormat="1" ht="120" customHeight="1">
      <c r="A77" s="249" t="s">
        <v>2833</v>
      </c>
      <c r="B77" s="400" t="s">
        <v>2832</v>
      </c>
      <c r="C77" s="400" t="s">
        <v>179</v>
      </c>
      <c r="D77" s="400" t="s">
        <v>4381</v>
      </c>
      <c r="E77" s="413" t="s">
        <v>4382</v>
      </c>
      <c r="F77" s="408">
        <v>37697</v>
      </c>
      <c r="G77" s="408" t="s">
        <v>63</v>
      </c>
      <c r="H77" s="400" t="s">
        <v>4383</v>
      </c>
      <c r="I77" s="513"/>
      <c r="J77" s="400">
        <v>66</v>
      </c>
      <c r="K77" s="400">
        <v>150</v>
      </c>
      <c r="L77" s="400">
        <v>20</v>
      </c>
      <c r="M77" s="400"/>
      <c r="N77" s="400"/>
      <c r="O77" s="400" t="s">
        <v>1187</v>
      </c>
      <c r="P77" s="400"/>
      <c r="Q77" s="409"/>
      <c r="R77" s="398" t="s">
        <v>2831</v>
      </c>
    </row>
    <row r="78" spans="1:18" s="404" customFormat="1" ht="120" customHeight="1">
      <c r="A78" s="249" t="s">
        <v>2830</v>
      </c>
      <c r="B78" s="400" t="s">
        <v>2829</v>
      </c>
      <c r="C78" s="400" t="s">
        <v>15</v>
      </c>
      <c r="D78" s="400" t="s">
        <v>2828</v>
      </c>
      <c r="E78" s="413" t="s">
        <v>2827</v>
      </c>
      <c r="F78" s="408">
        <v>44646</v>
      </c>
      <c r="G78" s="408" t="s">
        <v>383</v>
      </c>
      <c r="H78" s="400" t="s">
        <v>10</v>
      </c>
      <c r="I78" s="513"/>
      <c r="J78" s="400">
        <v>1</v>
      </c>
      <c r="K78" s="400">
        <v>10</v>
      </c>
      <c r="L78" s="400">
        <v>1</v>
      </c>
      <c r="M78" s="400"/>
      <c r="N78" s="400"/>
      <c r="O78" s="400" t="s">
        <v>1187</v>
      </c>
      <c r="P78" s="400"/>
      <c r="Q78" s="409" t="s">
        <v>2826</v>
      </c>
      <c r="R78" s="400">
        <v>120</v>
      </c>
    </row>
    <row r="79" spans="1:18" s="404" customFormat="1" ht="151.5" customHeight="1">
      <c r="A79" s="249" t="s">
        <v>2563</v>
      </c>
      <c r="B79" s="400" t="s">
        <v>2825</v>
      </c>
      <c r="C79" s="400" t="s">
        <v>27</v>
      </c>
      <c r="D79" s="400" t="s">
        <v>2824</v>
      </c>
      <c r="E79" s="413" t="s">
        <v>2823</v>
      </c>
      <c r="F79" s="408">
        <v>44921</v>
      </c>
      <c r="G79" s="408"/>
      <c r="H79" s="400" t="s">
        <v>10</v>
      </c>
      <c r="I79" s="513"/>
      <c r="J79" s="400">
        <v>1</v>
      </c>
      <c r="K79" s="400">
        <v>6</v>
      </c>
      <c r="L79" s="400">
        <v>1</v>
      </c>
      <c r="M79" s="400"/>
      <c r="N79" s="400"/>
      <c r="O79" s="400" t="s">
        <v>733</v>
      </c>
      <c r="P79" s="316"/>
      <c r="Q79" s="414"/>
      <c r="R79" s="400">
        <v>80</v>
      </c>
    </row>
    <row r="80" spans="1:18" s="404" customFormat="1" ht="120" customHeight="1">
      <c r="A80" s="249" t="s">
        <v>2822</v>
      </c>
      <c r="B80" s="400" t="s">
        <v>2821</v>
      </c>
      <c r="C80" s="400" t="s">
        <v>179</v>
      </c>
      <c r="D80" s="400" t="s">
        <v>2820</v>
      </c>
      <c r="E80" s="398" t="s">
        <v>2819</v>
      </c>
      <c r="F80" s="408">
        <v>44246</v>
      </c>
      <c r="G80" s="400" t="s">
        <v>2811</v>
      </c>
      <c r="H80" s="400" t="s">
        <v>10</v>
      </c>
      <c r="I80" s="513"/>
      <c r="J80" s="400">
        <v>6</v>
      </c>
      <c r="K80" s="400">
        <v>28</v>
      </c>
      <c r="L80" s="400">
        <v>3</v>
      </c>
      <c r="M80" s="400">
        <v>2021</v>
      </c>
      <c r="N80" s="400"/>
      <c r="O80" s="400"/>
      <c r="P80" s="316"/>
      <c r="Q80" s="414"/>
      <c r="R80" s="400">
        <v>120</v>
      </c>
    </row>
    <row r="81" spans="1:18" s="404" customFormat="1" ht="208.5" customHeight="1">
      <c r="A81" s="249" t="s">
        <v>1153</v>
      </c>
      <c r="B81" s="400" t="s">
        <v>2818</v>
      </c>
      <c r="C81" s="400" t="s">
        <v>27</v>
      </c>
      <c r="D81" s="400" t="s">
        <v>2817</v>
      </c>
      <c r="E81" s="400" t="s">
        <v>2816</v>
      </c>
      <c r="F81" s="400"/>
      <c r="G81" s="400"/>
      <c r="H81" s="400" t="s">
        <v>10</v>
      </c>
      <c r="I81" s="513"/>
      <c r="J81" s="400">
        <v>1</v>
      </c>
      <c r="K81" s="400">
        <v>6</v>
      </c>
      <c r="L81" s="400">
        <v>0</v>
      </c>
      <c r="M81" s="400">
        <v>2022</v>
      </c>
      <c r="N81" s="400" t="s">
        <v>10</v>
      </c>
      <c r="O81" s="400" t="s">
        <v>993</v>
      </c>
      <c r="P81" s="400"/>
      <c r="Q81" s="409" t="s">
        <v>2815</v>
      </c>
      <c r="R81" s="397">
        <v>120</v>
      </c>
    </row>
    <row r="82" spans="1:18" s="404" customFormat="1" ht="120" customHeight="1">
      <c r="A82" s="249" t="s">
        <v>2814</v>
      </c>
      <c r="B82" s="400" t="s">
        <v>2813</v>
      </c>
      <c r="C82" s="400" t="s">
        <v>179</v>
      </c>
      <c r="D82" s="400" t="s">
        <v>2812</v>
      </c>
      <c r="E82" s="400">
        <v>1001350786</v>
      </c>
      <c r="F82" s="408">
        <v>44167</v>
      </c>
      <c r="G82" s="400" t="s">
        <v>2811</v>
      </c>
      <c r="H82" s="400" t="s">
        <v>10</v>
      </c>
      <c r="I82" s="513"/>
      <c r="J82" s="400">
        <v>12</v>
      </c>
      <c r="K82" s="400">
        <v>38</v>
      </c>
      <c r="L82" s="400">
        <v>5</v>
      </c>
      <c r="M82" s="400">
        <v>2022</v>
      </c>
      <c r="N82" s="400" t="s">
        <v>10</v>
      </c>
      <c r="O82" s="400" t="s">
        <v>2810</v>
      </c>
      <c r="P82" s="400"/>
      <c r="Q82" s="409" t="s">
        <v>2809</v>
      </c>
      <c r="R82" s="400">
        <v>120</v>
      </c>
    </row>
    <row r="83" spans="1:18" s="404" customFormat="1" ht="120" customHeight="1">
      <c r="A83" s="249" t="s">
        <v>4401</v>
      </c>
      <c r="B83" s="400" t="s">
        <v>2808</v>
      </c>
      <c r="C83" s="400" t="s">
        <v>27</v>
      </c>
      <c r="D83" s="400" t="s">
        <v>2807</v>
      </c>
      <c r="E83" s="400" t="s">
        <v>2806</v>
      </c>
      <c r="F83" s="408">
        <v>44314</v>
      </c>
      <c r="G83" s="316"/>
      <c r="H83" s="400" t="s">
        <v>10</v>
      </c>
      <c r="I83" s="513"/>
      <c r="J83" s="400">
        <v>1</v>
      </c>
      <c r="K83" s="400">
        <v>6</v>
      </c>
      <c r="L83" s="400">
        <v>0</v>
      </c>
      <c r="M83" s="400">
        <v>2022</v>
      </c>
      <c r="N83" s="400" t="s">
        <v>10</v>
      </c>
      <c r="O83" s="400"/>
      <c r="P83" s="316"/>
      <c r="Q83" s="414"/>
      <c r="R83" s="400">
        <v>80</v>
      </c>
    </row>
    <row r="84" spans="1:18" s="404" customFormat="1" ht="47.25">
      <c r="A84" s="249" t="s">
        <v>4402</v>
      </c>
      <c r="B84" s="400" t="s">
        <v>2805</v>
      </c>
      <c r="C84" s="400" t="s">
        <v>27</v>
      </c>
      <c r="D84" s="398" t="s">
        <v>2804</v>
      </c>
      <c r="E84" s="398" t="s">
        <v>2803</v>
      </c>
      <c r="F84" s="398" t="s">
        <v>2802</v>
      </c>
      <c r="G84" s="316"/>
      <c r="H84" s="400" t="s">
        <v>10</v>
      </c>
      <c r="I84" s="513"/>
      <c r="J84" s="400">
        <v>1</v>
      </c>
      <c r="K84" s="400">
        <v>6</v>
      </c>
      <c r="L84" s="400">
        <v>0</v>
      </c>
      <c r="M84" s="400"/>
      <c r="N84" s="400"/>
      <c r="O84" s="400"/>
      <c r="P84" s="316"/>
      <c r="Q84" s="414"/>
      <c r="R84" s="400">
        <v>80</v>
      </c>
    </row>
    <row r="85" spans="1:18" s="415" customFormat="1" ht="126">
      <c r="A85" s="249" t="s">
        <v>4403</v>
      </c>
      <c r="B85" s="400" t="s">
        <v>2801</v>
      </c>
      <c r="C85" s="400" t="s">
        <v>179</v>
      </c>
      <c r="D85" s="400" t="s">
        <v>2800</v>
      </c>
      <c r="E85" s="398" t="s">
        <v>2799</v>
      </c>
      <c r="F85" s="408">
        <v>39063</v>
      </c>
      <c r="G85" s="438" t="s">
        <v>1532</v>
      </c>
      <c r="H85" s="400" t="s">
        <v>10</v>
      </c>
      <c r="I85" s="513"/>
      <c r="J85" s="400">
        <v>1</v>
      </c>
      <c r="K85" s="400">
        <v>6</v>
      </c>
      <c r="L85" s="400">
        <v>3</v>
      </c>
      <c r="M85" s="400">
        <v>2022</v>
      </c>
      <c r="N85" s="400" t="s">
        <v>10</v>
      </c>
      <c r="O85" s="400"/>
      <c r="P85" s="316"/>
      <c r="Q85" s="414"/>
      <c r="R85" s="400">
        <v>120</v>
      </c>
    </row>
    <row r="86" spans="1:18" s="245" customFormat="1" ht="94.5">
      <c r="A86" s="249" t="s">
        <v>4404</v>
      </c>
      <c r="B86" s="400" t="s">
        <v>2798</v>
      </c>
      <c r="C86" s="400" t="s">
        <v>15</v>
      </c>
      <c r="D86" s="400" t="s">
        <v>2797</v>
      </c>
      <c r="E86" s="400" t="s">
        <v>2796</v>
      </c>
      <c r="F86" s="408">
        <v>42845</v>
      </c>
      <c r="G86" s="400" t="s">
        <v>383</v>
      </c>
      <c r="H86" s="400" t="s">
        <v>10</v>
      </c>
      <c r="I86" s="513"/>
      <c r="J86" s="400">
        <v>5</v>
      </c>
      <c r="K86" s="400">
        <v>10</v>
      </c>
      <c r="L86" s="400">
        <v>1</v>
      </c>
      <c r="M86" s="400"/>
      <c r="N86" s="400"/>
      <c r="O86" s="400"/>
      <c r="P86" s="400"/>
      <c r="Q86" s="409" t="s">
        <v>2795</v>
      </c>
      <c r="R86" s="397">
        <v>100</v>
      </c>
    </row>
    <row r="87" spans="1:18" s="404" customFormat="1" ht="78.75">
      <c r="A87" s="249" t="s">
        <v>4405</v>
      </c>
      <c r="B87" s="400" t="s">
        <v>2794</v>
      </c>
      <c r="C87" s="400" t="s">
        <v>27</v>
      </c>
      <c r="D87" s="400" t="s">
        <v>2793</v>
      </c>
      <c r="E87" s="400" t="s">
        <v>2792</v>
      </c>
      <c r="F87" s="408">
        <v>43502</v>
      </c>
      <c r="G87" s="400"/>
      <c r="H87" s="400" t="s">
        <v>10</v>
      </c>
      <c r="I87" s="513"/>
      <c r="J87" s="400">
        <v>6</v>
      </c>
      <c r="K87" s="400">
        <v>10</v>
      </c>
      <c r="L87" s="400">
        <v>0</v>
      </c>
      <c r="M87" s="400"/>
      <c r="N87" s="400"/>
      <c r="O87" s="400"/>
      <c r="P87" s="400"/>
      <c r="Q87" s="409"/>
      <c r="R87" s="397">
        <v>100</v>
      </c>
    </row>
    <row r="88" spans="1:18" s="404" customFormat="1" ht="47.25">
      <c r="A88" s="249" t="s">
        <v>4406</v>
      </c>
      <c r="B88" s="442" t="s">
        <v>2791</v>
      </c>
      <c r="C88" s="442" t="s">
        <v>53</v>
      </c>
      <c r="D88" s="442" t="s">
        <v>2790</v>
      </c>
      <c r="E88" s="443" t="s">
        <v>2789</v>
      </c>
      <c r="F88" s="444" t="s">
        <v>2788</v>
      </c>
      <c r="G88" s="444"/>
      <c r="H88" s="442"/>
      <c r="I88" s="1093"/>
      <c r="J88" s="442">
        <v>1</v>
      </c>
      <c r="K88" s="442">
        <v>9</v>
      </c>
      <c r="L88" s="442">
        <v>1</v>
      </c>
      <c r="M88" s="442"/>
      <c r="N88" s="442"/>
      <c r="O88" s="442" t="s">
        <v>1187</v>
      </c>
      <c r="P88" s="445"/>
      <c r="Q88" s="454"/>
      <c r="R88" s="400">
        <v>100</v>
      </c>
    </row>
    <row r="89" spans="1:18" s="415" customFormat="1" ht="81.75" customHeight="1">
      <c r="A89" s="249" t="s">
        <v>4407</v>
      </c>
      <c r="B89" s="400" t="s">
        <v>2787</v>
      </c>
      <c r="C89" s="400" t="s">
        <v>27</v>
      </c>
      <c r="D89" s="400" t="s">
        <v>2786</v>
      </c>
      <c r="E89" s="400" t="s">
        <v>2785</v>
      </c>
      <c r="F89" s="408">
        <v>44716</v>
      </c>
      <c r="G89" s="408"/>
      <c r="H89" s="400"/>
      <c r="I89" s="513"/>
      <c r="J89" s="400">
        <v>2</v>
      </c>
      <c r="K89" s="400">
        <v>8</v>
      </c>
      <c r="L89" s="400"/>
      <c r="M89" s="400"/>
      <c r="N89" s="400"/>
      <c r="O89" s="400"/>
      <c r="P89" s="316"/>
      <c r="Q89" s="409"/>
      <c r="R89" s="400">
        <v>80</v>
      </c>
    </row>
    <row r="90" spans="1:18" s="415" customFormat="1" ht="75.75" customHeight="1">
      <c r="A90" s="249" t="s">
        <v>4408</v>
      </c>
      <c r="B90" s="400" t="s">
        <v>4384</v>
      </c>
      <c r="C90" s="400" t="s">
        <v>15</v>
      </c>
      <c r="D90" s="400" t="s">
        <v>4385</v>
      </c>
      <c r="E90" s="398" t="s">
        <v>4386</v>
      </c>
      <c r="F90" s="408">
        <v>43620</v>
      </c>
      <c r="G90" s="400" t="s">
        <v>1751</v>
      </c>
      <c r="H90" s="400"/>
      <c r="I90" s="513"/>
      <c r="J90" s="400">
        <v>16</v>
      </c>
      <c r="K90" s="400">
        <v>50</v>
      </c>
      <c r="L90" s="400">
        <v>5</v>
      </c>
      <c r="M90" s="400"/>
      <c r="N90" s="400"/>
      <c r="O90" s="400" t="s">
        <v>1187</v>
      </c>
      <c r="P90" s="400"/>
      <c r="Q90" s="409" t="s">
        <v>4387</v>
      </c>
      <c r="R90" s="400">
        <v>800</v>
      </c>
    </row>
    <row r="91" spans="1:18" s="404" customFormat="1" ht="120" customHeight="1">
      <c r="A91" s="249" t="s">
        <v>4409</v>
      </c>
      <c r="B91" s="400" t="s">
        <v>4388</v>
      </c>
      <c r="C91" s="400" t="s">
        <v>15</v>
      </c>
      <c r="D91" s="400" t="s">
        <v>4389</v>
      </c>
      <c r="E91" s="398" t="s">
        <v>4390</v>
      </c>
      <c r="F91" s="408">
        <v>45106</v>
      </c>
      <c r="G91" s="400" t="s">
        <v>527</v>
      </c>
      <c r="H91" s="400"/>
      <c r="I91" s="513"/>
      <c r="J91" s="400">
        <v>18</v>
      </c>
      <c r="K91" s="400">
        <v>66</v>
      </c>
      <c r="L91" s="400">
        <v>5</v>
      </c>
      <c r="M91" s="400"/>
      <c r="N91" s="400"/>
      <c r="O91" s="400" t="s">
        <v>1187</v>
      </c>
      <c r="P91" s="400"/>
      <c r="Q91" s="409" t="s">
        <v>4387</v>
      </c>
      <c r="R91" s="400">
        <v>967</v>
      </c>
    </row>
    <row r="92" spans="1:18" s="404" customFormat="1" ht="120" customHeight="1">
      <c r="A92" s="249" t="s">
        <v>4410</v>
      </c>
      <c r="B92" s="400" t="s">
        <v>3004</v>
      </c>
      <c r="C92" s="400" t="s">
        <v>15</v>
      </c>
      <c r="D92" s="400" t="s">
        <v>4391</v>
      </c>
      <c r="E92" s="398" t="s">
        <v>4392</v>
      </c>
      <c r="F92" s="408">
        <v>38378</v>
      </c>
      <c r="G92" s="400" t="s">
        <v>4393</v>
      </c>
      <c r="H92" s="400"/>
      <c r="I92" s="513"/>
      <c r="J92" s="400">
        <v>4</v>
      </c>
      <c r="K92" s="400">
        <v>28</v>
      </c>
      <c r="L92" s="400">
        <v>1</v>
      </c>
      <c r="M92" s="400"/>
      <c r="N92" s="400"/>
      <c r="O92" s="400" t="s">
        <v>1187</v>
      </c>
      <c r="P92" s="400"/>
      <c r="Q92" s="409" t="s">
        <v>4394</v>
      </c>
      <c r="R92" s="400">
        <v>150</v>
      </c>
    </row>
    <row r="93" spans="1:18" s="404" customFormat="1" ht="120" customHeight="1">
      <c r="A93" s="249" t="s">
        <v>4411</v>
      </c>
      <c r="B93" s="455" t="s">
        <v>2747</v>
      </c>
      <c r="C93" s="400"/>
      <c r="D93" s="400" t="s">
        <v>2746</v>
      </c>
      <c r="E93" s="400" t="s">
        <v>2745</v>
      </c>
      <c r="F93" s="400" t="s">
        <v>2744</v>
      </c>
      <c r="G93" s="316"/>
      <c r="H93" s="400"/>
      <c r="I93" s="513"/>
      <c r="J93" s="400">
        <v>10</v>
      </c>
      <c r="K93" s="400">
        <v>20</v>
      </c>
      <c r="L93" s="400">
        <v>3</v>
      </c>
      <c r="M93" s="400"/>
      <c r="N93" s="400"/>
      <c r="O93" s="400" t="s">
        <v>1187</v>
      </c>
      <c r="P93" s="316"/>
      <c r="Q93" s="409" t="s">
        <v>4395</v>
      </c>
      <c r="R93" s="400">
        <v>300</v>
      </c>
    </row>
    <row r="94" spans="1:18" s="404" customFormat="1" ht="120" customHeight="1">
      <c r="A94" s="249" t="s">
        <v>4412</v>
      </c>
      <c r="B94" s="400" t="s">
        <v>4396</v>
      </c>
      <c r="C94" s="400" t="s">
        <v>15</v>
      </c>
      <c r="D94" s="400" t="s">
        <v>4397</v>
      </c>
      <c r="E94" s="456">
        <v>101300537087</v>
      </c>
      <c r="F94" s="408">
        <v>44718</v>
      </c>
      <c r="G94" s="400" t="s">
        <v>495</v>
      </c>
      <c r="H94" s="400"/>
      <c r="I94" s="513"/>
      <c r="J94" s="400">
        <v>1</v>
      </c>
      <c r="K94" s="400">
        <v>5</v>
      </c>
      <c r="L94" s="400">
        <v>1</v>
      </c>
      <c r="M94" s="400"/>
      <c r="N94" s="400"/>
      <c r="O94" s="400" t="s">
        <v>1187</v>
      </c>
      <c r="P94" s="400"/>
      <c r="Q94" s="409"/>
      <c r="R94" s="400">
        <v>50</v>
      </c>
    </row>
    <row r="95" spans="1:18" s="404" customFormat="1" ht="120" customHeight="1">
      <c r="A95" s="249" t="s">
        <v>4413</v>
      </c>
      <c r="B95" s="400" t="s">
        <v>3004</v>
      </c>
      <c r="C95" s="400" t="s">
        <v>15</v>
      </c>
      <c r="D95" s="400" t="s">
        <v>4398</v>
      </c>
      <c r="E95" s="457">
        <v>102001300740</v>
      </c>
      <c r="F95" s="408">
        <v>45064</v>
      </c>
      <c r="G95" s="400" t="s">
        <v>495</v>
      </c>
      <c r="H95" s="400"/>
      <c r="I95" s="513"/>
      <c r="J95" s="400">
        <v>1</v>
      </c>
      <c r="K95" s="400">
        <v>5</v>
      </c>
      <c r="L95" s="400">
        <v>1</v>
      </c>
      <c r="M95" s="400"/>
      <c r="N95" s="400"/>
      <c r="O95" s="400" t="s">
        <v>1187</v>
      </c>
      <c r="P95" s="400"/>
      <c r="Q95" s="409"/>
      <c r="R95" s="400">
        <v>50</v>
      </c>
    </row>
    <row r="96" spans="1:18" s="404" customFormat="1" ht="120" customHeight="1">
      <c r="A96" s="249" t="s">
        <v>4414</v>
      </c>
      <c r="B96" s="400" t="s">
        <v>4396</v>
      </c>
      <c r="C96" s="400" t="s">
        <v>15</v>
      </c>
      <c r="D96" s="400" t="s">
        <v>4399</v>
      </c>
      <c r="E96" s="398" t="s">
        <v>4400</v>
      </c>
      <c r="F96" s="408">
        <v>45772</v>
      </c>
      <c r="G96" s="400" t="s">
        <v>495</v>
      </c>
      <c r="H96" s="400"/>
      <c r="I96" s="513"/>
      <c r="J96" s="400">
        <v>1</v>
      </c>
      <c r="K96" s="400">
        <v>5</v>
      </c>
      <c r="L96" s="400">
        <v>1</v>
      </c>
      <c r="M96" s="400"/>
      <c r="N96" s="400"/>
      <c r="O96" s="400" t="s">
        <v>1187</v>
      </c>
      <c r="P96" s="400"/>
      <c r="Q96" s="409"/>
      <c r="R96" s="400">
        <v>50</v>
      </c>
    </row>
    <row r="97" spans="1:18" s="261" customFormat="1" ht="135.75" customHeight="1">
      <c r="A97" s="249" t="s">
        <v>4415</v>
      </c>
      <c r="B97" s="397" t="s">
        <v>2759</v>
      </c>
      <c r="C97" s="397" t="s">
        <v>2758</v>
      </c>
      <c r="D97" s="398" t="s">
        <v>2757</v>
      </c>
      <c r="E97" s="398" t="s">
        <v>2756</v>
      </c>
      <c r="F97" s="408">
        <v>39933</v>
      </c>
      <c r="G97" s="397" t="s">
        <v>179</v>
      </c>
      <c r="H97" s="397" t="s">
        <v>1751</v>
      </c>
      <c r="I97" s="1094"/>
      <c r="J97" s="400">
        <v>3</v>
      </c>
      <c r="K97" s="400">
        <v>15</v>
      </c>
      <c r="L97" s="400">
        <v>1</v>
      </c>
      <c r="M97" s="400"/>
      <c r="N97" s="400"/>
      <c r="O97" s="400"/>
      <c r="P97" s="316"/>
      <c r="Q97" s="316"/>
      <c r="R97" s="400">
        <v>160</v>
      </c>
    </row>
    <row r="98" spans="1:18" s="418" customFormat="1" ht="15.75">
      <c r="A98" s="416"/>
      <c r="B98" s="244" t="s">
        <v>2784</v>
      </c>
      <c r="C98" s="244"/>
      <c r="D98" s="244"/>
      <c r="E98" s="417"/>
      <c r="F98" s="244"/>
      <c r="H98" s="244"/>
      <c r="I98" s="1044"/>
      <c r="J98" s="416" t="e">
        <f>SUM(Петрозаводский!H5+Костомукша!H6+'Беломорский '!H5+'Калевальский '!H7+Кемский!J7+Кондопожский!H7+Лахденпохский!J7+Лоухский!J7+Медвежьегорский!J7+Муезерский!J7+Олонецкий!J7+Питкярантский!J7+Прионежский!J7+'Пряжинский '!J7+Пудожский!J6+Сегежский!J6+Суоярвский!J7+Сортавальский!J7)</f>
        <v>#VALUE!</v>
      </c>
      <c r="K98" s="244">
        <f>SUM(K15:K97)</f>
        <v>1124</v>
      </c>
      <c r="L98" s="244">
        <f>SUM(L15:L97)</f>
        <v>130</v>
      </c>
      <c r="M98" s="244"/>
      <c r="N98" s="244"/>
      <c r="O98" s="244"/>
      <c r="R98" s="244">
        <f>SUM(R15:R97)</f>
        <v>12355</v>
      </c>
    </row>
    <row r="99" spans="1:18" s="404" customFormat="1" ht="15.75">
      <c r="A99" s="249"/>
      <c r="B99" s="1209" t="s">
        <v>16</v>
      </c>
      <c r="C99" s="1210"/>
      <c r="D99" s="1210"/>
      <c r="E99" s="1210"/>
      <c r="F99" s="1210"/>
      <c r="G99" s="1210"/>
      <c r="H99" s="1210"/>
      <c r="I99" s="1211"/>
      <c r="J99" s="1210"/>
      <c r="K99" s="1210"/>
      <c r="L99" s="1210"/>
      <c r="M99" s="1210"/>
      <c r="N99" s="1210"/>
      <c r="O99" s="1210"/>
      <c r="P99" s="1210"/>
      <c r="Q99" s="1210"/>
      <c r="R99" s="261"/>
    </row>
    <row r="100" spans="1:18" s="259" customFormat="1" ht="120" customHeight="1">
      <c r="A100" s="429">
        <v>1</v>
      </c>
      <c r="B100" s="251" t="s">
        <v>2783</v>
      </c>
      <c r="C100" s="419"/>
      <c r="D100" s="251" t="s">
        <v>2782</v>
      </c>
      <c r="E100" s="420"/>
      <c r="F100" s="421" t="s">
        <v>2781</v>
      </c>
      <c r="G100" s="422"/>
      <c r="H100" s="251" t="s">
        <v>1187</v>
      </c>
      <c r="I100" s="434"/>
      <c r="J100" s="423" t="s">
        <v>2780</v>
      </c>
      <c r="K100" s="423" t="s">
        <v>2774</v>
      </c>
      <c r="L100" s="423" t="s">
        <v>1159</v>
      </c>
      <c r="M100" s="424"/>
      <c r="N100" s="424"/>
      <c r="O100" s="425"/>
      <c r="P100" s="405"/>
      <c r="Q100" s="384" t="s">
        <v>1134</v>
      </c>
      <c r="R100" s="419"/>
    </row>
    <row r="101" spans="1:18" s="259" customFormat="1" ht="78.75">
      <c r="A101" s="429">
        <v>2</v>
      </c>
      <c r="B101" s="251" t="s">
        <v>2779</v>
      </c>
      <c r="C101" s="419"/>
      <c r="D101" s="251" t="s">
        <v>2778</v>
      </c>
      <c r="E101" s="426" t="s">
        <v>2777</v>
      </c>
      <c r="F101" s="421" t="s">
        <v>2776</v>
      </c>
      <c r="G101" s="422"/>
      <c r="H101" s="251" t="s">
        <v>1187</v>
      </c>
      <c r="I101" s="434"/>
      <c r="J101" s="423" t="s">
        <v>2775</v>
      </c>
      <c r="K101" s="423" t="s">
        <v>2774</v>
      </c>
      <c r="L101" s="423" t="s">
        <v>1159</v>
      </c>
      <c r="M101" s="424"/>
      <c r="N101" s="424"/>
      <c r="O101" s="424"/>
      <c r="P101" s="405"/>
      <c r="Q101" s="384" t="s">
        <v>1134</v>
      </c>
      <c r="R101" s="419"/>
    </row>
    <row r="102" spans="1:18" s="404" customFormat="1" ht="78.75">
      <c r="A102" s="429" t="s">
        <v>1233</v>
      </c>
      <c r="B102" s="251" t="s">
        <v>2773</v>
      </c>
      <c r="C102" s="251"/>
      <c r="D102" s="251" t="s">
        <v>2772</v>
      </c>
      <c r="E102" s="427" t="s">
        <v>2771</v>
      </c>
      <c r="F102" s="428">
        <v>44286</v>
      </c>
      <c r="G102" s="428"/>
      <c r="H102" s="251" t="s">
        <v>10</v>
      </c>
      <c r="I102" s="787"/>
      <c r="J102" s="251">
        <v>1</v>
      </c>
      <c r="K102" s="251">
        <v>4</v>
      </c>
      <c r="L102" s="251">
        <v>0</v>
      </c>
      <c r="M102" s="251"/>
      <c r="N102" s="251"/>
      <c r="O102" s="251" t="s">
        <v>1187</v>
      </c>
      <c r="P102" s="261"/>
      <c r="Q102" s="384" t="s">
        <v>2770</v>
      </c>
      <c r="R102" s="261"/>
    </row>
    <row r="103" spans="1:18" s="404" customFormat="1" ht="15.75">
      <c r="A103" s="253"/>
      <c r="B103" s="245"/>
      <c r="C103" s="245"/>
      <c r="D103" s="245"/>
      <c r="E103" s="403"/>
      <c r="F103" s="245"/>
      <c r="H103" s="245"/>
      <c r="I103" s="245"/>
      <c r="J103" s="245"/>
      <c r="K103" s="245"/>
      <c r="L103" s="245"/>
      <c r="M103" s="245"/>
      <c r="N103" s="245"/>
      <c r="O103" s="245"/>
    </row>
    <row r="104" spans="1:18" s="404" customFormat="1" ht="15.75">
      <c r="A104" s="253"/>
      <c r="B104" s="245"/>
      <c r="C104" s="245"/>
      <c r="D104" s="245"/>
      <c r="E104" s="403"/>
      <c r="F104" s="245"/>
      <c r="H104" s="245"/>
      <c r="I104" s="245"/>
      <c r="J104" s="245"/>
      <c r="K104" s="245"/>
      <c r="L104" s="245"/>
      <c r="M104" s="245"/>
      <c r="N104" s="245"/>
      <c r="O104" s="245"/>
    </row>
    <row r="105" spans="1:18" s="404" customFormat="1" ht="15.75">
      <c r="A105" s="253"/>
      <c r="B105" s="245" t="s">
        <v>2769</v>
      </c>
      <c r="C105" s="245"/>
      <c r="D105" s="245"/>
      <c r="E105" s="403"/>
      <c r="F105" s="245"/>
      <c r="H105" s="245"/>
      <c r="I105" s="245"/>
      <c r="J105" s="245"/>
      <c r="K105" s="245"/>
      <c r="L105" s="245"/>
      <c r="M105" s="245"/>
      <c r="N105" s="245"/>
      <c r="O105" s="245"/>
    </row>
    <row r="106" spans="1:18" s="404" customFormat="1" ht="31.5">
      <c r="A106" s="429" t="s">
        <v>966</v>
      </c>
      <c r="B106" s="430" t="s">
        <v>2768</v>
      </c>
      <c r="C106" s="251" t="s">
        <v>15</v>
      </c>
      <c r="D106" s="251" t="s">
        <v>2767</v>
      </c>
      <c r="E106" s="431"/>
      <c r="F106" s="251"/>
      <c r="G106" s="261"/>
      <c r="H106" s="251"/>
      <c r="I106" s="787"/>
      <c r="J106" s="251"/>
      <c r="K106" s="251"/>
      <c r="L106" s="251"/>
      <c r="M106" s="251" t="s">
        <v>2766</v>
      </c>
      <c r="N106" s="251"/>
      <c r="O106" s="251"/>
      <c r="P106" s="261"/>
      <c r="Q106" s="261"/>
    </row>
    <row r="107" spans="1:18" s="404" customFormat="1" ht="15.75">
      <c r="A107" s="253"/>
      <c r="B107" s="245"/>
      <c r="C107" s="245"/>
      <c r="D107" s="245"/>
      <c r="E107" s="403"/>
      <c r="F107" s="245"/>
      <c r="H107" s="245"/>
      <c r="I107" s="245"/>
      <c r="J107" s="245"/>
      <c r="K107" s="245"/>
      <c r="L107" s="245"/>
      <c r="M107" s="245"/>
      <c r="N107" s="245"/>
      <c r="O107" s="245"/>
    </row>
    <row r="108" spans="1:18" s="404" customFormat="1" ht="15.75">
      <c r="A108" s="432"/>
      <c r="B108" s="433"/>
      <c r="C108" s="434"/>
      <c r="D108" s="434"/>
      <c r="E108" s="435"/>
      <c r="F108" s="434"/>
      <c r="G108" s="436"/>
      <c r="H108" s="434"/>
      <c r="I108" s="434"/>
      <c r="J108" s="434"/>
      <c r="K108" s="434"/>
      <c r="L108" s="434"/>
      <c r="M108" s="434"/>
      <c r="N108" s="434"/>
      <c r="O108" s="434"/>
      <c r="P108" s="436"/>
      <c r="Q108" s="436"/>
    </row>
    <row r="109" spans="1:18" s="404" customFormat="1" ht="15.75">
      <c r="A109" s="253"/>
      <c r="B109" s="245" t="s">
        <v>2765</v>
      </c>
      <c r="C109" s="245"/>
      <c r="D109" s="245"/>
      <c r="E109" s="403"/>
      <c r="F109" s="245"/>
      <c r="H109" s="245"/>
      <c r="I109" s="245"/>
      <c r="J109" s="245"/>
      <c r="K109" s="245"/>
      <c r="L109" s="245"/>
      <c r="M109" s="245"/>
      <c r="N109" s="245"/>
      <c r="O109" s="245"/>
    </row>
    <row r="110" spans="1:18" s="404" customFormat="1" ht="15.75">
      <c r="A110" s="253"/>
      <c r="B110" s="245"/>
      <c r="C110" s="245"/>
      <c r="D110" s="245"/>
      <c r="E110" s="403"/>
      <c r="F110" s="245"/>
      <c r="H110" s="245"/>
      <c r="I110" s="245"/>
      <c r="J110" s="245"/>
      <c r="K110" s="245"/>
      <c r="L110" s="245"/>
      <c r="M110" s="245"/>
      <c r="N110" s="245"/>
      <c r="O110" s="245"/>
    </row>
    <row r="111" spans="1:18" s="415" customFormat="1" ht="141.75">
      <c r="A111" s="429" t="s">
        <v>975</v>
      </c>
      <c r="B111" s="437" t="s">
        <v>2764</v>
      </c>
      <c r="C111" s="437" t="s">
        <v>2763</v>
      </c>
      <c r="D111" s="437" t="s">
        <v>2762</v>
      </c>
      <c r="E111" s="458" t="s">
        <v>2761</v>
      </c>
      <c r="F111" s="459">
        <v>44708</v>
      </c>
      <c r="G111" s="437" t="s">
        <v>27</v>
      </c>
      <c r="H111" s="437" t="s">
        <v>1283</v>
      </c>
      <c r="I111" s="1094"/>
      <c r="J111" s="437"/>
      <c r="K111" s="437"/>
      <c r="L111" s="437"/>
      <c r="M111" s="437"/>
      <c r="N111" s="437"/>
      <c r="O111" s="437"/>
      <c r="P111" s="437"/>
      <c r="Q111" s="437" t="s">
        <v>2760</v>
      </c>
      <c r="R111" s="437" t="s">
        <v>2760</v>
      </c>
    </row>
    <row r="112" spans="1:18" s="415" customFormat="1" ht="110.25">
      <c r="A112" s="429" t="s">
        <v>966</v>
      </c>
      <c r="B112" s="460" t="s">
        <v>2755</v>
      </c>
      <c r="C112" s="460" t="s">
        <v>2754</v>
      </c>
      <c r="D112" s="461" t="s">
        <v>2753</v>
      </c>
      <c r="E112" s="461">
        <v>3</v>
      </c>
      <c r="F112" s="461">
        <v>5</v>
      </c>
      <c r="G112" s="461" t="s">
        <v>2752</v>
      </c>
      <c r="H112" s="462"/>
      <c r="I112" s="513"/>
      <c r="J112" s="462"/>
      <c r="K112" s="462"/>
      <c r="L112" s="462"/>
      <c r="M112" s="462"/>
      <c r="N112" s="462"/>
      <c r="O112" s="462"/>
      <c r="P112" s="462"/>
      <c r="Q112" s="462"/>
      <c r="R112" s="462"/>
    </row>
    <row r="113" spans="1:18" s="404" customFormat="1" ht="126">
      <c r="A113" s="253" t="s">
        <v>1233</v>
      </c>
      <c r="B113" s="462" t="s">
        <v>2751</v>
      </c>
      <c r="C113" s="462" t="s">
        <v>15</v>
      </c>
      <c r="D113" s="462" t="s">
        <v>2750</v>
      </c>
      <c r="E113" s="463" t="s">
        <v>2749</v>
      </c>
      <c r="F113" s="459">
        <v>43882</v>
      </c>
      <c r="G113" s="459" t="s">
        <v>1604</v>
      </c>
      <c r="H113" s="462" t="s">
        <v>10</v>
      </c>
      <c r="I113" s="513"/>
      <c r="J113" s="462">
        <v>1</v>
      </c>
      <c r="K113" s="462">
        <v>6</v>
      </c>
      <c r="L113" s="462">
        <v>1</v>
      </c>
      <c r="M113" s="462"/>
      <c r="N113" s="462"/>
      <c r="O113" s="462" t="s">
        <v>1187</v>
      </c>
      <c r="P113" s="464"/>
      <c r="Q113" s="462" t="s">
        <v>2748</v>
      </c>
      <c r="R113" s="462" t="s">
        <v>2748</v>
      </c>
    </row>
    <row r="114" spans="1:18" s="404" customFormat="1" ht="15.75">
      <c r="A114" s="253"/>
      <c r="B114" s="465"/>
      <c r="C114" s="401"/>
      <c r="D114" s="401"/>
      <c r="E114" s="401"/>
      <c r="F114" s="466"/>
      <c r="G114" s="401"/>
      <c r="H114" s="446"/>
      <c r="I114" s="446"/>
      <c r="J114" s="401"/>
      <c r="K114" s="401"/>
      <c r="L114" s="401"/>
      <c r="M114" s="401"/>
      <c r="N114" s="401"/>
      <c r="O114" s="401"/>
      <c r="P114" s="401"/>
      <c r="Q114" s="446"/>
      <c r="R114" s="446"/>
    </row>
    <row r="115" spans="1:18" s="404" customFormat="1" ht="15.75">
      <c r="A115" s="253"/>
      <c r="B115" s="245"/>
      <c r="C115" s="245"/>
      <c r="D115" s="245"/>
      <c r="E115" s="403"/>
      <c r="F115" s="245"/>
      <c r="H115" s="245"/>
      <c r="I115" s="245"/>
      <c r="J115" s="245"/>
      <c r="K115" s="245"/>
      <c r="L115" s="245"/>
      <c r="M115" s="245"/>
      <c r="N115" s="245"/>
      <c r="O115" s="245"/>
    </row>
    <row r="116" spans="1:18" s="404" customFormat="1" ht="15.75">
      <c r="A116" s="253"/>
      <c r="B116" s="245"/>
      <c r="C116" s="245"/>
      <c r="D116" s="245"/>
      <c r="E116" s="403"/>
      <c r="F116" s="245"/>
      <c r="H116" s="245"/>
      <c r="I116" s="245"/>
      <c r="J116" s="245"/>
      <c r="K116" s="245"/>
      <c r="L116" s="245"/>
      <c r="M116" s="245"/>
      <c r="N116" s="245"/>
      <c r="O116" s="245"/>
    </row>
  </sheetData>
  <mergeCells count="7">
    <mergeCell ref="R10:R11"/>
    <mergeCell ref="B99:Q99"/>
    <mergeCell ref="A1:O1"/>
    <mergeCell ref="B12:Q12"/>
    <mergeCell ref="E8:F8"/>
    <mergeCell ref="B10:Q10"/>
    <mergeCell ref="B13:Q13"/>
  </mergeCells>
  <hyperlinks>
    <hyperlink ref="F101" r:id="rId1"/>
    <hyperlink ref="F100" r:id="rId2"/>
    <hyperlink ref="B106" r:id="rId3" display="http://zaonezhie.ru/"/>
    <hyperlink ref="B93" r:id="rId4"/>
  </hyperlinks>
  <pageMargins left="0.70866141732283472" right="0.70866141732283472" top="0.74803149606299213" bottom="0.74803149606299213" header="0.31496062992125984" footer="0.31496062992125984"/>
  <pageSetup paperSize="9" scale="27" fitToHeight="4" orientation="portrait" r:id="rId5"/>
</worksheet>
</file>

<file path=xl/worksheets/sheet13.xml><?xml version="1.0" encoding="utf-8"?>
<worksheet xmlns="http://schemas.openxmlformats.org/spreadsheetml/2006/main" xmlns:r="http://schemas.openxmlformats.org/officeDocument/2006/relationships">
  <sheetPr>
    <tabColor theme="0"/>
    <pageSetUpPr fitToPage="1"/>
  </sheetPr>
  <dimension ref="A1:R34"/>
  <sheetViews>
    <sheetView tabSelected="1" topLeftCell="B25" zoomScaleNormal="100" workbookViewId="0">
      <selection activeCell="O6" sqref="O6"/>
    </sheetView>
  </sheetViews>
  <sheetFormatPr defaultColWidth="9.140625" defaultRowHeight="15"/>
  <cols>
    <col min="1" max="1" width="6.7109375" style="72" customWidth="1"/>
    <col min="2" max="2" width="24.42578125" style="71" customWidth="1"/>
    <col min="3" max="3" width="10.5703125" style="69" customWidth="1"/>
    <col min="4" max="4" width="21.85546875" style="71" customWidth="1"/>
    <col min="5" max="5" width="17.7109375" style="70" customWidth="1"/>
    <col min="6" max="6" width="15" style="69" customWidth="1"/>
    <col min="7" max="7" width="19.140625" style="69" customWidth="1"/>
    <col min="8" max="9" width="17.28515625" style="69" customWidth="1"/>
    <col min="10" max="10" width="12.140625" style="69" customWidth="1"/>
    <col min="11" max="11" width="12.7109375" style="69" customWidth="1"/>
    <col min="12" max="13" width="12.42578125" style="69" customWidth="1"/>
    <col min="14" max="14" width="19.5703125" style="69" customWidth="1"/>
    <col min="15" max="17" width="20.42578125" style="69" customWidth="1"/>
    <col min="18" max="16384" width="9.140625" style="69"/>
  </cols>
  <sheetData>
    <row r="1" spans="1:18" s="468" customFormat="1" ht="27.75" customHeight="1">
      <c r="A1" s="467"/>
      <c r="B1" s="359"/>
      <c r="C1" s="1219" t="s">
        <v>5082</v>
      </c>
      <c r="D1" s="1219"/>
      <c r="E1" s="1219"/>
      <c r="F1" s="1219"/>
      <c r="G1" s="1219"/>
      <c r="H1" s="1219"/>
      <c r="I1" s="1219"/>
      <c r="J1" s="1219"/>
      <c r="K1" s="1219"/>
      <c r="L1" s="1219"/>
      <c r="M1" s="1219"/>
      <c r="N1" s="1219"/>
      <c r="O1" s="1219"/>
      <c r="P1" s="1219"/>
      <c r="Q1" s="1219"/>
    </row>
    <row r="2" spans="1:18" s="245" customFormat="1" ht="79.5" customHeight="1">
      <c r="A2" s="354" t="s">
        <v>173</v>
      </c>
      <c r="B2" s="355" t="s">
        <v>186</v>
      </c>
      <c r="C2" s="355" t="s">
        <v>184</v>
      </c>
      <c r="E2" s="354" t="s">
        <v>185</v>
      </c>
      <c r="F2" s="355" t="s">
        <v>184</v>
      </c>
      <c r="H2" s="248"/>
      <c r="I2" s="248"/>
      <c r="K2" s="248"/>
      <c r="L2" s="248"/>
      <c r="M2" s="248"/>
      <c r="N2" s="248"/>
      <c r="O2" s="248"/>
      <c r="P2" s="248"/>
    </row>
    <row r="3" spans="1:18" s="245" customFormat="1" ht="36" customHeight="1">
      <c r="A3" s="79"/>
      <c r="B3" s="355" t="s">
        <v>183</v>
      </c>
      <c r="C3" s="469">
        <f>SUM(C4:C5)</f>
        <v>16</v>
      </c>
      <c r="E3" s="354" t="s">
        <v>182</v>
      </c>
      <c r="F3" s="355">
        <v>13</v>
      </c>
      <c r="H3" s="248"/>
      <c r="I3" s="248"/>
      <c r="K3" s="248"/>
      <c r="L3" s="248"/>
      <c r="M3" s="248"/>
      <c r="N3" s="248"/>
      <c r="O3" s="248"/>
      <c r="P3" s="248"/>
    </row>
    <row r="4" spans="1:18" s="245" customFormat="1" ht="37.5" customHeight="1">
      <c r="A4" s="79" t="s">
        <v>181</v>
      </c>
      <c r="B4" s="356" t="s">
        <v>180</v>
      </c>
      <c r="C4" s="470">
        <v>13</v>
      </c>
      <c r="E4" s="79" t="s">
        <v>179</v>
      </c>
      <c r="F4" s="356">
        <v>5</v>
      </c>
      <c r="H4" s="248"/>
      <c r="I4" s="248"/>
      <c r="K4" s="248"/>
      <c r="L4" s="248"/>
      <c r="M4" s="248"/>
      <c r="N4" s="248"/>
      <c r="O4" s="248"/>
      <c r="P4" s="248"/>
    </row>
    <row r="5" spans="1:18" s="245" customFormat="1" ht="33" customHeight="1">
      <c r="A5" s="79" t="s">
        <v>178</v>
      </c>
      <c r="B5" s="356" t="s">
        <v>177</v>
      </c>
      <c r="C5" s="470">
        <v>3</v>
      </c>
      <c r="E5" s="79" t="s">
        <v>15</v>
      </c>
      <c r="F5" s="356">
        <v>4</v>
      </c>
      <c r="H5" s="248"/>
      <c r="I5" s="248"/>
      <c r="K5" s="248"/>
      <c r="L5" s="248"/>
      <c r="M5" s="248"/>
      <c r="N5" s="248"/>
      <c r="O5" s="248"/>
      <c r="P5" s="248"/>
    </row>
    <row r="6" spans="1:18" s="245" customFormat="1" ht="23.25" customHeight="1">
      <c r="A6" s="253"/>
      <c r="E6" s="79" t="s">
        <v>27</v>
      </c>
      <c r="F6" s="356">
        <v>4</v>
      </c>
      <c r="H6" s="248"/>
      <c r="I6" s="248"/>
      <c r="K6" s="248"/>
      <c r="L6" s="248"/>
      <c r="M6" s="248"/>
      <c r="N6" s="248"/>
      <c r="O6" s="248"/>
      <c r="P6" s="248"/>
    </row>
    <row r="7" spans="1:18" s="245" customFormat="1" ht="49.5" customHeight="1">
      <c r="A7" s="253"/>
      <c r="E7" s="356" t="s">
        <v>176</v>
      </c>
      <c r="F7" s="356">
        <v>4</v>
      </c>
      <c r="H7" s="248" t="s">
        <v>4199</v>
      </c>
      <c r="I7" s="248"/>
      <c r="J7" s="245">
        <v>21</v>
      </c>
      <c r="K7" s="248"/>
      <c r="L7" s="248"/>
      <c r="M7" s="248"/>
      <c r="N7" s="248"/>
      <c r="O7" s="248"/>
      <c r="P7" s="248"/>
    </row>
    <row r="8" spans="1:18" s="245" customFormat="1" ht="60.75" customHeight="1">
      <c r="A8" s="253"/>
      <c r="E8" s="1186" t="s">
        <v>175</v>
      </c>
      <c r="F8" s="1187"/>
      <c r="H8" s="471">
        <v>2</v>
      </c>
      <c r="I8" s="790"/>
      <c r="J8" s="358">
        <f>SUM(J15:J27)</f>
        <v>66</v>
      </c>
      <c r="K8" s="471">
        <f>SUM(K15:K27)</f>
        <v>269</v>
      </c>
      <c r="L8" s="248"/>
      <c r="M8" s="248"/>
      <c r="N8" s="248"/>
      <c r="O8" s="248"/>
      <c r="P8" s="248"/>
    </row>
    <row r="9" spans="1:18" s="468" customFormat="1" ht="21" customHeight="1">
      <c r="B9" s="472">
        <v>11</v>
      </c>
      <c r="C9" s="473"/>
      <c r="D9" s="473"/>
      <c r="E9" s="253"/>
      <c r="F9" s="473"/>
      <c r="G9" s="473"/>
      <c r="H9" s="253"/>
      <c r="I9" s="1046"/>
      <c r="J9" s="416"/>
      <c r="K9" s="474"/>
      <c r="L9" s="475"/>
      <c r="M9" s="475"/>
      <c r="N9" s="475"/>
      <c r="O9" s="476"/>
      <c r="P9" s="474"/>
      <c r="Q9" s="475"/>
      <c r="R9" s="476"/>
    </row>
    <row r="10" spans="1:18" s="391" customFormat="1" ht="18.75" customHeight="1">
      <c r="A10" s="477"/>
      <c r="B10" s="1222" t="s">
        <v>174</v>
      </c>
      <c r="C10" s="1223"/>
      <c r="D10" s="1223"/>
      <c r="E10" s="1223"/>
      <c r="F10" s="1223"/>
      <c r="G10" s="1223"/>
      <c r="H10" s="1221"/>
      <c r="I10" s="1155"/>
      <c r="J10" s="1221"/>
      <c r="K10" s="1221"/>
      <c r="L10" s="1221"/>
      <c r="M10" s="1221"/>
      <c r="N10" s="1221"/>
      <c r="O10" s="1221"/>
      <c r="P10" s="1221"/>
      <c r="Q10" s="1221"/>
    </row>
    <row r="11" spans="1:18" s="391" customFormat="1" ht="106.5" customHeight="1">
      <c r="A11" s="356" t="s">
        <v>173</v>
      </c>
      <c r="B11" s="356" t="s">
        <v>172</v>
      </c>
      <c r="C11" s="356" t="s">
        <v>171</v>
      </c>
      <c r="D11" s="356" t="s">
        <v>170</v>
      </c>
      <c r="E11" s="79" t="s">
        <v>169</v>
      </c>
      <c r="F11" s="356" t="s">
        <v>168</v>
      </c>
      <c r="G11" s="356" t="s">
        <v>167</v>
      </c>
      <c r="H11" s="243" t="s">
        <v>5073</v>
      </c>
      <c r="I11" s="866" t="s">
        <v>5075</v>
      </c>
      <c r="J11" s="356" t="s">
        <v>166</v>
      </c>
      <c r="K11" s="356" t="s">
        <v>165</v>
      </c>
      <c r="L11" s="356" t="s">
        <v>164</v>
      </c>
      <c r="M11" s="356" t="s">
        <v>163</v>
      </c>
      <c r="N11" s="356" t="s">
        <v>162</v>
      </c>
      <c r="O11" s="356" t="s">
        <v>161</v>
      </c>
      <c r="P11" s="356" t="s">
        <v>160</v>
      </c>
      <c r="Q11" s="356" t="s">
        <v>159</v>
      </c>
    </row>
    <row r="12" spans="1:18" s="391" customFormat="1" ht="15.75">
      <c r="A12" s="477"/>
      <c r="B12" s="1300" t="s">
        <v>5081</v>
      </c>
      <c r="C12" s="1301"/>
      <c r="D12" s="1301"/>
      <c r="E12" s="1301"/>
      <c r="F12" s="1301"/>
      <c r="G12" s="1301"/>
      <c r="H12" s="1301"/>
      <c r="I12" s="1302"/>
      <c r="J12" s="1301"/>
      <c r="K12" s="1301"/>
      <c r="L12" s="1301"/>
      <c r="M12" s="1301"/>
      <c r="N12" s="1301"/>
      <c r="O12" s="1301"/>
      <c r="P12" s="1301"/>
      <c r="Q12" s="1301"/>
    </row>
    <row r="13" spans="1:18" s="391" customFormat="1" ht="15.75">
      <c r="A13" s="477"/>
      <c r="B13" s="1220" t="s">
        <v>157</v>
      </c>
      <c r="C13" s="1221"/>
      <c r="D13" s="1221"/>
      <c r="E13" s="1221"/>
      <c r="F13" s="1221"/>
      <c r="G13" s="1221"/>
      <c r="H13" s="1221"/>
      <c r="I13" s="1155"/>
      <c r="J13" s="1221"/>
      <c r="K13" s="1221"/>
      <c r="L13" s="1221"/>
      <c r="M13" s="1221"/>
      <c r="N13" s="1221"/>
      <c r="O13" s="1221"/>
      <c r="P13" s="1221"/>
      <c r="Q13" s="1221"/>
    </row>
    <row r="14" spans="1:18" s="391" customFormat="1" ht="15.75">
      <c r="A14" s="477">
        <v>1</v>
      </c>
      <c r="B14" s="367">
        <v>2</v>
      </c>
      <c r="C14" s="477">
        <v>3</v>
      </c>
      <c r="D14" s="367">
        <v>4</v>
      </c>
      <c r="E14" s="478">
        <v>5</v>
      </c>
      <c r="F14" s="367">
        <v>6</v>
      </c>
      <c r="G14" s="477">
        <v>7</v>
      </c>
      <c r="H14" s="367">
        <v>8</v>
      </c>
      <c r="I14" s="1095"/>
      <c r="J14" s="477">
        <v>9</v>
      </c>
      <c r="K14" s="367">
        <v>10</v>
      </c>
      <c r="L14" s="477">
        <v>11</v>
      </c>
      <c r="M14" s="479"/>
      <c r="N14" s="479"/>
      <c r="O14" s="367">
        <v>12</v>
      </c>
      <c r="P14" s="477">
        <v>13</v>
      </c>
      <c r="Q14" s="367">
        <v>14</v>
      </c>
    </row>
    <row r="15" spans="1:18" s="391" customFormat="1" ht="120" customHeight="1">
      <c r="A15" s="477">
        <v>1</v>
      </c>
      <c r="B15" s="480" t="s">
        <v>2471</v>
      </c>
      <c r="C15" s="481" t="s">
        <v>27</v>
      </c>
      <c r="D15" s="482" t="s">
        <v>2470</v>
      </c>
      <c r="E15" s="483" t="s">
        <v>2469</v>
      </c>
      <c r="F15" s="484">
        <v>44021</v>
      </c>
      <c r="G15" s="484"/>
      <c r="H15" s="481" t="s">
        <v>10</v>
      </c>
      <c r="I15" s="1067"/>
      <c r="J15" s="481">
        <v>2</v>
      </c>
      <c r="K15" s="481">
        <v>8</v>
      </c>
      <c r="L15" s="481">
        <v>0</v>
      </c>
      <c r="M15" s="481"/>
      <c r="N15" s="481"/>
      <c r="O15" s="485" t="s">
        <v>2468</v>
      </c>
      <c r="P15" s="486"/>
      <c r="Q15" s="486"/>
    </row>
    <row r="16" spans="1:18" s="391" customFormat="1" ht="120" customHeight="1">
      <c r="A16" s="477">
        <v>2</v>
      </c>
      <c r="B16" s="487" t="s">
        <v>2467</v>
      </c>
      <c r="C16" s="486" t="s">
        <v>511</v>
      </c>
      <c r="D16" s="488" t="s">
        <v>2466</v>
      </c>
      <c r="E16" s="489" t="s">
        <v>2465</v>
      </c>
      <c r="F16" s="490">
        <v>44501</v>
      </c>
      <c r="G16" s="490"/>
      <c r="H16" s="486" t="s">
        <v>10</v>
      </c>
      <c r="I16" s="1067"/>
      <c r="J16" s="486">
        <v>1</v>
      </c>
      <c r="K16" s="486">
        <v>3</v>
      </c>
      <c r="L16" s="486">
        <v>0</v>
      </c>
      <c r="M16" s="486"/>
      <c r="N16" s="486"/>
      <c r="O16" s="491"/>
      <c r="P16" s="486"/>
      <c r="Q16" s="486"/>
    </row>
    <row r="17" spans="1:17" s="391" customFormat="1" ht="120" customHeight="1">
      <c r="A17" s="477">
        <v>3</v>
      </c>
      <c r="B17" s="487" t="s">
        <v>2464</v>
      </c>
      <c r="C17" s="486" t="s">
        <v>511</v>
      </c>
      <c r="D17" s="488" t="s">
        <v>2463</v>
      </c>
      <c r="E17" s="489" t="s">
        <v>2462</v>
      </c>
      <c r="F17" s="490">
        <v>44121</v>
      </c>
      <c r="G17" s="490"/>
      <c r="H17" s="486" t="s">
        <v>10</v>
      </c>
      <c r="I17" s="1067"/>
      <c r="J17" s="486">
        <v>1</v>
      </c>
      <c r="K17" s="486">
        <v>5</v>
      </c>
      <c r="L17" s="486">
        <v>0</v>
      </c>
      <c r="M17" s="486"/>
      <c r="N17" s="486"/>
      <c r="O17" s="487" t="s">
        <v>2461</v>
      </c>
      <c r="P17" s="486"/>
      <c r="Q17" s="486"/>
    </row>
    <row r="18" spans="1:17" s="391" customFormat="1" ht="120" customHeight="1">
      <c r="A18" s="477">
        <v>4</v>
      </c>
      <c r="B18" s="487" t="s">
        <v>2460</v>
      </c>
      <c r="C18" s="486" t="s">
        <v>15</v>
      </c>
      <c r="D18" s="488" t="s">
        <v>2459</v>
      </c>
      <c r="E18" s="489" t="s">
        <v>2458</v>
      </c>
      <c r="F18" s="490">
        <v>42572</v>
      </c>
      <c r="G18" s="492" t="s">
        <v>4416</v>
      </c>
      <c r="H18" s="486" t="s">
        <v>10</v>
      </c>
      <c r="I18" s="1067"/>
      <c r="J18" s="486">
        <v>1</v>
      </c>
      <c r="K18" s="486">
        <v>10</v>
      </c>
      <c r="L18" s="486">
        <v>1</v>
      </c>
      <c r="M18" s="486"/>
      <c r="N18" s="486"/>
      <c r="O18" s="485" t="s">
        <v>2457</v>
      </c>
      <c r="P18" s="481"/>
      <c r="Q18" s="481"/>
    </row>
    <row r="19" spans="1:17" s="391" customFormat="1" ht="120" customHeight="1">
      <c r="A19" s="390">
        <v>5</v>
      </c>
      <c r="B19" s="480" t="s">
        <v>2456</v>
      </c>
      <c r="C19" s="481" t="s">
        <v>511</v>
      </c>
      <c r="D19" s="482" t="s">
        <v>2455</v>
      </c>
      <c r="E19" s="483" t="s">
        <v>2454</v>
      </c>
      <c r="F19" s="484">
        <v>43413</v>
      </c>
      <c r="G19" s="493" t="s">
        <v>383</v>
      </c>
      <c r="H19" s="481" t="s">
        <v>10</v>
      </c>
      <c r="I19" s="1067"/>
      <c r="J19" s="481">
        <v>1</v>
      </c>
      <c r="K19" s="481">
        <v>10</v>
      </c>
      <c r="L19" s="481">
        <v>1</v>
      </c>
      <c r="M19" s="481"/>
      <c r="N19" s="481"/>
      <c r="O19" s="485" t="s">
        <v>2453</v>
      </c>
      <c r="P19" s="481"/>
      <c r="Q19" s="481"/>
    </row>
    <row r="20" spans="1:17" s="391" customFormat="1" ht="120" customHeight="1">
      <c r="A20" s="390">
        <v>6</v>
      </c>
      <c r="B20" s="480" t="s">
        <v>2452</v>
      </c>
      <c r="C20" s="481" t="s">
        <v>15</v>
      </c>
      <c r="D20" s="482" t="s">
        <v>2451</v>
      </c>
      <c r="E20" s="483" t="s">
        <v>2450</v>
      </c>
      <c r="F20" s="484">
        <v>43112</v>
      </c>
      <c r="G20" s="493" t="s">
        <v>383</v>
      </c>
      <c r="H20" s="481" t="s">
        <v>10</v>
      </c>
      <c r="I20" s="1067"/>
      <c r="J20" s="481">
        <v>1</v>
      </c>
      <c r="K20" s="481">
        <v>8</v>
      </c>
      <c r="L20" s="481">
        <v>1</v>
      </c>
      <c r="M20" s="481"/>
      <c r="N20" s="481"/>
      <c r="O20" s="485" t="s">
        <v>2449</v>
      </c>
      <c r="P20" s="481"/>
      <c r="Q20" s="482" t="s">
        <v>2436</v>
      </c>
    </row>
    <row r="21" spans="1:17" s="391" customFormat="1" ht="120" customHeight="1">
      <c r="A21" s="390">
        <v>7</v>
      </c>
      <c r="B21" s="480" t="s">
        <v>2448</v>
      </c>
      <c r="C21" s="481" t="s">
        <v>15</v>
      </c>
      <c r="D21" s="482" t="s">
        <v>2447</v>
      </c>
      <c r="E21" s="483" t="s">
        <v>2446</v>
      </c>
      <c r="F21" s="484">
        <v>38383</v>
      </c>
      <c r="G21" s="482" t="s">
        <v>20</v>
      </c>
      <c r="H21" s="481" t="s">
        <v>10</v>
      </c>
      <c r="I21" s="1067"/>
      <c r="J21" s="481">
        <v>2</v>
      </c>
      <c r="K21" s="481">
        <v>10</v>
      </c>
      <c r="L21" s="481">
        <v>1</v>
      </c>
      <c r="M21" s="481"/>
      <c r="N21" s="481"/>
      <c r="O21" s="494"/>
      <c r="P21" s="481"/>
      <c r="Q21" s="481"/>
    </row>
    <row r="22" spans="1:17" s="391" customFormat="1" ht="152.25" customHeight="1">
      <c r="A22" s="390">
        <v>8</v>
      </c>
      <c r="B22" s="480" t="s">
        <v>2445</v>
      </c>
      <c r="C22" s="481" t="s">
        <v>179</v>
      </c>
      <c r="D22" s="482" t="s">
        <v>2444</v>
      </c>
      <c r="E22" s="495" t="s">
        <v>2443</v>
      </c>
      <c r="F22" s="484">
        <v>42240</v>
      </c>
      <c r="G22" s="493" t="s">
        <v>63</v>
      </c>
      <c r="H22" s="482" t="s">
        <v>2442</v>
      </c>
      <c r="I22" s="1068"/>
      <c r="J22" s="481">
        <v>4</v>
      </c>
      <c r="K22" s="481">
        <v>11</v>
      </c>
      <c r="L22" s="481">
        <v>2</v>
      </c>
      <c r="M22" s="481"/>
      <c r="N22" s="481"/>
      <c r="O22" s="485" t="s">
        <v>2441</v>
      </c>
      <c r="P22" s="481"/>
      <c r="Q22" s="482" t="s">
        <v>2440</v>
      </c>
    </row>
    <row r="23" spans="1:17" s="391" customFormat="1" ht="167.25" customHeight="1">
      <c r="A23" s="390">
        <v>9</v>
      </c>
      <c r="B23" s="480" t="s">
        <v>2439</v>
      </c>
      <c r="C23" s="481" t="s">
        <v>15</v>
      </c>
      <c r="D23" s="482" t="s">
        <v>2438</v>
      </c>
      <c r="E23" s="483" t="s">
        <v>2437</v>
      </c>
      <c r="F23" s="484">
        <v>45187</v>
      </c>
      <c r="G23" s="493" t="s">
        <v>63</v>
      </c>
      <c r="H23" s="482" t="s">
        <v>5076</v>
      </c>
      <c r="I23" s="1090"/>
      <c r="J23" s="481">
        <v>1</v>
      </c>
      <c r="K23" s="481">
        <v>19</v>
      </c>
      <c r="L23" s="481">
        <v>5</v>
      </c>
      <c r="M23" s="481"/>
      <c r="N23" s="481"/>
      <c r="O23" s="485" t="s">
        <v>2407</v>
      </c>
      <c r="P23" s="481"/>
      <c r="Q23" s="482" t="s">
        <v>2436</v>
      </c>
    </row>
    <row r="24" spans="1:17" s="391" customFormat="1" ht="120" customHeight="1">
      <c r="A24" s="390">
        <v>10</v>
      </c>
      <c r="B24" s="480" t="s">
        <v>2435</v>
      </c>
      <c r="C24" s="481" t="s">
        <v>179</v>
      </c>
      <c r="D24" s="482" t="s">
        <v>2434</v>
      </c>
      <c r="E24" s="483" t="s">
        <v>2433</v>
      </c>
      <c r="F24" s="484">
        <v>39520</v>
      </c>
      <c r="G24" s="493" t="s">
        <v>2432</v>
      </c>
      <c r="H24" s="481" t="s">
        <v>10</v>
      </c>
      <c r="I24" s="1067"/>
      <c r="J24" s="481">
        <v>1</v>
      </c>
      <c r="K24" s="481">
        <v>20</v>
      </c>
      <c r="L24" s="496">
        <v>1</v>
      </c>
      <c r="M24" s="496"/>
      <c r="N24" s="496"/>
      <c r="O24" s="1298" t="s">
        <v>5078</v>
      </c>
      <c r="P24" s="496"/>
      <c r="Q24" s="497" t="s">
        <v>2431</v>
      </c>
    </row>
    <row r="25" spans="1:17" s="256" customFormat="1" ht="126">
      <c r="A25" s="390">
        <v>11</v>
      </c>
      <c r="B25" s="498" t="s">
        <v>2430</v>
      </c>
      <c r="C25" s="499" t="s">
        <v>179</v>
      </c>
      <c r="D25" s="498" t="s">
        <v>2429</v>
      </c>
      <c r="E25" s="500" t="s">
        <v>2428</v>
      </c>
      <c r="F25" s="501">
        <v>43735</v>
      </c>
      <c r="G25" s="498" t="s">
        <v>2427</v>
      </c>
      <c r="H25" s="499" t="s">
        <v>10</v>
      </c>
      <c r="I25" s="1073"/>
      <c r="J25" s="499">
        <v>28</v>
      </c>
      <c r="K25" s="499">
        <v>60</v>
      </c>
      <c r="L25" s="499">
        <v>2</v>
      </c>
      <c r="M25" s="499">
        <v>2020</v>
      </c>
      <c r="N25" s="499"/>
      <c r="O25" s="1299" t="s">
        <v>5079</v>
      </c>
      <c r="P25" s="499"/>
      <c r="Q25" s="502" t="s">
        <v>2426</v>
      </c>
    </row>
    <row r="26" spans="1:17" s="391" customFormat="1" ht="222" customHeight="1">
      <c r="A26" s="390">
        <v>12</v>
      </c>
      <c r="B26" s="482" t="s">
        <v>2425</v>
      </c>
      <c r="C26" s="481" t="s">
        <v>179</v>
      </c>
      <c r="D26" s="482" t="s">
        <v>2424</v>
      </c>
      <c r="E26" s="481">
        <v>1001288538</v>
      </c>
      <c r="F26" s="484">
        <v>41911</v>
      </c>
      <c r="G26" s="482" t="s">
        <v>2421</v>
      </c>
      <c r="H26" s="498" t="s">
        <v>5077</v>
      </c>
      <c r="I26" s="1125"/>
      <c r="J26" s="481">
        <v>17</v>
      </c>
      <c r="K26" s="481">
        <v>74</v>
      </c>
      <c r="L26" s="481"/>
      <c r="M26" s="481"/>
      <c r="N26" s="481"/>
      <c r="O26" s="481"/>
      <c r="P26" s="481"/>
      <c r="Q26" s="481"/>
    </row>
    <row r="27" spans="1:17" s="391" customFormat="1" ht="120" customHeight="1">
      <c r="A27" s="390">
        <v>13</v>
      </c>
      <c r="B27" s="482" t="s">
        <v>2423</v>
      </c>
      <c r="C27" s="481" t="s">
        <v>179</v>
      </c>
      <c r="D27" s="482" t="s">
        <v>2422</v>
      </c>
      <c r="E27" s="481">
        <v>7710441884</v>
      </c>
      <c r="F27" s="484">
        <v>44132</v>
      </c>
      <c r="G27" s="482" t="s">
        <v>2421</v>
      </c>
      <c r="H27" s="498"/>
      <c r="I27" s="787"/>
      <c r="J27" s="481">
        <v>6</v>
      </c>
      <c r="K27" s="481">
        <v>31</v>
      </c>
      <c r="L27" s="481"/>
      <c r="M27" s="481"/>
      <c r="N27" s="482"/>
      <c r="O27" s="1299" t="s">
        <v>5080</v>
      </c>
      <c r="P27" s="481"/>
      <c r="Q27" s="481"/>
    </row>
    <row r="28" spans="1:17" s="391" customFormat="1" ht="28.5" customHeight="1">
      <c r="A28" s="390"/>
      <c r="B28" s="1215" t="s">
        <v>16</v>
      </c>
      <c r="C28" s="1216"/>
      <c r="D28" s="1216"/>
      <c r="E28" s="1216"/>
      <c r="F28" s="1216"/>
      <c r="G28" s="1216"/>
      <c r="H28" s="1216"/>
      <c r="I28" s="1217"/>
      <c r="J28" s="1216"/>
      <c r="K28" s="1216"/>
      <c r="L28" s="1216"/>
      <c r="M28" s="1216"/>
      <c r="N28" s="1216"/>
      <c r="O28" s="1216"/>
      <c r="P28" s="1216"/>
      <c r="Q28" s="1218"/>
    </row>
    <row r="29" spans="1:17" s="391" customFormat="1" ht="120" customHeight="1">
      <c r="A29" s="390">
        <v>1</v>
      </c>
      <c r="B29" s="480" t="s">
        <v>2420</v>
      </c>
      <c r="C29" s="481"/>
      <c r="D29" s="482" t="s">
        <v>2417</v>
      </c>
      <c r="E29" s="483" t="s">
        <v>2416</v>
      </c>
      <c r="F29" s="503" t="s">
        <v>2415</v>
      </c>
      <c r="G29" s="503" t="s">
        <v>2414</v>
      </c>
      <c r="H29" s="481" t="s">
        <v>10</v>
      </c>
      <c r="I29" s="1067"/>
      <c r="J29" s="481">
        <v>1</v>
      </c>
      <c r="K29" s="481">
        <v>6</v>
      </c>
      <c r="L29" s="481">
        <v>1</v>
      </c>
      <c r="M29" s="481"/>
      <c r="N29" s="481"/>
      <c r="O29" s="485" t="s">
        <v>2419</v>
      </c>
      <c r="P29" s="481"/>
      <c r="Q29" s="498" t="s">
        <v>2413</v>
      </c>
    </row>
    <row r="30" spans="1:17" s="391" customFormat="1" ht="63">
      <c r="A30" s="390">
        <v>2</v>
      </c>
      <c r="B30" s="480" t="s">
        <v>2418</v>
      </c>
      <c r="C30" s="481"/>
      <c r="D30" s="482" t="s">
        <v>2417</v>
      </c>
      <c r="E30" s="483" t="s">
        <v>2416</v>
      </c>
      <c r="F30" s="503" t="s">
        <v>2415</v>
      </c>
      <c r="G30" s="503" t="s">
        <v>2414</v>
      </c>
      <c r="H30" s="481" t="s">
        <v>10</v>
      </c>
      <c r="I30" s="1067"/>
      <c r="J30" s="481">
        <v>1</v>
      </c>
      <c r="K30" s="481">
        <v>6</v>
      </c>
      <c r="L30" s="481">
        <v>1</v>
      </c>
      <c r="M30" s="481"/>
      <c r="N30" s="481"/>
      <c r="O30" s="481"/>
      <c r="P30" s="481"/>
      <c r="Q30" s="498" t="s">
        <v>2413</v>
      </c>
    </row>
    <row r="31" spans="1:17" s="391" customFormat="1" ht="94.5">
      <c r="A31" s="390">
        <v>3</v>
      </c>
      <c r="B31" s="480" t="s">
        <v>2412</v>
      </c>
      <c r="C31" s="481"/>
      <c r="D31" s="482" t="s">
        <v>2411</v>
      </c>
      <c r="E31" s="483" t="s">
        <v>2410</v>
      </c>
      <c r="F31" s="503" t="s">
        <v>2409</v>
      </c>
      <c r="G31" s="493" t="s">
        <v>2408</v>
      </c>
      <c r="H31" s="481" t="s">
        <v>10</v>
      </c>
      <c r="I31" s="1067"/>
      <c r="J31" s="481">
        <v>1</v>
      </c>
      <c r="K31" s="481">
        <v>8</v>
      </c>
      <c r="L31" s="481">
        <v>1</v>
      </c>
      <c r="M31" s="481"/>
      <c r="N31" s="481"/>
      <c r="O31" s="485" t="s">
        <v>2407</v>
      </c>
      <c r="P31" s="486"/>
      <c r="Q31" s="485" t="s">
        <v>2406</v>
      </c>
    </row>
    <row r="34" spans="8:9">
      <c r="H34" s="73"/>
      <c r="I34" s="73"/>
    </row>
  </sheetData>
  <autoFilter ref="A14:R31"/>
  <mergeCells count="6">
    <mergeCell ref="B28:Q28"/>
    <mergeCell ref="C1:Q1"/>
    <mergeCell ref="B12:Q12"/>
    <mergeCell ref="E8:F8"/>
    <mergeCell ref="B10:Q10"/>
    <mergeCell ref="B13:Q13"/>
  </mergeCells>
  <pageMargins left="0.7" right="0.7" top="0.75" bottom="0.75" header="0.3" footer="0.3"/>
  <pageSetup paperSize="9" scale="49" fitToHeight="0" orientation="landscape" r:id="rId1"/>
</worksheet>
</file>

<file path=xl/worksheets/sheet14.xml><?xml version="1.0" encoding="utf-8"?>
<worksheet xmlns="http://schemas.openxmlformats.org/spreadsheetml/2006/main" xmlns:r="http://schemas.openxmlformats.org/officeDocument/2006/relationships">
  <sheetPr>
    <tabColor theme="0"/>
    <pageSetUpPr fitToPage="1"/>
  </sheetPr>
  <dimension ref="A1:AB115"/>
  <sheetViews>
    <sheetView zoomScaleNormal="100" workbookViewId="0">
      <selection activeCell="H11" sqref="H11"/>
    </sheetView>
  </sheetViews>
  <sheetFormatPr defaultColWidth="9.140625" defaultRowHeight="15"/>
  <cols>
    <col min="1" max="1" width="6.85546875" style="36" customWidth="1"/>
    <col min="2" max="2" width="25.42578125" style="16" customWidth="1"/>
    <col min="3" max="3" width="10.5703125" style="36" customWidth="1"/>
    <col min="4" max="4" width="19.85546875" style="16" customWidth="1"/>
    <col min="5" max="5" width="18.5703125" style="101" customWidth="1"/>
    <col min="6" max="6" width="14.28515625" style="16" customWidth="1"/>
    <col min="7" max="7" width="18.85546875" style="16" customWidth="1"/>
    <col min="8" max="9" width="18.7109375" style="36" customWidth="1"/>
    <col min="10" max="10" width="12" style="36" customWidth="1"/>
    <col min="11" max="11" width="12.5703125" style="36" customWidth="1"/>
    <col min="12" max="13" width="11.140625" style="36" customWidth="1"/>
    <col min="14" max="14" width="16.85546875" style="36" customWidth="1"/>
    <col min="15" max="15" width="23" style="27" customWidth="1"/>
    <col min="16" max="16" width="18.7109375" style="16" customWidth="1"/>
    <col min="17" max="17" width="20" style="16" customWidth="1"/>
    <col min="18" max="18" width="23.28515625" style="10" customWidth="1"/>
    <col min="19" max="19" width="13.7109375" style="35" bestFit="1" customWidth="1"/>
    <col min="20" max="27" width="9.140625" style="35"/>
    <col min="28" max="16384" width="9.140625" style="16"/>
  </cols>
  <sheetData>
    <row r="1" spans="1:27" s="508" customFormat="1" ht="27" customHeight="1">
      <c r="A1" s="1228" t="s">
        <v>963</v>
      </c>
      <c r="B1" s="1229"/>
      <c r="C1" s="1229"/>
      <c r="D1" s="1229"/>
      <c r="E1" s="1229"/>
      <c r="F1" s="1229"/>
      <c r="G1" s="1229"/>
      <c r="H1" s="1229"/>
      <c r="I1" s="1230"/>
      <c r="J1" s="1229"/>
      <c r="K1" s="1229"/>
      <c r="L1" s="1229"/>
      <c r="M1" s="504"/>
      <c r="N1" s="504"/>
      <c r="O1" s="505"/>
      <c r="P1" s="505"/>
      <c r="Q1" s="505"/>
      <c r="R1" s="506"/>
      <c r="S1" s="507"/>
      <c r="T1" s="507"/>
      <c r="U1" s="507"/>
      <c r="V1" s="507"/>
      <c r="W1" s="507"/>
      <c r="X1" s="507"/>
      <c r="Y1" s="507"/>
      <c r="Z1" s="507"/>
      <c r="AA1" s="507"/>
    </row>
    <row r="2" spans="1:27" s="325" customFormat="1" ht="79.5" customHeight="1">
      <c r="A2" s="509" t="s">
        <v>173</v>
      </c>
      <c r="B2" s="324" t="s">
        <v>186</v>
      </c>
      <c r="C2" s="324" t="s">
        <v>184</v>
      </c>
      <c r="E2" s="509" t="s">
        <v>185</v>
      </c>
      <c r="F2" s="324" t="s">
        <v>184</v>
      </c>
      <c r="H2" s="328"/>
      <c r="I2" s="328"/>
      <c r="K2" s="328"/>
      <c r="L2" s="328"/>
      <c r="M2" s="328"/>
      <c r="N2" s="328"/>
      <c r="O2" s="328"/>
      <c r="P2" s="328"/>
      <c r="R2" s="333"/>
      <c r="S2" s="333"/>
      <c r="T2" s="333"/>
      <c r="U2" s="333"/>
      <c r="V2" s="333"/>
      <c r="W2" s="333"/>
      <c r="X2" s="333"/>
      <c r="Y2" s="333"/>
      <c r="Z2" s="333"/>
      <c r="AA2" s="333"/>
    </row>
    <row r="3" spans="1:27" s="325" customFormat="1" ht="36" customHeight="1">
      <c r="A3" s="323"/>
      <c r="B3" s="324" t="s">
        <v>183</v>
      </c>
      <c r="C3" s="510">
        <v>97</v>
      </c>
      <c r="E3" s="509" t="s">
        <v>182</v>
      </c>
      <c r="F3" s="511">
        <v>52</v>
      </c>
      <c r="H3" s="328"/>
      <c r="I3" s="328"/>
      <c r="K3" s="328"/>
      <c r="L3" s="328"/>
      <c r="M3" s="328"/>
      <c r="N3" s="328"/>
      <c r="O3" s="328"/>
      <c r="P3" s="328"/>
      <c r="R3" s="333"/>
      <c r="S3" s="333"/>
      <c r="T3" s="333"/>
      <c r="U3" s="333"/>
      <c r="V3" s="333"/>
      <c r="W3" s="333"/>
      <c r="X3" s="333"/>
      <c r="Y3" s="333"/>
      <c r="Z3" s="333"/>
      <c r="AA3" s="333"/>
    </row>
    <row r="4" spans="1:27" s="325" customFormat="1" ht="37.5" customHeight="1">
      <c r="A4" s="323" t="s">
        <v>181</v>
      </c>
      <c r="B4" s="329" t="s">
        <v>180</v>
      </c>
      <c r="C4" s="512">
        <v>52</v>
      </c>
      <c r="E4" s="323" t="s">
        <v>179</v>
      </c>
      <c r="F4" s="513">
        <v>8</v>
      </c>
      <c r="H4" s="328"/>
      <c r="I4" s="328"/>
      <c r="K4" s="328"/>
      <c r="L4" s="328"/>
      <c r="M4" s="328"/>
      <c r="N4" s="328"/>
      <c r="O4" s="328"/>
      <c r="P4" s="328"/>
      <c r="R4" s="333"/>
      <c r="S4" s="333"/>
      <c r="T4" s="333"/>
      <c r="U4" s="333"/>
      <c r="V4" s="333"/>
      <c r="W4" s="333"/>
      <c r="X4" s="333"/>
      <c r="Y4" s="333"/>
      <c r="Z4" s="333"/>
      <c r="AA4" s="333"/>
    </row>
    <row r="5" spans="1:27" s="325" customFormat="1" ht="33" customHeight="1">
      <c r="A5" s="323" t="s">
        <v>178</v>
      </c>
      <c r="B5" s="329" t="s">
        <v>177</v>
      </c>
      <c r="C5" s="512">
        <v>45</v>
      </c>
      <c r="E5" s="323" t="s">
        <v>15</v>
      </c>
      <c r="F5" s="513">
        <v>24</v>
      </c>
      <c r="H5" s="328"/>
      <c r="I5" s="328"/>
      <c r="K5" s="328"/>
      <c r="L5" s="328"/>
      <c r="M5" s="328"/>
      <c r="N5" s="328"/>
      <c r="O5" s="328"/>
      <c r="P5" s="328"/>
      <c r="R5" s="333"/>
      <c r="S5" s="333"/>
      <c r="T5" s="333"/>
      <c r="U5" s="333"/>
      <c r="V5" s="333"/>
      <c r="W5" s="333"/>
      <c r="X5" s="333"/>
      <c r="Y5" s="333"/>
      <c r="Z5" s="333"/>
      <c r="AA5" s="333"/>
    </row>
    <row r="6" spans="1:27" s="325" customFormat="1" ht="23.25" customHeight="1">
      <c r="A6" s="326"/>
      <c r="E6" s="323" t="s">
        <v>27</v>
      </c>
      <c r="F6" s="513">
        <v>20</v>
      </c>
      <c r="H6" s="328"/>
      <c r="I6" s="328"/>
      <c r="K6" s="328"/>
      <c r="L6" s="328"/>
      <c r="M6" s="328"/>
      <c r="N6" s="328"/>
      <c r="O6" s="328"/>
      <c r="P6" s="328"/>
      <c r="R6" s="333"/>
      <c r="S6" s="333"/>
      <c r="T6" s="333"/>
      <c r="U6" s="333"/>
      <c r="V6" s="333"/>
      <c r="W6" s="333"/>
      <c r="X6" s="333"/>
      <c r="Y6" s="333"/>
      <c r="Z6" s="333"/>
      <c r="AA6" s="333"/>
    </row>
    <row r="7" spans="1:27" s="325" customFormat="1" ht="48" customHeight="1">
      <c r="A7" s="326"/>
      <c r="E7" s="329" t="s">
        <v>176</v>
      </c>
      <c r="F7" s="513">
        <v>45</v>
      </c>
      <c r="H7" s="328" t="s">
        <v>4199</v>
      </c>
      <c r="I7" s="328"/>
      <c r="J7" s="325">
        <f>SUM(J15+J24+J26+J27+J43+J44+J47)</f>
        <v>49</v>
      </c>
      <c r="K7" s="328"/>
      <c r="L7" s="328"/>
      <c r="M7" s="328"/>
      <c r="N7" s="328"/>
      <c r="O7" s="328"/>
      <c r="P7" s="328"/>
      <c r="R7" s="333"/>
      <c r="S7" s="333"/>
      <c r="T7" s="333"/>
      <c r="U7" s="333"/>
      <c r="V7" s="333"/>
      <c r="W7" s="333"/>
      <c r="X7" s="333"/>
      <c r="Y7" s="333"/>
      <c r="Z7" s="333"/>
      <c r="AA7" s="333"/>
    </row>
    <row r="8" spans="1:27" s="325" customFormat="1" ht="64.5" customHeight="1">
      <c r="A8" s="326"/>
      <c r="E8" s="1233" t="s">
        <v>175</v>
      </c>
      <c r="F8" s="1234"/>
      <c r="H8" s="334">
        <v>7</v>
      </c>
      <c r="I8" s="1096"/>
      <c r="J8" s="401">
        <v>220</v>
      </c>
      <c r="K8" s="402">
        <v>1139</v>
      </c>
      <c r="L8" s="328"/>
      <c r="M8" s="328"/>
      <c r="N8" s="328"/>
      <c r="O8" s="328"/>
      <c r="P8" s="328"/>
      <c r="R8" s="333"/>
      <c r="S8" s="333"/>
      <c r="T8" s="333"/>
      <c r="U8" s="333"/>
      <c r="V8" s="333"/>
      <c r="W8" s="333"/>
      <c r="X8" s="333"/>
      <c r="Y8" s="333"/>
      <c r="Z8" s="333"/>
      <c r="AA8" s="333"/>
    </row>
    <row r="9" spans="1:27" s="508" customFormat="1" ht="15.75">
      <c r="A9" s="514"/>
      <c r="C9" s="514"/>
      <c r="E9" s="515"/>
      <c r="H9" s="514"/>
      <c r="I9" s="514"/>
      <c r="J9" s="514"/>
      <c r="K9" s="514"/>
      <c r="L9" s="514"/>
      <c r="M9" s="514"/>
      <c r="N9" s="514"/>
      <c r="R9" s="506"/>
      <c r="S9" s="507"/>
      <c r="T9" s="507"/>
      <c r="U9" s="507"/>
      <c r="V9" s="507"/>
      <c r="W9" s="507"/>
      <c r="X9" s="507"/>
      <c r="Y9" s="507"/>
      <c r="Z9" s="507"/>
      <c r="AA9" s="507"/>
    </row>
    <row r="10" spans="1:27" s="508" customFormat="1" ht="18.75" customHeight="1">
      <c r="A10" s="516"/>
      <c r="B10" s="1231" t="s">
        <v>174</v>
      </c>
      <c r="C10" s="1231"/>
      <c r="D10" s="1231"/>
      <c r="E10" s="1231"/>
      <c r="F10" s="1231"/>
      <c r="G10" s="1231"/>
      <c r="H10" s="1231"/>
      <c r="I10" s="1232"/>
      <c r="J10" s="1231"/>
      <c r="K10" s="1231"/>
      <c r="L10" s="1231"/>
      <c r="M10" s="1231"/>
      <c r="N10" s="1231"/>
      <c r="O10" s="1231"/>
      <c r="P10" s="1231"/>
      <c r="Q10" s="1231"/>
      <c r="R10" s="517"/>
      <c r="S10" s="507"/>
      <c r="T10" s="507"/>
      <c r="U10" s="507"/>
      <c r="V10" s="507"/>
      <c r="W10" s="507"/>
      <c r="X10" s="507"/>
      <c r="Y10" s="507"/>
      <c r="Z10" s="507"/>
      <c r="AA10" s="507"/>
    </row>
    <row r="11" spans="1:27" s="514" customFormat="1" ht="108" customHeight="1">
      <c r="A11" s="329" t="s">
        <v>173</v>
      </c>
      <c r="B11" s="329" t="s">
        <v>172</v>
      </c>
      <c r="C11" s="329" t="s">
        <v>171</v>
      </c>
      <c r="D11" s="329" t="s">
        <v>170</v>
      </c>
      <c r="E11" s="323" t="s">
        <v>169</v>
      </c>
      <c r="F11" s="329" t="s">
        <v>168</v>
      </c>
      <c r="G11" s="329" t="s">
        <v>167</v>
      </c>
      <c r="H11" s="1064" t="s">
        <v>5073</v>
      </c>
      <c r="I11" s="1065" t="s">
        <v>5075</v>
      </c>
      <c r="J11" s="329" t="s">
        <v>166</v>
      </c>
      <c r="K11" s="329" t="s">
        <v>165</v>
      </c>
      <c r="L11" s="329" t="s">
        <v>164</v>
      </c>
      <c r="M11" s="329" t="s">
        <v>163</v>
      </c>
      <c r="N11" s="329" t="s">
        <v>162</v>
      </c>
      <c r="O11" s="329" t="s">
        <v>161</v>
      </c>
      <c r="P11" s="329" t="s">
        <v>160</v>
      </c>
      <c r="Q11" s="329" t="s">
        <v>159</v>
      </c>
      <c r="R11" s="329" t="s">
        <v>962</v>
      </c>
      <c r="S11" s="518"/>
      <c r="T11" s="518"/>
      <c r="U11" s="518"/>
      <c r="V11" s="518"/>
      <c r="W11" s="518"/>
      <c r="X11" s="518"/>
      <c r="Y11" s="518"/>
      <c r="Z11" s="518"/>
      <c r="AA11" s="518"/>
    </row>
    <row r="12" spans="1:27" s="508" customFormat="1" ht="15.75">
      <c r="A12" s="516"/>
      <c r="B12" s="1231" t="s">
        <v>961</v>
      </c>
      <c r="C12" s="1231"/>
      <c r="D12" s="1231"/>
      <c r="E12" s="1231"/>
      <c r="F12" s="1231"/>
      <c r="G12" s="1231"/>
      <c r="H12" s="1231"/>
      <c r="I12" s="1232"/>
      <c r="J12" s="1231"/>
      <c r="K12" s="1231"/>
      <c r="L12" s="1231"/>
      <c r="M12" s="1231"/>
      <c r="N12" s="1231"/>
      <c r="O12" s="1231"/>
      <c r="P12" s="1231"/>
      <c r="Q12" s="1231"/>
      <c r="R12" s="517"/>
      <c r="S12" s="507"/>
      <c r="T12" s="507"/>
      <c r="U12" s="507"/>
      <c r="V12" s="507"/>
      <c r="W12" s="507"/>
      <c r="X12" s="507"/>
      <c r="Y12" s="507"/>
      <c r="Z12" s="507"/>
      <c r="AA12" s="507"/>
    </row>
    <row r="13" spans="1:27" s="508" customFormat="1" ht="15.75">
      <c r="A13" s="516"/>
      <c r="B13" s="1231" t="s">
        <v>157</v>
      </c>
      <c r="C13" s="1231"/>
      <c r="D13" s="1231"/>
      <c r="E13" s="1231"/>
      <c r="F13" s="1231"/>
      <c r="G13" s="1231"/>
      <c r="H13" s="1231"/>
      <c r="I13" s="1232"/>
      <c r="J13" s="1231"/>
      <c r="K13" s="1231"/>
      <c r="L13" s="1231"/>
      <c r="M13" s="1231"/>
      <c r="N13" s="1231"/>
      <c r="O13" s="1231"/>
      <c r="P13" s="1231"/>
      <c r="Q13" s="1231"/>
      <c r="R13" s="517"/>
      <c r="S13" s="507"/>
      <c r="T13" s="507"/>
      <c r="U13" s="507"/>
      <c r="V13" s="507"/>
      <c r="W13" s="507"/>
      <c r="X13" s="507"/>
      <c r="Y13" s="507"/>
      <c r="Z13" s="507"/>
      <c r="AA13" s="507"/>
    </row>
    <row r="14" spans="1:27" s="508" customFormat="1" ht="15.75">
      <c r="A14" s="516">
        <v>1</v>
      </c>
      <c r="B14" s="516">
        <v>2</v>
      </c>
      <c r="C14" s="516">
        <v>3</v>
      </c>
      <c r="D14" s="516">
        <v>4</v>
      </c>
      <c r="E14" s="519">
        <v>5</v>
      </c>
      <c r="F14" s="516">
        <v>6</v>
      </c>
      <c r="G14" s="516">
        <v>7</v>
      </c>
      <c r="H14" s="516">
        <v>8</v>
      </c>
      <c r="I14" s="1097"/>
      <c r="J14" s="516">
        <v>9</v>
      </c>
      <c r="K14" s="516">
        <v>10</v>
      </c>
      <c r="L14" s="516">
        <v>11</v>
      </c>
      <c r="M14" s="516"/>
      <c r="N14" s="516"/>
      <c r="O14" s="516">
        <v>12</v>
      </c>
      <c r="P14" s="516">
        <v>13</v>
      </c>
      <c r="Q14" s="520">
        <v>14</v>
      </c>
      <c r="R14" s="506"/>
      <c r="S14" s="507"/>
      <c r="T14" s="507"/>
      <c r="U14" s="507"/>
      <c r="V14" s="507"/>
      <c r="W14" s="507"/>
      <c r="X14" s="507"/>
      <c r="Y14" s="507"/>
      <c r="Z14" s="507"/>
      <c r="AA14" s="507"/>
    </row>
    <row r="15" spans="1:27" s="508" customFormat="1" ht="148.5" customHeight="1">
      <c r="A15" s="516">
        <v>1</v>
      </c>
      <c r="B15" s="521" t="s">
        <v>4417</v>
      </c>
      <c r="C15" s="521" t="s">
        <v>15</v>
      </c>
      <c r="D15" s="521" t="s">
        <v>960</v>
      </c>
      <c r="E15" s="522" t="s">
        <v>959</v>
      </c>
      <c r="F15" s="523">
        <v>43034</v>
      </c>
      <c r="G15" s="524" t="s">
        <v>63</v>
      </c>
      <c r="H15" s="525" t="s">
        <v>958</v>
      </c>
      <c r="I15" s="525"/>
      <c r="J15" s="521">
        <v>4</v>
      </c>
      <c r="K15" s="521">
        <v>20</v>
      </c>
      <c r="L15" s="521">
        <v>1</v>
      </c>
      <c r="M15" s="521">
        <v>2017</v>
      </c>
      <c r="N15" s="521" t="s">
        <v>882</v>
      </c>
      <c r="O15" s="513" t="s">
        <v>957</v>
      </c>
      <c r="P15" s="526"/>
      <c r="Q15" s="526"/>
      <c r="R15" s="527" t="s">
        <v>956</v>
      </c>
      <c r="S15" s="526" t="s">
        <v>4418</v>
      </c>
      <c r="T15" s="507"/>
      <c r="U15" s="507"/>
      <c r="V15" s="507"/>
      <c r="W15" s="507"/>
      <c r="X15" s="507"/>
      <c r="Y15" s="507"/>
      <c r="Z15" s="507"/>
      <c r="AA15" s="507"/>
    </row>
    <row r="16" spans="1:27" s="508" customFormat="1" ht="120" customHeight="1">
      <c r="A16" s="516">
        <f t="shared" ref="A16:A63" si="0">A15+1</f>
        <v>2</v>
      </c>
      <c r="B16" s="521" t="s">
        <v>955</v>
      </c>
      <c r="C16" s="521" t="s">
        <v>15</v>
      </c>
      <c r="D16" s="521" t="s">
        <v>954</v>
      </c>
      <c r="E16" s="522" t="s">
        <v>953</v>
      </c>
      <c r="F16" s="523">
        <v>42866</v>
      </c>
      <c r="G16" s="524" t="s">
        <v>63</v>
      </c>
      <c r="H16" s="521" t="s">
        <v>10</v>
      </c>
      <c r="I16" s="521"/>
      <c r="J16" s="521">
        <v>6</v>
      </c>
      <c r="K16" s="521">
        <v>50</v>
      </c>
      <c r="L16" s="521">
        <v>1</v>
      </c>
      <c r="M16" s="521">
        <v>2012</v>
      </c>
      <c r="N16" s="521" t="s">
        <v>10</v>
      </c>
      <c r="O16" s="513" t="s">
        <v>4419</v>
      </c>
      <c r="P16" s="526"/>
      <c r="Q16" s="526"/>
      <c r="R16" s="527" t="s">
        <v>4420</v>
      </c>
      <c r="S16" s="526" t="s">
        <v>4421</v>
      </c>
      <c r="T16" s="507"/>
      <c r="U16" s="507"/>
      <c r="V16" s="507"/>
      <c r="W16" s="507"/>
      <c r="X16" s="507"/>
      <c r="Y16" s="507"/>
      <c r="Z16" s="507"/>
      <c r="AA16" s="507"/>
    </row>
    <row r="17" spans="1:28" s="508" customFormat="1" ht="120" customHeight="1">
      <c r="A17" s="516">
        <f t="shared" si="0"/>
        <v>3</v>
      </c>
      <c r="B17" s="528" t="s">
        <v>952</v>
      </c>
      <c r="C17" s="528" t="s">
        <v>15</v>
      </c>
      <c r="D17" s="528" t="s">
        <v>947</v>
      </c>
      <c r="E17" s="529" t="s">
        <v>946</v>
      </c>
      <c r="F17" s="530">
        <v>42786</v>
      </c>
      <c r="G17" s="531" t="s">
        <v>125</v>
      </c>
      <c r="H17" s="528" t="s">
        <v>10</v>
      </c>
      <c r="I17" s="528"/>
      <c r="J17" s="528">
        <v>1</v>
      </c>
      <c r="K17" s="528">
        <v>6</v>
      </c>
      <c r="L17" s="528">
        <v>1</v>
      </c>
      <c r="M17" s="528">
        <v>2020</v>
      </c>
      <c r="N17" s="528" t="s">
        <v>10</v>
      </c>
      <c r="O17" s="531" t="s">
        <v>4422</v>
      </c>
      <c r="P17" s="532"/>
      <c r="Q17" s="528"/>
      <c r="R17" s="533" t="s">
        <v>951</v>
      </c>
      <c r="S17" s="526" t="s">
        <v>4423</v>
      </c>
      <c r="T17" s="507"/>
      <c r="U17" s="507"/>
      <c r="V17" s="507"/>
      <c r="W17" s="507"/>
      <c r="X17" s="507"/>
      <c r="Y17" s="507"/>
      <c r="Z17" s="507"/>
      <c r="AA17" s="507"/>
    </row>
    <row r="18" spans="1:28" s="508" customFormat="1" ht="120" customHeight="1">
      <c r="A18" s="516">
        <f t="shared" si="0"/>
        <v>4</v>
      </c>
      <c r="B18" s="528" t="s">
        <v>950</v>
      </c>
      <c r="C18" s="528" t="s">
        <v>15</v>
      </c>
      <c r="D18" s="528" t="s">
        <v>947</v>
      </c>
      <c r="E18" s="529" t="s">
        <v>946</v>
      </c>
      <c r="F18" s="530">
        <v>42786</v>
      </c>
      <c r="G18" s="531" t="s">
        <v>125</v>
      </c>
      <c r="H18" s="528" t="s">
        <v>10</v>
      </c>
      <c r="I18" s="528"/>
      <c r="J18" s="528">
        <v>1</v>
      </c>
      <c r="K18" s="528">
        <v>8</v>
      </c>
      <c r="L18" s="528">
        <v>1</v>
      </c>
      <c r="M18" s="528">
        <v>2023</v>
      </c>
      <c r="N18" s="528" t="s">
        <v>10</v>
      </c>
      <c r="O18" s="531" t="s">
        <v>4424</v>
      </c>
      <c r="P18" s="532"/>
      <c r="Q18" s="528"/>
      <c r="R18" s="533" t="s">
        <v>949</v>
      </c>
      <c r="S18" s="526" t="s">
        <v>4423</v>
      </c>
      <c r="T18" s="507"/>
      <c r="U18" s="507"/>
      <c r="V18" s="507"/>
      <c r="W18" s="507"/>
      <c r="X18" s="507"/>
      <c r="Y18" s="507"/>
      <c r="Z18" s="507"/>
      <c r="AA18" s="507"/>
    </row>
    <row r="19" spans="1:28" s="508" customFormat="1" ht="120" customHeight="1">
      <c r="A19" s="516">
        <f t="shared" si="0"/>
        <v>5</v>
      </c>
      <c r="B19" s="528" t="s">
        <v>948</v>
      </c>
      <c r="C19" s="528" t="s">
        <v>15</v>
      </c>
      <c r="D19" s="528" t="s">
        <v>947</v>
      </c>
      <c r="E19" s="529" t="s">
        <v>946</v>
      </c>
      <c r="F19" s="530">
        <v>42786</v>
      </c>
      <c r="G19" s="531" t="s">
        <v>125</v>
      </c>
      <c r="H19" s="528" t="s">
        <v>10</v>
      </c>
      <c r="I19" s="528"/>
      <c r="J19" s="528">
        <v>1</v>
      </c>
      <c r="K19" s="528">
        <v>6</v>
      </c>
      <c r="L19" s="528">
        <v>1</v>
      </c>
      <c r="M19" s="528">
        <v>2023</v>
      </c>
      <c r="N19" s="528" t="s">
        <v>10</v>
      </c>
      <c r="O19" s="531" t="s">
        <v>4425</v>
      </c>
      <c r="P19" s="532"/>
      <c r="Q19" s="528"/>
      <c r="R19" s="533" t="s">
        <v>945</v>
      </c>
      <c r="S19" s="526" t="s">
        <v>4423</v>
      </c>
      <c r="T19" s="507"/>
      <c r="U19" s="507"/>
      <c r="V19" s="507"/>
      <c r="W19" s="507"/>
      <c r="X19" s="507"/>
      <c r="Y19" s="507"/>
      <c r="Z19" s="507"/>
      <c r="AA19" s="507"/>
    </row>
    <row r="20" spans="1:28" s="508" customFormat="1" ht="94.5">
      <c r="A20" s="516">
        <f t="shared" si="0"/>
        <v>6</v>
      </c>
      <c r="B20" s="521" t="s">
        <v>4426</v>
      </c>
      <c r="C20" s="534" t="s">
        <v>902</v>
      </c>
      <c r="D20" s="521" t="s">
        <v>943</v>
      </c>
      <c r="E20" s="522" t="s">
        <v>942</v>
      </c>
      <c r="F20" s="523">
        <v>40119</v>
      </c>
      <c r="G20" s="523" t="s">
        <v>941</v>
      </c>
      <c r="H20" s="521" t="s">
        <v>10</v>
      </c>
      <c r="I20" s="521"/>
      <c r="J20" s="521">
        <v>1</v>
      </c>
      <c r="K20" s="521">
        <v>6</v>
      </c>
      <c r="L20" s="521">
        <v>1</v>
      </c>
      <c r="M20" s="521">
        <v>2009</v>
      </c>
      <c r="N20" s="521" t="s">
        <v>10</v>
      </c>
      <c r="O20" s="513" t="s">
        <v>4427</v>
      </c>
      <c r="P20" s="526"/>
      <c r="Q20" s="526"/>
      <c r="R20" s="535" t="s">
        <v>940</v>
      </c>
      <c r="S20" s="526" t="s">
        <v>4428</v>
      </c>
      <c r="T20" s="507"/>
      <c r="U20" s="507"/>
      <c r="V20" s="507"/>
      <c r="W20" s="507"/>
      <c r="X20" s="507"/>
      <c r="Y20" s="507"/>
      <c r="Z20" s="507"/>
      <c r="AA20" s="507"/>
    </row>
    <row r="21" spans="1:28" s="508" customFormat="1" ht="94.5">
      <c r="A21" s="516">
        <f t="shared" si="0"/>
        <v>7</v>
      </c>
      <c r="B21" s="513" t="s">
        <v>4429</v>
      </c>
      <c r="C21" s="534" t="s">
        <v>902</v>
      </c>
      <c r="D21" s="521" t="s">
        <v>943</v>
      </c>
      <c r="E21" s="522" t="s">
        <v>942</v>
      </c>
      <c r="F21" s="523">
        <v>40119</v>
      </c>
      <c r="G21" s="523" t="s">
        <v>941</v>
      </c>
      <c r="H21" s="521" t="s">
        <v>10</v>
      </c>
      <c r="I21" s="521"/>
      <c r="J21" s="521">
        <v>1</v>
      </c>
      <c r="K21" s="521">
        <v>5</v>
      </c>
      <c r="L21" s="521">
        <v>1</v>
      </c>
      <c r="M21" s="521">
        <v>2015</v>
      </c>
      <c r="N21" s="521" t="s">
        <v>10</v>
      </c>
      <c r="O21" s="513" t="s">
        <v>4430</v>
      </c>
      <c r="P21" s="526"/>
      <c r="Q21" s="526"/>
      <c r="R21" s="527" t="s">
        <v>940</v>
      </c>
      <c r="S21" s="526" t="s">
        <v>4428</v>
      </c>
      <c r="T21" s="507"/>
      <c r="U21" s="507"/>
      <c r="V21" s="507"/>
      <c r="W21" s="507"/>
      <c r="X21" s="507"/>
      <c r="Y21" s="507"/>
      <c r="Z21" s="507"/>
      <c r="AA21" s="507"/>
    </row>
    <row r="22" spans="1:28" s="516" customFormat="1" ht="204.75">
      <c r="A22" s="516">
        <f t="shared" si="0"/>
        <v>8</v>
      </c>
      <c r="B22" s="521" t="s">
        <v>939</v>
      </c>
      <c r="C22" s="521" t="s">
        <v>15</v>
      </c>
      <c r="D22" s="521" t="s">
        <v>938</v>
      </c>
      <c r="E22" s="521" t="s">
        <v>937</v>
      </c>
      <c r="F22" s="523">
        <v>42029</v>
      </c>
      <c r="G22" s="521" t="s">
        <v>136</v>
      </c>
      <c r="H22" s="521" t="s">
        <v>10</v>
      </c>
      <c r="I22" s="521"/>
      <c r="J22" s="513">
        <v>2</v>
      </c>
      <c r="K22" s="521">
        <v>23</v>
      </c>
      <c r="L22" s="521">
        <v>1</v>
      </c>
      <c r="M22" s="521">
        <v>2021</v>
      </c>
      <c r="N22" s="521" t="s">
        <v>10</v>
      </c>
      <c r="O22" s="513" t="s">
        <v>4431</v>
      </c>
      <c r="P22" s="521"/>
      <c r="Q22" s="521"/>
      <c r="R22" s="533" t="s">
        <v>934</v>
      </c>
      <c r="S22" s="521" t="s">
        <v>4432</v>
      </c>
      <c r="T22" s="518"/>
      <c r="U22" s="518"/>
      <c r="V22" s="518"/>
      <c r="W22" s="518"/>
      <c r="X22" s="518"/>
      <c r="Y22" s="518"/>
      <c r="Z22" s="518"/>
      <c r="AA22" s="518"/>
      <c r="AB22" s="536"/>
    </row>
    <row r="23" spans="1:28" s="508" customFormat="1" ht="187.5" customHeight="1">
      <c r="A23" s="516">
        <f t="shared" si="0"/>
        <v>9</v>
      </c>
      <c r="B23" s="528" t="s">
        <v>936</v>
      </c>
      <c r="C23" s="528" t="s">
        <v>15</v>
      </c>
      <c r="D23" s="528" t="s">
        <v>935</v>
      </c>
      <c r="E23" s="521" t="s">
        <v>937</v>
      </c>
      <c r="F23" s="523">
        <v>42029</v>
      </c>
      <c r="G23" s="521" t="s">
        <v>136</v>
      </c>
      <c r="H23" s="521" t="s">
        <v>10</v>
      </c>
      <c r="I23" s="521"/>
      <c r="J23" s="528">
        <v>6</v>
      </c>
      <c r="K23" s="528">
        <v>24</v>
      </c>
      <c r="L23" s="528">
        <v>0</v>
      </c>
      <c r="M23" s="528">
        <v>2023</v>
      </c>
      <c r="N23" s="528"/>
      <c r="O23" s="531" t="s">
        <v>4433</v>
      </c>
      <c r="P23" s="532"/>
      <c r="Q23" s="532"/>
      <c r="R23" s="533" t="s">
        <v>934</v>
      </c>
      <c r="S23" s="521" t="s">
        <v>4434</v>
      </c>
      <c r="T23" s="507"/>
      <c r="U23" s="507"/>
      <c r="V23" s="507"/>
      <c r="W23" s="507"/>
      <c r="X23" s="507"/>
      <c r="Y23" s="507"/>
      <c r="Z23" s="507"/>
      <c r="AA23" s="507"/>
    </row>
    <row r="24" spans="1:28" s="508" customFormat="1" ht="120" customHeight="1">
      <c r="A24" s="516">
        <f t="shared" si="0"/>
        <v>10</v>
      </c>
      <c r="B24" s="521" t="s">
        <v>933</v>
      </c>
      <c r="C24" s="521" t="s">
        <v>15</v>
      </c>
      <c r="D24" s="521" t="s">
        <v>4670</v>
      </c>
      <c r="E24" s="522" t="s">
        <v>932</v>
      </c>
      <c r="F24" s="523">
        <v>41621</v>
      </c>
      <c r="G24" s="513" t="s">
        <v>125</v>
      </c>
      <c r="H24" s="537" t="s">
        <v>931</v>
      </c>
      <c r="I24" s="537"/>
      <c r="J24" s="521">
        <v>17</v>
      </c>
      <c r="K24" s="521">
        <v>74</v>
      </c>
      <c r="L24" s="521">
        <v>1</v>
      </c>
      <c r="M24" s="521"/>
      <c r="N24" s="521"/>
      <c r="O24" s="513" t="s">
        <v>4435</v>
      </c>
      <c r="P24" s="526"/>
      <c r="Q24" s="526"/>
      <c r="R24" s="527" t="s">
        <v>925</v>
      </c>
      <c r="S24" s="526" t="s">
        <v>4436</v>
      </c>
      <c r="T24" s="507"/>
      <c r="U24" s="507"/>
      <c r="V24" s="507"/>
      <c r="W24" s="507"/>
      <c r="X24" s="507"/>
      <c r="Y24" s="507"/>
      <c r="Z24" s="507"/>
      <c r="AA24" s="507"/>
    </row>
    <row r="25" spans="1:28" s="508" customFormat="1" ht="120" customHeight="1">
      <c r="A25" s="516">
        <f t="shared" si="0"/>
        <v>11</v>
      </c>
      <c r="B25" s="513" t="s">
        <v>930</v>
      </c>
      <c r="C25" s="513" t="s">
        <v>15</v>
      </c>
      <c r="D25" s="513" t="s">
        <v>929</v>
      </c>
      <c r="E25" s="538" t="s">
        <v>928</v>
      </c>
      <c r="F25" s="523" t="s">
        <v>927</v>
      </c>
      <c r="G25" s="523" t="s">
        <v>926</v>
      </c>
      <c r="H25" s="521" t="s">
        <v>10</v>
      </c>
      <c r="I25" s="521"/>
      <c r="J25" s="521">
        <v>1</v>
      </c>
      <c r="K25" s="521">
        <v>13</v>
      </c>
      <c r="L25" s="521">
        <v>1</v>
      </c>
      <c r="M25" s="521">
        <v>2016</v>
      </c>
      <c r="N25" s="521" t="s">
        <v>10</v>
      </c>
      <c r="O25" s="513" t="s">
        <v>4437</v>
      </c>
      <c r="P25" s="526"/>
      <c r="Q25" s="526"/>
      <c r="R25" s="527" t="s">
        <v>923</v>
      </c>
      <c r="S25" s="539" t="s">
        <v>4438</v>
      </c>
      <c r="T25" s="507"/>
      <c r="U25" s="507"/>
      <c r="V25" s="507"/>
      <c r="W25" s="507"/>
      <c r="X25" s="507"/>
      <c r="Y25" s="507"/>
      <c r="Z25" s="507"/>
      <c r="AA25" s="507"/>
    </row>
    <row r="26" spans="1:28" s="508" customFormat="1" ht="152.25" customHeight="1">
      <c r="A26" s="516">
        <f t="shared" si="0"/>
        <v>12</v>
      </c>
      <c r="B26" s="513" t="s">
        <v>4439</v>
      </c>
      <c r="C26" s="513" t="s">
        <v>15</v>
      </c>
      <c r="D26" s="513" t="s">
        <v>924</v>
      </c>
      <c r="E26" s="538" t="s">
        <v>919</v>
      </c>
      <c r="F26" s="523">
        <v>41081</v>
      </c>
      <c r="G26" s="524" t="s">
        <v>383</v>
      </c>
      <c r="H26" s="540" t="s">
        <v>4151</v>
      </c>
      <c r="I26" s="540"/>
      <c r="J26" s="521">
        <v>10</v>
      </c>
      <c r="K26" s="521">
        <v>40</v>
      </c>
      <c r="L26" s="521">
        <v>2</v>
      </c>
      <c r="M26" s="521">
        <v>2021</v>
      </c>
      <c r="N26" s="521" t="s">
        <v>10</v>
      </c>
      <c r="O26" s="513" t="s">
        <v>4440</v>
      </c>
      <c r="P26" s="526"/>
      <c r="Q26" s="526"/>
      <c r="R26" s="535" t="s">
        <v>4441</v>
      </c>
      <c r="S26" s="526"/>
      <c r="T26" s="507"/>
      <c r="U26" s="507"/>
      <c r="V26" s="507"/>
      <c r="W26" s="507"/>
      <c r="X26" s="507"/>
      <c r="Y26" s="507"/>
      <c r="Z26" s="507"/>
      <c r="AA26" s="507"/>
    </row>
    <row r="27" spans="1:28" s="508" customFormat="1" ht="152.25" customHeight="1">
      <c r="A27" s="516">
        <f t="shared" si="0"/>
        <v>13</v>
      </c>
      <c r="B27" s="513" t="s">
        <v>4442</v>
      </c>
      <c r="C27" s="513" t="s">
        <v>15</v>
      </c>
      <c r="D27" s="513" t="s">
        <v>920</v>
      </c>
      <c r="E27" s="538" t="s">
        <v>919</v>
      </c>
      <c r="F27" s="523">
        <v>41081</v>
      </c>
      <c r="G27" s="524" t="s">
        <v>383</v>
      </c>
      <c r="H27" s="525" t="s">
        <v>4443</v>
      </c>
      <c r="I27" s="525"/>
      <c r="J27" s="521">
        <v>8</v>
      </c>
      <c r="K27" s="521">
        <v>41</v>
      </c>
      <c r="L27" s="521">
        <v>2</v>
      </c>
      <c r="M27" s="521">
        <v>2018</v>
      </c>
      <c r="N27" s="521" t="s">
        <v>10</v>
      </c>
      <c r="O27" s="513" t="s">
        <v>4444</v>
      </c>
      <c r="P27" s="526"/>
      <c r="Q27" s="526"/>
      <c r="R27" s="527" t="s">
        <v>4441</v>
      </c>
      <c r="S27" s="526" t="s">
        <v>4445</v>
      </c>
      <c r="T27" s="507"/>
      <c r="U27" s="507"/>
      <c r="V27" s="507"/>
      <c r="W27" s="507"/>
      <c r="X27" s="507"/>
      <c r="Y27" s="507"/>
      <c r="Z27" s="507"/>
      <c r="AA27" s="507"/>
    </row>
    <row r="28" spans="1:28" s="508" customFormat="1" ht="120" customHeight="1">
      <c r="A28" s="516">
        <f t="shared" si="0"/>
        <v>14</v>
      </c>
      <c r="B28" s="531" t="s">
        <v>922</v>
      </c>
      <c r="C28" s="531" t="s">
        <v>15</v>
      </c>
      <c r="D28" s="531" t="s">
        <v>920</v>
      </c>
      <c r="E28" s="541" t="s">
        <v>919</v>
      </c>
      <c r="F28" s="530">
        <v>41081</v>
      </c>
      <c r="G28" s="542" t="s">
        <v>383</v>
      </c>
      <c r="H28" s="528" t="s">
        <v>10</v>
      </c>
      <c r="I28" s="528"/>
      <c r="J28" s="528">
        <v>6</v>
      </c>
      <c r="K28" s="528">
        <v>27</v>
      </c>
      <c r="L28" s="528">
        <v>2</v>
      </c>
      <c r="M28" s="528">
        <v>2022</v>
      </c>
      <c r="N28" s="528" t="s">
        <v>10</v>
      </c>
      <c r="O28" s="543" t="s">
        <v>4446</v>
      </c>
      <c r="P28" s="532"/>
      <c r="Q28" s="532"/>
      <c r="R28" s="535" t="s">
        <v>921</v>
      </c>
      <c r="S28" s="526" t="s">
        <v>4445</v>
      </c>
      <c r="T28" s="507"/>
      <c r="U28" s="507"/>
      <c r="V28" s="507"/>
      <c r="W28" s="507"/>
      <c r="X28" s="507"/>
      <c r="Y28" s="507"/>
      <c r="Z28" s="507"/>
      <c r="AA28" s="507"/>
    </row>
    <row r="29" spans="1:28" s="508" customFormat="1" ht="120" customHeight="1">
      <c r="A29" s="516">
        <f t="shared" si="0"/>
        <v>15</v>
      </c>
      <c r="B29" s="531" t="s">
        <v>4447</v>
      </c>
      <c r="C29" s="531" t="s">
        <v>15</v>
      </c>
      <c r="D29" s="531" t="s">
        <v>920</v>
      </c>
      <c r="E29" s="541" t="s">
        <v>919</v>
      </c>
      <c r="F29" s="530">
        <v>41081</v>
      </c>
      <c r="G29" s="542" t="s">
        <v>383</v>
      </c>
      <c r="H29" s="528" t="s">
        <v>10</v>
      </c>
      <c r="I29" s="528"/>
      <c r="J29" s="528">
        <v>1</v>
      </c>
      <c r="K29" s="528">
        <v>4</v>
      </c>
      <c r="L29" s="528">
        <v>2</v>
      </c>
      <c r="M29" s="528">
        <v>2021</v>
      </c>
      <c r="N29" s="528" t="s">
        <v>10</v>
      </c>
      <c r="O29" s="531" t="s">
        <v>4448</v>
      </c>
      <c r="P29" s="532"/>
      <c r="Q29" s="532" t="s">
        <v>918</v>
      </c>
      <c r="R29" s="544" t="s">
        <v>917</v>
      </c>
      <c r="S29" s="526"/>
      <c r="T29" s="507"/>
      <c r="U29" s="507"/>
      <c r="V29" s="507"/>
      <c r="W29" s="507"/>
      <c r="X29" s="507"/>
      <c r="Y29" s="507"/>
      <c r="Z29" s="507"/>
      <c r="AA29" s="507"/>
    </row>
    <row r="30" spans="1:28" s="508" customFormat="1" ht="120" customHeight="1">
      <c r="A30" s="516">
        <f t="shared" si="0"/>
        <v>16</v>
      </c>
      <c r="B30" s="513" t="s">
        <v>916</v>
      </c>
      <c r="C30" s="513" t="s">
        <v>15</v>
      </c>
      <c r="D30" s="513" t="s">
        <v>915</v>
      </c>
      <c r="E30" s="538" t="s">
        <v>914</v>
      </c>
      <c r="F30" s="524">
        <v>42556</v>
      </c>
      <c r="G30" s="521" t="s">
        <v>913</v>
      </c>
      <c r="H30" s="521" t="s">
        <v>10</v>
      </c>
      <c r="I30" s="521"/>
      <c r="J30" s="521">
        <v>4</v>
      </c>
      <c r="K30" s="521">
        <v>21</v>
      </c>
      <c r="L30" s="521">
        <v>1</v>
      </c>
      <c r="M30" s="521"/>
      <c r="N30" s="521"/>
      <c r="O30" s="513" t="s">
        <v>4449</v>
      </c>
      <c r="P30" s="526"/>
      <c r="Q30" s="545" t="s">
        <v>738</v>
      </c>
      <c r="R30" s="545" t="s">
        <v>912</v>
      </c>
      <c r="S30" s="526" t="s">
        <v>4450</v>
      </c>
      <c r="T30" s="507"/>
      <c r="U30" s="507"/>
      <c r="V30" s="507"/>
      <c r="W30" s="507"/>
      <c r="X30" s="507"/>
      <c r="Y30" s="507"/>
      <c r="Z30" s="507"/>
      <c r="AA30" s="507"/>
    </row>
    <row r="31" spans="1:28" s="508" customFormat="1" ht="120" customHeight="1">
      <c r="A31" s="516">
        <f t="shared" si="0"/>
        <v>17</v>
      </c>
      <c r="B31" s="513" t="s">
        <v>911</v>
      </c>
      <c r="C31" s="521" t="s">
        <v>27</v>
      </c>
      <c r="D31" s="513" t="s">
        <v>910</v>
      </c>
      <c r="E31" s="538" t="s">
        <v>909</v>
      </c>
      <c r="F31" s="523">
        <v>44295</v>
      </c>
      <c r="G31" s="524" t="s">
        <v>383</v>
      </c>
      <c r="H31" s="521" t="s">
        <v>10</v>
      </c>
      <c r="I31" s="521"/>
      <c r="J31" s="521">
        <v>4</v>
      </c>
      <c r="K31" s="521">
        <v>20</v>
      </c>
      <c r="L31" s="521">
        <v>1</v>
      </c>
      <c r="M31" s="521">
        <v>2021</v>
      </c>
      <c r="N31" s="521" t="s">
        <v>10</v>
      </c>
      <c r="O31" s="513" t="s">
        <v>4451</v>
      </c>
      <c r="P31" s="526"/>
      <c r="Q31" s="526"/>
      <c r="R31" s="527" t="s">
        <v>908</v>
      </c>
      <c r="S31" s="526" t="s">
        <v>4452</v>
      </c>
      <c r="T31" s="507"/>
      <c r="U31" s="507"/>
      <c r="V31" s="507"/>
      <c r="W31" s="507"/>
      <c r="X31" s="507"/>
      <c r="Y31" s="507"/>
      <c r="Z31" s="507"/>
      <c r="AA31" s="507"/>
    </row>
    <row r="32" spans="1:28" s="508" customFormat="1" ht="217.5" customHeight="1">
      <c r="A32" s="516">
        <f t="shared" si="0"/>
        <v>18</v>
      </c>
      <c r="B32" s="513" t="s">
        <v>4453</v>
      </c>
      <c r="C32" s="513" t="s">
        <v>15</v>
      </c>
      <c r="D32" s="513" t="s">
        <v>907</v>
      </c>
      <c r="E32" s="538" t="s">
        <v>906</v>
      </c>
      <c r="F32" s="523">
        <v>44747</v>
      </c>
      <c r="G32" s="524" t="s">
        <v>905</v>
      </c>
      <c r="H32" s="521" t="s">
        <v>10</v>
      </c>
      <c r="I32" s="521"/>
      <c r="J32" s="521">
        <v>2</v>
      </c>
      <c r="K32" s="521">
        <v>40</v>
      </c>
      <c r="L32" s="521">
        <v>1</v>
      </c>
      <c r="M32" s="521">
        <v>2022</v>
      </c>
      <c r="N32" s="521" t="s">
        <v>10</v>
      </c>
      <c r="O32" s="546" t="s">
        <v>4454</v>
      </c>
      <c r="P32" s="526"/>
      <c r="Q32" s="526"/>
      <c r="R32" s="527" t="s">
        <v>904</v>
      </c>
      <c r="S32" s="526" t="s">
        <v>4455</v>
      </c>
      <c r="T32" s="507"/>
      <c r="U32" s="507"/>
      <c r="V32" s="507"/>
      <c r="W32" s="507"/>
      <c r="X32" s="507"/>
      <c r="Y32" s="507"/>
      <c r="Z32" s="507"/>
      <c r="AA32" s="507"/>
    </row>
    <row r="33" spans="1:28" s="508" customFormat="1" ht="173.25">
      <c r="A33" s="516">
        <f t="shared" si="0"/>
        <v>19</v>
      </c>
      <c r="B33" s="528" t="s">
        <v>903</v>
      </c>
      <c r="C33" s="534" t="s">
        <v>902</v>
      </c>
      <c r="D33" s="534" t="s">
        <v>901</v>
      </c>
      <c r="E33" s="547">
        <v>101402240462</v>
      </c>
      <c r="F33" s="548">
        <v>42153</v>
      </c>
      <c r="G33" s="542" t="s">
        <v>900</v>
      </c>
      <c r="H33" s="534" t="s">
        <v>10</v>
      </c>
      <c r="I33" s="534"/>
      <c r="J33" s="534">
        <v>3</v>
      </c>
      <c r="K33" s="534">
        <v>14</v>
      </c>
      <c r="L33" s="534">
        <v>2</v>
      </c>
      <c r="M33" s="549">
        <v>2022</v>
      </c>
      <c r="N33" s="534" t="s">
        <v>10</v>
      </c>
      <c r="O33" s="550" t="s">
        <v>4456</v>
      </c>
      <c r="P33" s="549"/>
      <c r="Q33" s="532" t="s">
        <v>899</v>
      </c>
      <c r="R33" s="527" t="s">
        <v>898</v>
      </c>
      <c r="S33" s="521" t="s">
        <v>4457</v>
      </c>
      <c r="T33" s="507"/>
      <c r="U33" s="507"/>
      <c r="V33" s="507"/>
      <c r="W33" s="507"/>
      <c r="X33" s="507"/>
      <c r="Y33" s="507"/>
      <c r="Z33" s="507"/>
      <c r="AA33" s="507"/>
    </row>
    <row r="34" spans="1:28" s="508" customFormat="1" ht="141.75">
      <c r="A34" s="516">
        <f t="shared" si="0"/>
        <v>20</v>
      </c>
      <c r="B34" s="528" t="s">
        <v>4458</v>
      </c>
      <c r="C34" s="534" t="s">
        <v>902</v>
      </c>
      <c r="D34" s="534" t="s">
        <v>901</v>
      </c>
      <c r="E34" s="547">
        <v>101402240462</v>
      </c>
      <c r="F34" s="548">
        <v>42153</v>
      </c>
      <c r="G34" s="542" t="s">
        <v>900</v>
      </c>
      <c r="H34" s="534" t="s">
        <v>10</v>
      </c>
      <c r="I34" s="534"/>
      <c r="J34" s="534">
        <v>1</v>
      </c>
      <c r="K34" s="551">
        <v>6</v>
      </c>
      <c r="L34" s="534">
        <v>2</v>
      </c>
      <c r="M34" s="549">
        <v>2022</v>
      </c>
      <c r="N34" s="534" t="s">
        <v>10</v>
      </c>
      <c r="O34" s="549" t="s">
        <v>4459</v>
      </c>
      <c r="P34" s="549"/>
      <c r="Q34" s="532" t="s">
        <v>899</v>
      </c>
      <c r="R34" s="527"/>
      <c r="S34" s="521" t="s">
        <v>4457</v>
      </c>
      <c r="T34" s="507"/>
      <c r="U34" s="507"/>
      <c r="V34" s="507"/>
      <c r="W34" s="507"/>
      <c r="X34" s="507"/>
      <c r="Y34" s="507"/>
      <c r="Z34" s="507"/>
      <c r="AA34" s="507"/>
    </row>
    <row r="35" spans="1:28" s="508" customFormat="1" ht="120" customHeight="1">
      <c r="A35" s="516">
        <f t="shared" si="0"/>
        <v>21</v>
      </c>
      <c r="B35" s="521" t="s">
        <v>897</v>
      </c>
      <c r="C35" s="521" t="s">
        <v>27</v>
      </c>
      <c r="D35" s="521" t="s">
        <v>896</v>
      </c>
      <c r="E35" s="522" t="s">
        <v>895</v>
      </c>
      <c r="F35" s="523">
        <v>44166</v>
      </c>
      <c r="G35" s="523"/>
      <c r="H35" s="521" t="s">
        <v>10</v>
      </c>
      <c r="I35" s="521"/>
      <c r="J35" s="521">
        <v>3</v>
      </c>
      <c r="K35" s="521">
        <v>22</v>
      </c>
      <c r="L35" s="521">
        <v>0</v>
      </c>
      <c r="M35" s="521">
        <v>2013</v>
      </c>
      <c r="N35" s="521" t="s">
        <v>10</v>
      </c>
      <c r="O35" s="513" t="s">
        <v>4671</v>
      </c>
      <c r="P35" s="526"/>
      <c r="Q35" s="552"/>
      <c r="R35" s="553" t="s">
        <v>894</v>
      </c>
      <c r="S35" s="526" t="s">
        <v>4460</v>
      </c>
      <c r="T35" s="507"/>
      <c r="U35" s="507"/>
      <c r="V35" s="507"/>
      <c r="W35" s="507"/>
      <c r="X35" s="507"/>
      <c r="Y35" s="507"/>
      <c r="Z35" s="507"/>
      <c r="AA35" s="507"/>
    </row>
    <row r="36" spans="1:28" s="508" customFormat="1" ht="120" customHeight="1">
      <c r="A36" s="516">
        <f t="shared" si="0"/>
        <v>22</v>
      </c>
      <c r="B36" s="528" t="s">
        <v>893</v>
      </c>
      <c r="C36" s="528" t="s">
        <v>27</v>
      </c>
      <c r="D36" s="528" t="s">
        <v>4461</v>
      </c>
      <c r="E36" s="529" t="s">
        <v>892</v>
      </c>
      <c r="F36" s="530" t="s">
        <v>891</v>
      </c>
      <c r="G36" s="530" t="s">
        <v>890</v>
      </c>
      <c r="H36" s="528" t="s">
        <v>10</v>
      </c>
      <c r="I36" s="528"/>
      <c r="J36" s="531">
        <v>14</v>
      </c>
      <c r="K36" s="531">
        <v>112</v>
      </c>
      <c r="L36" s="528">
        <v>0</v>
      </c>
      <c r="M36" s="528">
        <v>2023</v>
      </c>
      <c r="N36" s="528"/>
      <c r="O36" s="531" t="s">
        <v>4462</v>
      </c>
      <c r="P36" s="532"/>
      <c r="Q36" s="532"/>
      <c r="R36" s="554" t="s">
        <v>889</v>
      </c>
      <c r="S36" s="526" t="s">
        <v>4463</v>
      </c>
      <c r="T36" s="507"/>
      <c r="U36" s="507"/>
      <c r="V36" s="507"/>
      <c r="W36" s="507"/>
      <c r="X36" s="507"/>
      <c r="Y36" s="507"/>
      <c r="Z36" s="507"/>
      <c r="AA36" s="507"/>
    </row>
    <row r="37" spans="1:28" s="508" customFormat="1" ht="120" customHeight="1">
      <c r="A37" s="516">
        <f t="shared" si="0"/>
        <v>23</v>
      </c>
      <c r="B37" s="521" t="s">
        <v>888</v>
      </c>
      <c r="C37" s="521" t="s">
        <v>27</v>
      </c>
      <c r="D37" s="521" t="s">
        <v>886</v>
      </c>
      <c r="E37" s="522" t="s">
        <v>885</v>
      </c>
      <c r="F37" s="523" t="s">
        <v>884</v>
      </c>
      <c r="G37" s="523"/>
      <c r="H37" s="521" t="s">
        <v>10</v>
      </c>
      <c r="I37" s="521"/>
      <c r="J37" s="521">
        <v>1</v>
      </c>
      <c r="K37" s="521">
        <v>12</v>
      </c>
      <c r="L37" s="521">
        <v>0</v>
      </c>
      <c r="M37" s="521">
        <v>2019</v>
      </c>
      <c r="N37" s="521" t="s">
        <v>10</v>
      </c>
      <c r="O37" s="513" t="s">
        <v>4464</v>
      </c>
      <c r="P37" s="526"/>
      <c r="Q37" s="532"/>
      <c r="R37" s="527" t="s">
        <v>887</v>
      </c>
      <c r="S37" s="526" t="s">
        <v>4465</v>
      </c>
      <c r="T37" s="507"/>
      <c r="U37" s="507"/>
      <c r="V37" s="507"/>
      <c r="W37" s="507"/>
      <c r="X37" s="507"/>
      <c r="Y37" s="507"/>
      <c r="Z37" s="507"/>
      <c r="AA37" s="507"/>
    </row>
    <row r="38" spans="1:28" s="508" customFormat="1" ht="120" customHeight="1">
      <c r="A38" s="516">
        <f t="shared" si="0"/>
        <v>24</v>
      </c>
      <c r="B38" s="555" t="s">
        <v>4466</v>
      </c>
      <c r="C38" s="555" t="s">
        <v>179</v>
      </c>
      <c r="D38" s="555" t="s">
        <v>875</v>
      </c>
      <c r="E38" s="556" t="s">
        <v>874</v>
      </c>
      <c r="F38" s="557">
        <v>43643</v>
      </c>
      <c r="G38" s="513" t="s">
        <v>125</v>
      </c>
      <c r="H38" s="558" t="s">
        <v>4467</v>
      </c>
      <c r="I38" s="1098"/>
      <c r="J38" s="559">
        <v>1</v>
      </c>
      <c r="K38" s="559">
        <v>18</v>
      </c>
      <c r="L38" s="555">
        <v>2</v>
      </c>
      <c r="M38" s="555"/>
      <c r="N38" s="555" t="s">
        <v>10</v>
      </c>
      <c r="O38" s="513" t="s">
        <v>4468</v>
      </c>
      <c r="P38" s="560"/>
      <c r="Q38" s="526"/>
      <c r="R38" s="535" t="s">
        <v>873</v>
      </c>
      <c r="S38" s="526" t="s">
        <v>4469</v>
      </c>
      <c r="T38" s="507"/>
      <c r="U38" s="507"/>
      <c r="V38" s="507"/>
      <c r="W38" s="507"/>
      <c r="X38" s="507"/>
      <c r="Y38" s="507"/>
      <c r="Z38" s="507"/>
      <c r="AA38" s="507"/>
    </row>
    <row r="39" spans="1:28" s="508" customFormat="1" ht="120" customHeight="1">
      <c r="A39" s="516">
        <f t="shared" si="0"/>
        <v>25</v>
      </c>
      <c r="B39" s="513" t="s">
        <v>872</v>
      </c>
      <c r="C39" s="513" t="s">
        <v>179</v>
      </c>
      <c r="D39" s="513" t="s">
        <v>871</v>
      </c>
      <c r="E39" s="561" t="s">
        <v>870</v>
      </c>
      <c r="F39" s="557">
        <v>38440</v>
      </c>
      <c r="G39" s="524" t="s">
        <v>869</v>
      </c>
      <c r="H39" s="521" t="s">
        <v>10</v>
      </c>
      <c r="I39" s="521"/>
      <c r="J39" s="521">
        <v>7</v>
      </c>
      <c r="K39" s="521">
        <v>46</v>
      </c>
      <c r="L39" s="521">
        <v>1</v>
      </c>
      <c r="M39" s="521">
        <v>2005</v>
      </c>
      <c r="N39" s="521" t="s">
        <v>10</v>
      </c>
      <c r="O39" s="513" t="s">
        <v>4470</v>
      </c>
      <c r="P39" s="526"/>
      <c r="Q39" s="526"/>
      <c r="R39" s="527" t="s">
        <v>868</v>
      </c>
      <c r="S39" s="526" t="s">
        <v>4471</v>
      </c>
      <c r="T39" s="507"/>
      <c r="U39" s="507"/>
      <c r="V39" s="507"/>
      <c r="W39" s="507"/>
      <c r="X39" s="507"/>
      <c r="Y39" s="507"/>
      <c r="Z39" s="507"/>
      <c r="AA39" s="507"/>
    </row>
    <row r="40" spans="1:28" s="508" customFormat="1" ht="120" customHeight="1">
      <c r="A40" s="516">
        <f t="shared" si="0"/>
        <v>26</v>
      </c>
      <c r="B40" s="513" t="s">
        <v>4668</v>
      </c>
      <c r="C40" s="513" t="s">
        <v>179</v>
      </c>
      <c r="D40" s="513" t="s">
        <v>867</v>
      </c>
      <c r="E40" s="561" t="s">
        <v>866</v>
      </c>
      <c r="F40" s="557">
        <v>43577</v>
      </c>
      <c r="G40" s="524" t="s">
        <v>63</v>
      </c>
      <c r="H40" s="513" t="s">
        <v>4472</v>
      </c>
      <c r="I40" s="513"/>
      <c r="J40" s="521">
        <v>49</v>
      </c>
      <c r="K40" s="521">
        <v>87</v>
      </c>
      <c r="L40" s="521">
        <v>7</v>
      </c>
      <c r="M40" s="521">
        <v>1990</v>
      </c>
      <c r="N40" s="521" t="s">
        <v>10</v>
      </c>
      <c r="O40" s="513" t="s">
        <v>4473</v>
      </c>
      <c r="P40" s="526"/>
      <c r="Q40" s="526"/>
      <c r="R40" s="544" t="s">
        <v>865</v>
      </c>
      <c r="S40" s="526" t="s">
        <v>4474</v>
      </c>
      <c r="T40" s="507"/>
      <c r="U40" s="507"/>
      <c r="V40" s="507"/>
      <c r="W40" s="507"/>
      <c r="X40" s="507"/>
      <c r="Y40" s="507"/>
      <c r="Z40" s="507"/>
      <c r="AA40" s="507"/>
    </row>
    <row r="41" spans="1:28" s="508" customFormat="1" ht="120" customHeight="1">
      <c r="A41" s="516">
        <f t="shared" si="0"/>
        <v>27</v>
      </c>
      <c r="B41" s="513" t="s">
        <v>864</v>
      </c>
      <c r="C41" s="513" t="s">
        <v>179</v>
      </c>
      <c r="D41" s="513" t="s">
        <v>863</v>
      </c>
      <c r="E41" s="561" t="s">
        <v>862</v>
      </c>
      <c r="F41" s="557">
        <v>43810</v>
      </c>
      <c r="G41" s="524" t="s">
        <v>63</v>
      </c>
      <c r="H41" s="562" t="s">
        <v>4152</v>
      </c>
      <c r="I41" s="562"/>
      <c r="J41" s="563">
        <v>15</v>
      </c>
      <c r="K41" s="563">
        <v>60</v>
      </c>
      <c r="L41" s="563">
        <v>1</v>
      </c>
      <c r="M41" s="563">
        <v>2020</v>
      </c>
      <c r="N41" s="563" t="s">
        <v>10</v>
      </c>
      <c r="O41" s="513" t="s">
        <v>4475</v>
      </c>
      <c r="P41" s="564"/>
      <c r="Q41" s="526"/>
      <c r="R41" s="527" t="s">
        <v>861</v>
      </c>
      <c r="S41" s="526" t="s">
        <v>4476</v>
      </c>
      <c r="T41" s="507"/>
      <c r="U41" s="507"/>
      <c r="V41" s="507"/>
      <c r="W41" s="507"/>
      <c r="X41" s="507"/>
      <c r="Y41" s="507"/>
      <c r="Z41" s="507"/>
      <c r="AA41" s="507"/>
    </row>
    <row r="42" spans="1:28" s="568" customFormat="1" ht="120" customHeight="1">
      <c r="A42" s="516">
        <f t="shared" si="0"/>
        <v>28</v>
      </c>
      <c r="B42" s="513" t="s">
        <v>860</v>
      </c>
      <c r="C42" s="513" t="s">
        <v>179</v>
      </c>
      <c r="D42" s="513" t="s">
        <v>859</v>
      </c>
      <c r="E42" s="565" t="s">
        <v>858</v>
      </c>
      <c r="F42" s="557">
        <v>43367</v>
      </c>
      <c r="G42" s="524" t="s">
        <v>63</v>
      </c>
      <c r="H42" s="563" t="s">
        <v>10</v>
      </c>
      <c r="I42" s="563"/>
      <c r="J42" s="566">
        <v>1</v>
      </c>
      <c r="K42" s="566">
        <v>6</v>
      </c>
      <c r="L42" s="563">
        <v>1</v>
      </c>
      <c r="M42" s="563"/>
      <c r="N42" s="563" t="s">
        <v>10</v>
      </c>
      <c r="O42" s="513" t="s">
        <v>4477</v>
      </c>
      <c r="P42" s="564"/>
      <c r="Q42" s="526"/>
      <c r="R42" s="527" t="s">
        <v>857</v>
      </c>
      <c r="S42" s="526" t="s">
        <v>4478</v>
      </c>
      <c r="T42" s="507"/>
      <c r="U42" s="507"/>
      <c r="V42" s="507"/>
      <c r="W42" s="507"/>
      <c r="X42" s="507"/>
      <c r="Y42" s="507"/>
      <c r="Z42" s="507"/>
      <c r="AA42" s="507"/>
      <c r="AB42" s="567"/>
    </row>
    <row r="43" spans="1:28" s="568" customFormat="1" ht="169.5" customHeight="1">
      <c r="A43" s="516">
        <f t="shared" si="0"/>
        <v>29</v>
      </c>
      <c r="B43" s="513" t="s">
        <v>856</v>
      </c>
      <c r="C43" s="513" t="s">
        <v>179</v>
      </c>
      <c r="D43" s="513" t="s">
        <v>855</v>
      </c>
      <c r="E43" s="538" t="s">
        <v>854</v>
      </c>
      <c r="F43" s="523">
        <v>43048</v>
      </c>
      <c r="G43" s="524" t="s">
        <v>63</v>
      </c>
      <c r="H43" s="563" t="s">
        <v>10</v>
      </c>
      <c r="I43" s="563"/>
      <c r="J43" s="563">
        <v>1</v>
      </c>
      <c r="K43" s="563">
        <v>5</v>
      </c>
      <c r="L43" s="563">
        <v>1</v>
      </c>
      <c r="M43" s="563">
        <v>2017</v>
      </c>
      <c r="N43" s="563" t="s">
        <v>10</v>
      </c>
      <c r="O43" s="513" t="s">
        <v>4479</v>
      </c>
      <c r="P43" s="564"/>
      <c r="Q43" s="526"/>
      <c r="R43" s="527" t="s">
        <v>853</v>
      </c>
      <c r="S43" s="526" t="s">
        <v>4480</v>
      </c>
      <c r="T43" s="507"/>
      <c r="U43" s="507"/>
      <c r="V43" s="507"/>
      <c r="W43" s="507"/>
      <c r="X43" s="507"/>
      <c r="Y43" s="507"/>
      <c r="Z43" s="507"/>
      <c r="AA43" s="507"/>
      <c r="AB43" s="567"/>
    </row>
    <row r="44" spans="1:28" s="508" customFormat="1" ht="165.75" customHeight="1">
      <c r="A44" s="516">
        <f t="shared" si="0"/>
        <v>30</v>
      </c>
      <c r="B44" s="521" t="s">
        <v>4481</v>
      </c>
      <c r="C44" s="521" t="s">
        <v>179</v>
      </c>
      <c r="D44" s="521" t="s">
        <v>852</v>
      </c>
      <c r="E44" s="522" t="s">
        <v>851</v>
      </c>
      <c r="F44" s="523">
        <v>43700</v>
      </c>
      <c r="G44" s="524" t="s">
        <v>383</v>
      </c>
      <c r="H44" s="525" t="s">
        <v>4153</v>
      </c>
      <c r="I44" s="525"/>
      <c r="J44" s="521">
        <v>8</v>
      </c>
      <c r="K44" s="521">
        <v>70</v>
      </c>
      <c r="L44" s="521">
        <v>3</v>
      </c>
      <c r="M44" s="521">
        <v>2016</v>
      </c>
      <c r="N44" s="521" t="s">
        <v>10</v>
      </c>
      <c r="O44" s="513" t="s">
        <v>4672</v>
      </c>
      <c r="P44" s="524"/>
      <c r="Q44" s="526"/>
      <c r="R44" s="527" t="s">
        <v>850</v>
      </c>
      <c r="S44" s="526" t="s">
        <v>4482</v>
      </c>
      <c r="T44" s="507"/>
      <c r="U44" s="507"/>
      <c r="V44" s="507"/>
      <c r="W44" s="507"/>
      <c r="X44" s="507"/>
      <c r="Y44" s="507"/>
      <c r="Z44" s="507"/>
      <c r="AA44" s="507"/>
    </row>
    <row r="45" spans="1:28" s="508" customFormat="1" ht="120" customHeight="1">
      <c r="A45" s="516">
        <f t="shared" si="0"/>
        <v>31</v>
      </c>
      <c r="B45" s="521" t="s">
        <v>849</v>
      </c>
      <c r="C45" s="521" t="s">
        <v>179</v>
      </c>
      <c r="D45" s="521" t="s">
        <v>848</v>
      </c>
      <c r="E45" s="522" t="s">
        <v>847</v>
      </c>
      <c r="F45" s="523">
        <v>40086</v>
      </c>
      <c r="G45" s="513" t="s">
        <v>4673</v>
      </c>
      <c r="H45" s="521" t="s">
        <v>10</v>
      </c>
      <c r="I45" s="521"/>
      <c r="J45" s="521">
        <v>2</v>
      </c>
      <c r="K45" s="521">
        <v>20</v>
      </c>
      <c r="L45" s="521">
        <v>1</v>
      </c>
      <c r="M45" s="521"/>
      <c r="N45" s="521" t="s">
        <v>10</v>
      </c>
      <c r="O45" s="526" t="s">
        <v>4483</v>
      </c>
      <c r="P45" s="526"/>
      <c r="Q45" s="526"/>
      <c r="R45" s="544" t="s">
        <v>846</v>
      </c>
      <c r="S45" s="526" t="s">
        <v>4484</v>
      </c>
      <c r="T45" s="507"/>
      <c r="U45" s="507"/>
      <c r="V45" s="507"/>
      <c r="W45" s="507"/>
      <c r="X45" s="507"/>
      <c r="Y45" s="507"/>
      <c r="Z45" s="507"/>
      <c r="AA45" s="507"/>
    </row>
    <row r="46" spans="1:28" s="508" customFormat="1" ht="120" customHeight="1">
      <c r="A46" s="516">
        <f t="shared" si="0"/>
        <v>32</v>
      </c>
      <c r="B46" s="528" t="s">
        <v>845</v>
      </c>
      <c r="C46" s="531" t="s">
        <v>27</v>
      </c>
      <c r="D46" s="534" t="s">
        <v>844</v>
      </c>
      <c r="E46" s="529" t="s">
        <v>843</v>
      </c>
      <c r="F46" s="530">
        <v>45134</v>
      </c>
      <c r="G46" s="528"/>
      <c r="H46" s="534" t="s">
        <v>10</v>
      </c>
      <c r="I46" s="534"/>
      <c r="J46" s="534">
        <v>1</v>
      </c>
      <c r="K46" s="534">
        <v>4</v>
      </c>
      <c r="L46" s="534">
        <v>0</v>
      </c>
      <c r="M46" s="534">
        <v>2023</v>
      </c>
      <c r="N46" s="534" t="s">
        <v>10</v>
      </c>
      <c r="O46" s="528" t="s">
        <v>4485</v>
      </c>
      <c r="P46" s="534"/>
      <c r="Q46" s="528" t="s">
        <v>842</v>
      </c>
      <c r="R46" s="535" t="s">
        <v>841</v>
      </c>
      <c r="S46" s="526"/>
      <c r="T46" s="507"/>
      <c r="U46" s="507"/>
      <c r="V46" s="507"/>
      <c r="W46" s="507"/>
      <c r="X46" s="507"/>
      <c r="Y46" s="507"/>
      <c r="Z46" s="507"/>
      <c r="AA46" s="507"/>
    </row>
    <row r="47" spans="1:28" s="508" customFormat="1" ht="143.25" customHeight="1">
      <c r="A47" s="516">
        <f t="shared" si="0"/>
        <v>33</v>
      </c>
      <c r="B47" s="563" t="s">
        <v>4674</v>
      </c>
      <c r="C47" s="569" t="s">
        <v>27</v>
      </c>
      <c r="D47" s="563" t="s">
        <v>840</v>
      </c>
      <c r="E47" s="570">
        <v>100703288508</v>
      </c>
      <c r="F47" s="569"/>
      <c r="G47" s="569" t="s">
        <v>731</v>
      </c>
      <c r="H47" s="563" t="s">
        <v>10</v>
      </c>
      <c r="I47" s="563"/>
      <c r="J47" s="571">
        <v>1</v>
      </c>
      <c r="K47" s="571">
        <v>6</v>
      </c>
      <c r="L47" s="571">
        <v>0</v>
      </c>
      <c r="M47" s="571">
        <v>2022</v>
      </c>
      <c r="N47" s="571" t="s">
        <v>10</v>
      </c>
      <c r="O47" s="569" t="s">
        <v>4486</v>
      </c>
      <c r="P47" s="572"/>
      <c r="Q47" s="573"/>
      <c r="R47" s="544" t="s">
        <v>839</v>
      </c>
      <c r="S47" s="574" t="s">
        <v>4487</v>
      </c>
      <c r="T47" s="507"/>
      <c r="U47" s="507"/>
      <c r="V47" s="507"/>
      <c r="W47" s="507"/>
      <c r="X47" s="507"/>
      <c r="Y47" s="507"/>
      <c r="Z47" s="507"/>
      <c r="AA47" s="507"/>
    </row>
    <row r="48" spans="1:28" s="508" customFormat="1" ht="125.25" customHeight="1">
      <c r="A48" s="516">
        <f t="shared" si="0"/>
        <v>34</v>
      </c>
      <c r="B48" s="528" t="s">
        <v>4488</v>
      </c>
      <c r="C48" s="528" t="s">
        <v>27</v>
      </c>
      <c r="D48" s="528" t="s">
        <v>838</v>
      </c>
      <c r="E48" s="529" t="s">
        <v>837</v>
      </c>
      <c r="F48" s="530">
        <v>45134</v>
      </c>
      <c r="G48" s="521" t="s">
        <v>770</v>
      </c>
      <c r="H48" s="528"/>
      <c r="I48" s="528"/>
      <c r="J48" s="528">
        <v>1</v>
      </c>
      <c r="K48" s="528">
        <v>4</v>
      </c>
      <c r="L48" s="528">
        <v>0</v>
      </c>
      <c r="M48" s="528">
        <v>2023</v>
      </c>
      <c r="N48" s="528"/>
      <c r="O48" s="528" t="s">
        <v>4675</v>
      </c>
      <c r="P48" s="528"/>
      <c r="Q48" s="528" t="s">
        <v>836</v>
      </c>
      <c r="R48" s="544" t="s">
        <v>4489</v>
      </c>
      <c r="S48" s="526"/>
      <c r="T48" s="507"/>
      <c r="U48" s="507"/>
      <c r="V48" s="507"/>
      <c r="W48" s="507"/>
      <c r="X48" s="507"/>
      <c r="Y48" s="507"/>
      <c r="Z48" s="507"/>
      <c r="AA48" s="507"/>
    </row>
    <row r="49" spans="1:27" s="508" customFormat="1" ht="119.25" customHeight="1">
      <c r="A49" s="516">
        <f t="shared" si="0"/>
        <v>35</v>
      </c>
      <c r="B49" s="528" t="s">
        <v>835</v>
      </c>
      <c r="C49" s="528" t="s">
        <v>27</v>
      </c>
      <c r="D49" s="528" t="s">
        <v>834</v>
      </c>
      <c r="E49" s="529" t="s">
        <v>833</v>
      </c>
      <c r="F49" s="530">
        <v>45134</v>
      </c>
      <c r="G49" s="521" t="s">
        <v>770</v>
      </c>
      <c r="H49" s="528"/>
      <c r="I49" s="528"/>
      <c r="J49" s="528">
        <v>1</v>
      </c>
      <c r="K49" s="528">
        <v>6</v>
      </c>
      <c r="L49" s="528">
        <v>0</v>
      </c>
      <c r="M49" s="528">
        <v>2023</v>
      </c>
      <c r="N49" s="528"/>
      <c r="O49" s="528" t="s">
        <v>4490</v>
      </c>
      <c r="P49" s="528"/>
      <c r="Q49" s="528"/>
      <c r="R49" s="533" t="s">
        <v>832</v>
      </c>
      <c r="S49" s="526" t="s">
        <v>4491</v>
      </c>
      <c r="T49" s="507"/>
      <c r="U49" s="507"/>
      <c r="V49" s="507"/>
      <c r="W49" s="507"/>
      <c r="X49" s="507"/>
      <c r="Y49" s="507"/>
      <c r="Z49" s="507"/>
      <c r="AA49" s="507"/>
    </row>
    <row r="50" spans="1:27" s="577" customFormat="1" ht="121.5" customHeight="1">
      <c r="A50" s="516">
        <f t="shared" si="0"/>
        <v>36</v>
      </c>
      <c r="B50" s="528" t="s">
        <v>831</v>
      </c>
      <c r="C50" s="528" t="s">
        <v>15</v>
      </c>
      <c r="D50" s="563" t="s">
        <v>830</v>
      </c>
      <c r="E50" s="547">
        <v>781662607328</v>
      </c>
      <c r="F50" s="530">
        <v>45091</v>
      </c>
      <c r="G50" s="521" t="s">
        <v>63</v>
      </c>
      <c r="H50" s="528" t="s">
        <v>10</v>
      </c>
      <c r="I50" s="528"/>
      <c r="J50" s="528">
        <v>10</v>
      </c>
      <c r="K50" s="528">
        <v>54</v>
      </c>
      <c r="L50" s="528">
        <v>0</v>
      </c>
      <c r="M50" s="528">
        <v>2023</v>
      </c>
      <c r="N50" s="528" t="s">
        <v>10</v>
      </c>
      <c r="O50" s="531" t="s">
        <v>4492</v>
      </c>
      <c r="P50" s="532"/>
      <c r="Q50" s="528"/>
      <c r="R50" s="575" t="s">
        <v>829</v>
      </c>
      <c r="S50" s="574" t="s">
        <v>4493</v>
      </c>
      <c r="T50" s="576"/>
      <c r="U50" s="576"/>
      <c r="V50" s="576"/>
      <c r="W50" s="576"/>
      <c r="X50" s="576"/>
      <c r="Y50" s="576"/>
      <c r="Z50" s="576"/>
      <c r="AA50" s="576"/>
    </row>
    <row r="51" spans="1:27" s="508" customFormat="1" ht="85.5" customHeight="1">
      <c r="A51" s="516">
        <f t="shared" si="0"/>
        <v>37</v>
      </c>
      <c r="B51" s="526" t="s">
        <v>828</v>
      </c>
      <c r="C51" s="528" t="s">
        <v>27</v>
      </c>
      <c r="D51" s="528" t="s">
        <v>827</v>
      </c>
      <c r="E51" s="547">
        <v>782022402902</v>
      </c>
      <c r="F51" s="530">
        <v>44823</v>
      </c>
      <c r="G51" s="521" t="s">
        <v>770</v>
      </c>
      <c r="H51" s="528" t="s">
        <v>10</v>
      </c>
      <c r="I51" s="528"/>
      <c r="J51" s="528">
        <v>7</v>
      </c>
      <c r="K51" s="528">
        <v>29</v>
      </c>
      <c r="L51" s="528">
        <v>0</v>
      </c>
      <c r="M51" s="528">
        <v>2021</v>
      </c>
      <c r="N51" s="528" t="s">
        <v>10</v>
      </c>
      <c r="O51" s="578" t="s">
        <v>4494</v>
      </c>
      <c r="P51" s="532"/>
      <c r="Q51" s="528"/>
      <c r="R51" s="527" t="s">
        <v>4495</v>
      </c>
      <c r="S51" s="526" t="s">
        <v>4496</v>
      </c>
      <c r="T51" s="507"/>
      <c r="U51" s="507"/>
      <c r="V51" s="507"/>
      <c r="W51" s="507"/>
      <c r="X51" s="507"/>
      <c r="Y51" s="507"/>
      <c r="Z51" s="507"/>
      <c r="AA51" s="507"/>
    </row>
    <row r="52" spans="1:27" s="508" customFormat="1" ht="85.5" customHeight="1">
      <c r="A52" s="516">
        <f t="shared" si="0"/>
        <v>38</v>
      </c>
      <c r="B52" s="521" t="s">
        <v>826</v>
      </c>
      <c r="C52" s="528" t="s">
        <v>27</v>
      </c>
      <c r="D52" s="521" t="s">
        <v>825</v>
      </c>
      <c r="E52" s="522" t="s">
        <v>824</v>
      </c>
      <c r="F52" s="521"/>
      <c r="G52" s="521" t="s">
        <v>770</v>
      </c>
      <c r="H52" s="521" t="s">
        <v>10</v>
      </c>
      <c r="I52" s="521"/>
      <c r="J52" s="521">
        <v>2</v>
      </c>
      <c r="K52" s="521">
        <v>14</v>
      </c>
      <c r="L52" s="521">
        <v>0</v>
      </c>
      <c r="M52" s="521">
        <v>2023</v>
      </c>
      <c r="N52" s="521" t="s">
        <v>10</v>
      </c>
      <c r="O52" s="521" t="s">
        <v>4497</v>
      </c>
      <c r="P52" s="532"/>
      <c r="Q52" s="528"/>
      <c r="R52" s="544" t="s">
        <v>823</v>
      </c>
      <c r="S52" s="526" t="s">
        <v>4498</v>
      </c>
      <c r="T52" s="507"/>
      <c r="U52" s="507"/>
      <c r="V52" s="507"/>
      <c r="W52" s="507"/>
      <c r="X52" s="507"/>
      <c r="Y52" s="507"/>
      <c r="Z52" s="507"/>
      <c r="AA52" s="507"/>
    </row>
    <row r="53" spans="1:27" s="508" customFormat="1" ht="191.25" customHeight="1">
      <c r="A53" s="516">
        <f t="shared" si="0"/>
        <v>39</v>
      </c>
      <c r="B53" s="521" t="s">
        <v>822</v>
      </c>
      <c r="C53" s="521"/>
      <c r="D53" s="579" t="s">
        <v>4499</v>
      </c>
      <c r="E53" s="580"/>
      <c r="F53" s="523"/>
      <c r="G53" s="522" t="s">
        <v>818</v>
      </c>
      <c r="H53" s="521" t="s">
        <v>10</v>
      </c>
      <c r="I53" s="521"/>
      <c r="J53" s="521">
        <v>1</v>
      </c>
      <c r="K53" s="521">
        <v>4</v>
      </c>
      <c r="L53" s="521">
        <v>0</v>
      </c>
      <c r="M53" s="521">
        <v>2024</v>
      </c>
      <c r="N53" s="521" t="s">
        <v>10</v>
      </c>
      <c r="O53" s="578" t="s">
        <v>4500</v>
      </c>
      <c r="P53" s="526"/>
      <c r="Q53" s="526"/>
      <c r="R53" s="527" t="s">
        <v>821</v>
      </c>
      <c r="S53" s="526"/>
      <c r="T53" s="507"/>
      <c r="U53" s="507"/>
      <c r="V53" s="507"/>
      <c r="W53" s="507"/>
      <c r="X53" s="507"/>
      <c r="Y53" s="507"/>
      <c r="Z53" s="507"/>
      <c r="AA53" s="507"/>
    </row>
    <row r="54" spans="1:27" s="508" customFormat="1" ht="157.5" customHeight="1">
      <c r="A54" s="516">
        <f t="shared" si="0"/>
        <v>40</v>
      </c>
      <c r="B54" s="521" t="s">
        <v>820</v>
      </c>
      <c r="C54" s="521" t="s">
        <v>15</v>
      </c>
      <c r="D54" s="521" t="s">
        <v>819</v>
      </c>
      <c r="E54" s="580">
        <v>100117333100</v>
      </c>
      <c r="F54" s="523">
        <v>45173</v>
      </c>
      <c r="G54" s="522" t="s">
        <v>818</v>
      </c>
      <c r="H54" s="521" t="s">
        <v>10</v>
      </c>
      <c r="I54" s="521"/>
      <c r="J54" s="521">
        <v>1</v>
      </c>
      <c r="K54" s="521">
        <v>4</v>
      </c>
      <c r="L54" s="521">
        <v>0</v>
      </c>
      <c r="M54" s="521">
        <v>2023</v>
      </c>
      <c r="N54" s="521" t="s">
        <v>10</v>
      </c>
      <c r="O54" s="578" t="s">
        <v>4501</v>
      </c>
      <c r="P54" s="526"/>
      <c r="Q54" s="526"/>
      <c r="R54" s="535" t="s">
        <v>817</v>
      </c>
      <c r="S54" s="526" t="s">
        <v>4502</v>
      </c>
      <c r="T54" s="507"/>
      <c r="U54" s="507"/>
      <c r="V54" s="507"/>
      <c r="W54" s="507"/>
      <c r="X54" s="507"/>
      <c r="Y54" s="507"/>
      <c r="Z54" s="507"/>
      <c r="AA54" s="507"/>
    </row>
    <row r="55" spans="1:27" s="508" customFormat="1" ht="157.5" customHeight="1">
      <c r="A55" s="516">
        <f t="shared" si="0"/>
        <v>41</v>
      </c>
      <c r="B55" s="521" t="s">
        <v>816</v>
      </c>
      <c r="C55" s="521" t="s">
        <v>15</v>
      </c>
      <c r="D55" s="521" t="s">
        <v>815</v>
      </c>
      <c r="E55" s="522" t="s">
        <v>814</v>
      </c>
      <c r="F55" s="523">
        <v>38259</v>
      </c>
      <c r="G55" s="513" t="s">
        <v>532</v>
      </c>
      <c r="H55" s="521" t="s">
        <v>10</v>
      </c>
      <c r="I55" s="521"/>
      <c r="J55" s="521">
        <v>1</v>
      </c>
      <c r="K55" s="521">
        <v>24</v>
      </c>
      <c r="L55" s="521">
        <v>2</v>
      </c>
      <c r="M55" s="521">
        <v>2010</v>
      </c>
      <c r="N55" s="521" t="s">
        <v>10</v>
      </c>
      <c r="O55" s="513" t="s">
        <v>4503</v>
      </c>
      <c r="P55" s="521"/>
      <c r="Q55" s="581"/>
      <c r="R55" s="513" t="s">
        <v>813</v>
      </c>
      <c r="S55" s="521" t="s">
        <v>4432</v>
      </c>
      <c r="T55" s="507"/>
      <c r="U55" s="507"/>
      <c r="V55" s="507"/>
      <c r="W55" s="507"/>
      <c r="X55" s="507"/>
      <c r="Y55" s="507"/>
      <c r="Z55" s="507"/>
      <c r="AA55" s="507"/>
    </row>
    <row r="56" spans="1:27" s="508" customFormat="1" ht="237" customHeight="1">
      <c r="A56" s="516">
        <f t="shared" si="0"/>
        <v>42</v>
      </c>
      <c r="B56" s="521" t="s">
        <v>812</v>
      </c>
      <c r="C56" s="528" t="s">
        <v>27</v>
      </c>
      <c r="D56" s="521" t="s">
        <v>811</v>
      </c>
      <c r="E56" s="522" t="s">
        <v>4504</v>
      </c>
      <c r="F56" s="521"/>
      <c r="G56" s="521" t="s">
        <v>731</v>
      </c>
      <c r="H56" s="521" t="s">
        <v>10</v>
      </c>
      <c r="I56" s="521"/>
      <c r="J56" s="521">
        <v>1</v>
      </c>
      <c r="K56" s="521">
        <v>11</v>
      </c>
      <c r="L56" s="521">
        <v>0</v>
      </c>
      <c r="M56" s="521">
        <v>2024</v>
      </c>
      <c r="N56" s="521" t="s">
        <v>10</v>
      </c>
      <c r="O56" s="578" t="s">
        <v>4505</v>
      </c>
      <c r="P56" s="526"/>
      <c r="Q56" s="526"/>
      <c r="R56" s="527" t="s">
        <v>810</v>
      </c>
      <c r="S56" s="527" t="s">
        <v>4506</v>
      </c>
      <c r="T56" s="507"/>
      <c r="U56" s="507"/>
      <c r="V56" s="507"/>
      <c r="W56" s="507"/>
      <c r="X56" s="507"/>
      <c r="Y56" s="507"/>
      <c r="Z56" s="507"/>
      <c r="AA56" s="507"/>
    </row>
    <row r="57" spans="1:27" s="508" customFormat="1" ht="237" customHeight="1">
      <c r="A57" s="516">
        <f t="shared" si="0"/>
        <v>43</v>
      </c>
      <c r="B57" s="521" t="s">
        <v>809</v>
      </c>
      <c r="C57" s="528" t="s">
        <v>27</v>
      </c>
      <c r="D57" s="521" t="s">
        <v>808</v>
      </c>
      <c r="E57" s="522" t="s">
        <v>4507</v>
      </c>
      <c r="F57" s="521"/>
      <c r="G57" s="521" t="s">
        <v>731</v>
      </c>
      <c r="H57" s="521" t="s">
        <v>10</v>
      </c>
      <c r="I57" s="521"/>
      <c r="J57" s="521">
        <v>1</v>
      </c>
      <c r="K57" s="521">
        <v>4</v>
      </c>
      <c r="L57" s="521">
        <v>0</v>
      </c>
      <c r="M57" s="521">
        <v>2024</v>
      </c>
      <c r="N57" s="521" t="s">
        <v>10</v>
      </c>
      <c r="O57" s="578" t="s">
        <v>4508</v>
      </c>
      <c r="P57" s="526"/>
      <c r="Q57" s="526"/>
      <c r="R57" s="527" t="s">
        <v>807</v>
      </c>
      <c r="S57" s="527" t="s">
        <v>4509</v>
      </c>
      <c r="T57" s="507"/>
      <c r="U57" s="507"/>
      <c r="V57" s="507"/>
      <c r="W57" s="507"/>
      <c r="X57" s="507"/>
      <c r="Y57" s="507"/>
      <c r="Z57" s="507"/>
      <c r="AA57" s="507"/>
    </row>
    <row r="58" spans="1:27" s="514" customFormat="1" ht="78.75">
      <c r="A58" s="516">
        <f t="shared" si="0"/>
        <v>44</v>
      </c>
      <c r="B58" s="521" t="s">
        <v>806</v>
      </c>
      <c r="C58" s="521" t="s">
        <v>27</v>
      </c>
      <c r="D58" s="521" t="s">
        <v>4510</v>
      </c>
      <c r="E58" s="522" t="s">
        <v>805</v>
      </c>
      <c r="F58" s="521">
        <v>2023</v>
      </c>
      <c r="G58" s="521" t="s">
        <v>731</v>
      </c>
      <c r="H58" s="521" t="s">
        <v>10</v>
      </c>
      <c r="I58" s="521"/>
      <c r="J58" s="521">
        <v>1</v>
      </c>
      <c r="K58" s="521">
        <v>4</v>
      </c>
      <c r="L58" s="521">
        <v>0</v>
      </c>
      <c r="M58" s="521">
        <v>2023</v>
      </c>
      <c r="N58" s="521" t="s">
        <v>10</v>
      </c>
      <c r="O58" s="578" t="s">
        <v>4511</v>
      </c>
      <c r="P58" s="526"/>
      <c r="Q58" s="526"/>
      <c r="R58" s="544" t="s">
        <v>804</v>
      </c>
      <c r="S58" s="526" t="s">
        <v>4512</v>
      </c>
    </row>
    <row r="59" spans="1:27" s="508" customFormat="1" ht="162.75" customHeight="1">
      <c r="A59" s="516">
        <f t="shared" si="0"/>
        <v>45</v>
      </c>
      <c r="B59" s="521" t="s">
        <v>803</v>
      </c>
      <c r="C59" s="528" t="s">
        <v>15</v>
      </c>
      <c r="D59" s="521" t="s">
        <v>802</v>
      </c>
      <c r="E59" s="522" t="s">
        <v>801</v>
      </c>
      <c r="F59" s="521"/>
      <c r="G59" s="521" t="s">
        <v>731</v>
      </c>
      <c r="H59" s="521" t="s">
        <v>10</v>
      </c>
      <c r="I59" s="521"/>
      <c r="J59" s="521">
        <v>1</v>
      </c>
      <c r="K59" s="521">
        <v>8</v>
      </c>
      <c r="L59" s="521">
        <v>0</v>
      </c>
      <c r="M59" s="521">
        <v>2023</v>
      </c>
      <c r="N59" s="521" t="s">
        <v>10</v>
      </c>
      <c r="O59" s="582" t="s">
        <v>4513</v>
      </c>
      <c r="P59" s="526"/>
      <c r="Q59" s="526"/>
      <c r="R59" s="527" t="s">
        <v>4514</v>
      </c>
      <c r="S59" s="526"/>
      <c r="T59" s="507"/>
      <c r="U59" s="507"/>
      <c r="V59" s="507"/>
      <c r="W59" s="507"/>
      <c r="X59" s="507"/>
      <c r="Y59" s="507"/>
      <c r="Z59" s="507"/>
      <c r="AA59" s="507"/>
    </row>
    <row r="60" spans="1:27" s="508" customFormat="1" ht="162.75" customHeight="1">
      <c r="A60" s="516">
        <f t="shared" si="0"/>
        <v>46</v>
      </c>
      <c r="B60" s="521" t="s">
        <v>800</v>
      </c>
      <c r="C60" s="521" t="s">
        <v>15</v>
      </c>
      <c r="D60" s="521" t="s">
        <v>799</v>
      </c>
      <c r="E60" s="522" t="s">
        <v>4515</v>
      </c>
      <c r="F60" s="521"/>
      <c r="G60" s="521" t="s">
        <v>731</v>
      </c>
      <c r="H60" s="521" t="s">
        <v>10</v>
      </c>
      <c r="I60" s="521"/>
      <c r="J60" s="521">
        <v>1</v>
      </c>
      <c r="K60" s="521">
        <v>6</v>
      </c>
      <c r="L60" s="521">
        <v>0</v>
      </c>
      <c r="M60" s="521">
        <v>2023</v>
      </c>
      <c r="N60" s="521" t="s">
        <v>10</v>
      </c>
      <c r="O60" s="578" t="s">
        <v>4516</v>
      </c>
      <c r="P60" s="526"/>
      <c r="Q60" s="526"/>
      <c r="R60" s="544" t="s">
        <v>798</v>
      </c>
      <c r="S60" s="526"/>
      <c r="T60" s="507"/>
      <c r="U60" s="507"/>
      <c r="V60" s="507"/>
      <c r="W60" s="507"/>
      <c r="X60" s="507"/>
      <c r="Y60" s="507"/>
      <c r="Z60" s="507"/>
      <c r="AA60" s="507"/>
    </row>
    <row r="61" spans="1:27" s="508" customFormat="1" ht="237" customHeight="1">
      <c r="A61" s="516">
        <f t="shared" si="0"/>
        <v>47</v>
      </c>
      <c r="B61" s="521" t="s">
        <v>4517</v>
      </c>
      <c r="C61" s="521" t="s">
        <v>15</v>
      </c>
      <c r="D61" s="521" t="s">
        <v>4518</v>
      </c>
      <c r="E61" s="522" t="s">
        <v>4519</v>
      </c>
      <c r="F61" s="526"/>
      <c r="G61" s="526"/>
      <c r="H61" s="521" t="s">
        <v>10</v>
      </c>
      <c r="I61" s="521"/>
      <c r="J61" s="521">
        <v>1</v>
      </c>
      <c r="K61" s="521">
        <v>12</v>
      </c>
      <c r="L61" s="521"/>
      <c r="M61" s="521">
        <v>2024</v>
      </c>
      <c r="N61" s="521" t="s">
        <v>10</v>
      </c>
      <c r="O61" s="521" t="s">
        <v>4520</v>
      </c>
      <c r="P61" s="526"/>
      <c r="Q61" s="526"/>
      <c r="R61" s="544" t="s">
        <v>4521</v>
      </c>
      <c r="S61" s="526"/>
      <c r="T61" s="507"/>
      <c r="U61" s="507"/>
      <c r="V61" s="507"/>
      <c r="W61" s="507"/>
      <c r="X61" s="507"/>
      <c r="Y61" s="507"/>
      <c r="Z61" s="507"/>
      <c r="AA61" s="507"/>
    </row>
    <row r="62" spans="1:27" s="508" customFormat="1" ht="162.75" customHeight="1">
      <c r="A62" s="516">
        <f t="shared" si="0"/>
        <v>48</v>
      </c>
      <c r="B62" s="528" t="s">
        <v>776</v>
      </c>
      <c r="C62" s="528" t="s">
        <v>15</v>
      </c>
      <c r="D62" s="528" t="s">
        <v>775</v>
      </c>
      <c r="E62" s="521">
        <v>101502101230</v>
      </c>
      <c r="F62" s="521" t="s">
        <v>557</v>
      </c>
      <c r="G62" s="528"/>
      <c r="H62" s="528" t="s">
        <v>10</v>
      </c>
      <c r="I62" s="528"/>
      <c r="J62" s="528">
        <v>1</v>
      </c>
      <c r="K62" s="528">
        <v>8</v>
      </c>
      <c r="L62" s="532">
        <v>0</v>
      </c>
      <c r="M62" s="528"/>
      <c r="N62" s="528"/>
      <c r="O62" s="582" t="s">
        <v>4522</v>
      </c>
      <c r="P62" s="532"/>
      <c r="Q62" s="526"/>
      <c r="R62" s="583" t="s">
        <v>774</v>
      </c>
      <c r="S62" s="526"/>
      <c r="T62" s="507"/>
      <c r="U62" s="507"/>
      <c r="V62" s="507"/>
      <c r="W62" s="507"/>
      <c r="X62" s="507"/>
      <c r="Y62" s="507"/>
      <c r="Z62" s="507"/>
      <c r="AA62" s="507"/>
    </row>
    <row r="63" spans="1:27" s="508" customFormat="1" ht="237" customHeight="1">
      <c r="A63" s="516">
        <f t="shared" si="0"/>
        <v>49</v>
      </c>
      <c r="B63" s="521" t="s">
        <v>4523</v>
      </c>
      <c r="C63" s="521" t="s">
        <v>27</v>
      </c>
      <c r="D63" s="521" t="s">
        <v>759</v>
      </c>
      <c r="E63" s="522" t="s">
        <v>733</v>
      </c>
      <c r="F63" s="521" t="s">
        <v>732</v>
      </c>
      <c r="G63" s="521" t="s">
        <v>731</v>
      </c>
      <c r="H63" s="521" t="s">
        <v>10</v>
      </c>
      <c r="I63" s="521"/>
      <c r="J63" s="521">
        <v>1</v>
      </c>
      <c r="K63" s="521">
        <v>8</v>
      </c>
      <c r="L63" s="521">
        <v>0</v>
      </c>
      <c r="M63" s="521">
        <v>2023</v>
      </c>
      <c r="N63" s="521" t="s">
        <v>10</v>
      </c>
      <c r="O63" s="578" t="s">
        <v>4524</v>
      </c>
      <c r="P63" s="526"/>
      <c r="Q63" s="526"/>
      <c r="R63" s="527" t="s">
        <v>758</v>
      </c>
      <c r="S63" s="526"/>
      <c r="T63" s="507"/>
      <c r="U63" s="507"/>
      <c r="V63" s="507"/>
      <c r="W63" s="507"/>
      <c r="X63" s="507"/>
      <c r="Y63" s="507"/>
      <c r="Z63" s="507"/>
      <c r="AA63" s="507"/>
    </row>
    <row r="64" spans="1:27" s="508" customFormat="1" ht="126">
      <c r="A64" s="514">
        <v>50</v>
      </c>
      <c r="B64" s="521" t="s">
        <v>768</v>
      </c>
      <c r="C64" s="521" t="s">
        <v>767</v>
      </c>
      <c r="D64" s="521" t="s">
        <v>766</v>
      </c>
      <c r="E64" s="522" t="s">
        <v>765</v>
      </c>
      <c r="F64" s="523">
        <v>38561</v>
      </c>
      <c r="G64" s="521" t="s">
        <v>764</v>
      </c>
      <c r="H64" s="521" t="s">
        <v>10</v>
      </c>
      <c r="I64" s="521"/>
      <c r="J64" s="521">
        <v>2</v>
      </c>
      <c r="K64" s="521">
        <v>10</v>
      </c>
      <c r="L64" s="521">
        <v>0</v>
      </c>
      <c r="M64" s="521">
        <v>2023</v>
      </c>
      <c r="N64" s="521" t="s">
        <v>10</v>
      </c>
      <c r="O64" s="578" t="s">
        <v>4525</v>
      </c>
      <c r="P64" s="526"/>
      <c r="Q64" s="526"/>
      <c r="R64" s="527" t="s">
        <v>4526</v>
      </c>
      <c r="S64" s="526" t="s">
        <v>4527</v>
      </c>
      <c r="T64" s="507"/>
      <c r="U64" s="507"/>
      <c r="V64" s="507"/>
      <c r="W64" s="507"/>
      <c r="X64" s="507"/>
      <c r="Y64" s="507"/>
      <c r="Z64" s="507"/>
      <c r="AA64" s="507"/>
    </row>
    <row r="65" spans="1:27" s="508" customFormat="1" ht="69" customHeight="1">
      <c r="A65" s="584">
        <v>51</v>
      </c>
      <c r="B65" s="521" t="s">
        <v>752</v>
      </c>
      <c r="C65" s="528" t="s">
        <v>27</v>
      </c>
      <c r="D65" s="521" t="s">
        <v>4528</v>
      </c>
      <c r="E65" s="522" t="s">
        <v>4529</v>
      </c>
      <c r="F65" s="523">
        <v>44533</v>
      </c>
      <c r="G65" s="521" t="s">
        <v>731</v>
      </c>
      <c r="H65" s="521" t="s">
        <v>10</v>
      </c>
      <c r="I65" s="521"/>
      <c r="J65" s="521">
        <v>1</v>
      </c>
      <c r="K65" s="521">
        <v>6</v>
      </c>
      <c r="L65" s="521">
        <v>0</v>
      </c>
      <c r="M65" s="521">
        <v>2023</v>
      </c>
      <c r="N65" s="585" t="s">
        <v>10</v>
      </c>
      <c r="O65" s="586" t="s">
        <v>4530</v>
      </c>
      <c r="P65" s="526"/>
      <c r="Q65" s="526"/>
      <c r="R65" s="527" t="s">
        <v>751</v>
      </c>
      <c r="S65" s="526"/>
      <c r="T65" s="507"/>
      <c r="U65" s="507"/>
      <c r="V65" s="507"/>
      <c r="W65" s="507"/>
      <c r="X65" s="507"/>
      <c r="Y65" s="507"/>
      <c r="Z65" s="507"/>
      <c r="AA65" s="507"/>
    </row>
    <row r="66" spans="1:27" s="508" customFormat="1" ht="93" customHeight="1">
      <c r="A66" s="587">
        <v>52</v>
      </c>
      <c r="B66" s="588" t="s">
        <v>4531</v>
      </c>
      <c r="C66" s="555" t="s">
        <v>15</v>
      </c>
      <c r="D66" s="555" t="s">
        <v>4532</v>
      </c>
      <c r="E66" s="589">
        <v>101401310491</v>
      </c>
      <c r="F66" s="555"/>
      <c r="G66" s="555"/>
      <c r="H66" s="555"/>
      <c r="I66" s="1099"/>
      <c r="J66" s="555">
        <v>1</v>
      </c>
      <c r="K66" s="555">
        <v>7</v>
      </c>
      <c r="L66" s="555"/>
      <c r="M66" s="555">
        <v>2015</v>
      </c>
      <c r="N66" s="555" t="s">
        <v>10</v>
      </c>
      <c r="O66" s="590" t="s">
        <v>4533</v>
      </c>
      <c r="P66" s="555"/>
      <c r="Q66" s="555"/>
      <c r="R66" s="559" t="s">
        <v>4534</v>
      </c>
      <c r="S66" s="555"/>
      <c r="T66" s="507"/>
      <c r="U66" s="507"/>
      <c r="V66" s="507"/>
      <c r="W66" s="507"/>
      <c r="X66" s="507"/>
      <c r="Y66" s="507"/>
      <c r="Z66" s="507"/>
      <c r="AA66" s="507"/>
    </row>
    <row r="67" spans="1:27" s="508" customFormat="1" ht="43.5" customHeight="1">
      <c r="A67" s="528"/>
      <c r="B67" s="1224" t="s">
        <v>503</v>
      </c>
      <c r="C67" s="1225"/>
      <c r="D67" s="1225"/>
      <c r="E67" s="1225"/>
      <c r="F67" s="1225"/>
      <c r="G67" s="1225"/>
      <c r="H67" s="1225"/>
      <c r="I67" s="1226"/>
      <c r="J67" s="1225"/>
      <c r="K67" s="1225"/>
      <c r="L67" s="1225"/>
      <c r="M67" s="1225"/>
      <c r="N67" s="1225"/>
      <c r="O67" s="1225"/>
      <c r="P67" s="1225"/>
      <c r="Q67" s="1225"/>
      <c r="R67" s="1227"/>
      <c r="S67" s="507"/>
      <c r="T67" s="507"/>
      <c r="U67" s="507"/>
      <c r="V67" s="507"/>
      <c r="W67" s="507"/>
      <c r="X67" s="507"/>
      <c r="Y67" s="507"/>
      <c r="Z67" s="507"/>
      <c r="AA67" s="507"/>
    </row>
    <row r="68" spans="1:27" s="508" customFormat="1" ht="157.5" customHeight="1">
      <c r="A68" s="329">
        <v>1</v>
      </c>
      <c r="B68" s="521" t="s">
        <v>4669</v>
      </c>
      <c r="C68" s="521" t="s">
        <v>53</v>
      </c>
      <c r="D68" s="521" t="s">
        <v>879</v>
      </c>
      <c r="E68" s="522" t="s">
        <v>878</v>
      </c>
      <c r="F68" s="523" t="s">
        <v>883</v>
      </c>
      <c r="G68" s="523"/>
      <c r="H68" s="521" t="s">
        <v>10</v>
      </c>
      <c r="I68" s="521"/>
      <c r="J68" s="521">
        <v>4</v>
      </c>
      <c r="K68" s="521">
        <v>26</v>
      </c>
      <c r="L68" s="521">
        <v>0</v>
      </c>
      <c r="M68" s="521">
        <v>2010</v>
      </c>
      <c r="N68" s="521" t="s">
        <v>882</v>
      </c>
      <c r="O68" s="513" t="s">
        <v>4676</v>
      </c>
      <c r="P68" s="526"/>
      <c r="Q68" s="526"/>
      <c r="R68" s="527" t="s">
        <v>881</v>
      </c>
      <c r="S68" s="526" t="s">
        <v>4535</v>
      </c>
      <c r="T68" s="507"/>
      <c r="U68" s="507"/>
      <c r="V68" s="507"/>
      <c r="W68" s="507"/>
      <c r="X68" s="507"/>
      <c r="Y68" s="507"/>
      <c r="Z68" s="507"/>
      <c r="AA68" s="507"/>
    </row>
    <row r="69" spans="1:27" s="508" customFormat="1" ht="115.5" customHeight="1">
      <c r="A69" s="329">
        <f t="shared" ref="A69:A112" si="1">A68+1</f>
        <v>2</v>
      </c>
      <c r="B69" s="521" t="s">
        <v>880</v>
      </c>
      <c r="C69" s="521" t="s">
        <v>53</v>
      </c>
      <c r="D69" s="521" t="s">
        <v>879</v>
      </c>
      <c r="E69" s="522" t="s">
        <v>878</v>
      </c>
      <c r="F69" s="523" t="s">
        <v>877</v>
      </c>
      <c r="G69" s="523"/>
      <c r="H69" s="521" t="s">
        <v>10</v>
      </c>
      <c r="I69" s="521"/>
      <c r="J69" s="521">
        <v>1</v>
      </c>
      <c r="K69" s="521">
        <v>12</v>
      </c>
      <c r="L69" s="521">
        <v>0</v>
      </c>
      <c r="M69" s="521">
        <v>2010</v>
      </c>
      <c r="N69" s="521" t="s">
        <v>10</v>
      </c>
      <c r="O69" s="513" t="s">
        <v>4536</v>
      </c>
      <c r="P69" s="591"/>
      <c r="Q69" s="526"/>
      <c r="R69" s="527" t="s">
        <v>876</v>
      </c>
      <c r="S69" s="526" t="s">
        <v>4537</v>
      </c>
      <c r="T69" s="507"/>
      <c r="U69" s="507"/>
      <c r="V69" s="507"/>
      <c r="W69" s="507"/>
      <c r="X69" s="507"/>
      <c r="Y69" s="507"/>
      <c r="Z69" s="507"/>
      <c r="AA69" s="507"/>
    </row>
    <row r="70" spans="1:27" s="508" customFormat="1" ht="134.25" customHeight="1">
      <c r="A70" s="329">
        <f t="shared" si="1"/>
        <v>3</v>
      </c>
      <c r="B70" s="528" t="s">
        <v>4538</v>
      </c>
      <c r="C70" s="528" t="s">
        <v>53</v>
      </c>
      <c r="D70" s="528" t="s">
        <v>4539</v>
      </c>
      <c r="E70" s="592">
        <v>101400904277</v>
      </c>
      <c r="F70" s="528" t="s">
        <v>733</v>
      </c>
      <c r="G70" s="521" t="s">
        <v>770</v>
      </c>
      <c r="H70" s="528" t="s">
        <v>10</v>
      </c>
      <c r="I70" s="528"/>
      <c r="J70" s="528">
        <v>1</v>
      </c>
      <c r="K70" s="528">
        <v>6</v>
      </c>
      <c r="L70" s="528">
        <v>0</v>
      </c>
      <c r="M70" s="528">
        <v>2020</v>
      </c>
      <c r="N70" s="528"/>
      <c r="O70" s="531" t="s">
        <v>4540</v>
      </c>
      <c r="P70" s="528"/>
      <c r="Q70" s="528"/>
      <c r="R70" s="527" t="s">
        <v>797</v>
      </c>
      <c r="S70" s="526" t="s">
        <v>4541</v>
      </c>
      <c r="T70" s="507"/>
      <c r="U70" s="507"/>
      <c r="V70" s="507"/>
      <c r="W70" s="507"/>
      <c r="X70" s="507"/>
      <c r="Y70" s="507"/>
      <c r="Z70" s="507"/>
      <c r="AA70" s="507"/>
    </row>
    <row r="71" spans="1:27" s="508" customFormat="1" ht="335.25" customHeight="1">
      <c r="A71" s="329">
        <f t="shared" si="1"/>
        <v>4</v>
      </c>
      <c r="B71" s="526" t="s">
        <v>796</v>
      </c>
      <c r="C71" s="528" t="s">
        <v>53</v>
      </c>
      <c r="D71" s="528" t="s">
        <v>795</v>
      </c>
      <c r="E71" s="547">
        <v>101400600776</v>
      </c>
      <c r="F71" s="530" t="s">
        <v>794</v>
      </c>
      <c r="G71" s="521" t="s">
        <v>770</v>
      </c>
      <c r="H71" s="528" t="s">
        <v>10</v>
      </c>
      <c r="I71" s="528"/>
      <c r="J71" s="528">
        <v>1</v>
      </c>
      <c r="K71" s="528">
        <v>10</v>
      </c>
      <c r="L71" s="528">
        <v>0</v>
      </c>
      <c r="M71" s="528">
        <v>2020</v>
      </c>
      <c r="N71" s="528" t="s">
        <v>10</v>
      </c>
      <c r="O71" s="586" t="s">
        <v>4542</v>
      </c>
      <c r="P71" s="532"/>
      <c r="Q71" s="528"/>
      <c r="R71" s="575" t="s">
        <v>793</v>
      </c>
      <c r="S71" s="574"/>
      <c r="T71" s="507"/>
      <c r="U71" s="507"/>
      <c r="V71" s="507"/>
      <c r="W71" s="507"/>
      <c r="X71" s="507"/>
      <c r="Y71" s="507"/>
      <c r="Z71" s="507"/>
      <c r="AA71" s="507"/>
    </row>
    <row r="72" spans="1:27" s="508" customFormat="1" ht="83.25" customHeight="1">
      <c r="A72" s="329">
        <f t="shared" si="1"/>
        <v>5</v>
      </c>
      <c r="B72" s="526" t="s">
        <v>792</v>
      </c>
      <c r="C72" s="528" t="s">
        <v>53</v>
      </c>
      <c r="D72" s="528" t="s">
        <v>791</v>
      </c>
      <c r="E72" s="547">
        <v>101400085677</v>
      </c>
      <c r="F72" s="530" t="s">
        <v>733</v>
      </c>
      <c r="G72" s="521" t="s">
        <v>770</v>
      </c>
      <c r="H72" s="528" t="s">
        <v>10</v>
      </c>
      <c r="I72" s="528"/>
      <c r="J72" s="528">
        <v>1</v>
      </c>
      <c r="K72" s="528">
        <v>4</v>
      </c>
      <c r="L72" s="528">
        <v>0</v>
      </c>
      <c r="M72" s="528">
        <v>2021</v>
      </c>
      <c r="N72" s="528" t="s">
        <v>10</v>
      </c>
      <c r="O72" s="544" t="s">
        <v>4543</v>
      </c>
      <c r="P72" s="526"/>
      <c r="Q72" s="526"/>
      <c r="R72" s="544" t="s">
        <v>790</v>
      </c>
      <c r="S72" s="526" t="s">
        <v>4544</v>
      </c>
      <c r="T72" s="507"/>
      <c r="U72" s="507"/>
      <c r="V72" s="507"/>
      <c r="W72" s="507"/>
      <c r="X72" s="507"/>
      <c r="Y72" s="507"/>
      <c r="Z72" s="507"/>
      <c r="AA72" s="507"/>
    </row>
    <row r="73" spans="1:27" s="508" customFormat="1" ht="83.25" customHeight="1">
      <c r="A73" s="329">
        <f t="shared" si="1"/>
        <v>6</v>
      </c>
      <c r="B73" s="526" t="s">
        <v>789</v>
      </c>
      <c r="C73" s="521" t="s">
        <v>53</v>
      </c>
      <c r="D73" s="521" t="s">
        <v>788</v>
      </c>
      <c r="E73" s="593" t="s">
        <v>787</v>
      </c>
      <c r="F73" s="526" t="s">
        <v>733</v>
      </c>
      <c r="G73" s="521" t="s">
        <v>770</v>
      </c>
      <c r="H73" s="521"/>
      <c r="I73" s="521"/>
      <c r="J73" s="521">
        <v>1</v>
      </c>
      <c r="K73" s="521">
        <v>10</v>
      </c>
      <c r="L73" s="521">
        <v>0</v>
      </c>
      <c r="M73" s="521">
        <v>2023</v>
      </c>
      <c r="N73" s="521" t="s">
        <v>10</v>
      </c>
      <c r="O73" s="586" t="s">
        <v>4545</v>
      </c>
      <c r="P73" s="526"/>
      <c r="Q73" s="526"/>
      <c r="R73" s="535" t="s">
        <v>786</v>
      </c>
      <c r="S73" s="526"/>
      <c r="T73" s="507"/>
      <c r="U73" s="507"/>
      <c r="V73" s="507"/>
      <c r="W73" s="507"/>
      <c r="X73" s="507"/>
      <c r="Y73" s="507"/>
      <c r="Z73" s="507"/>
      <c r="AA73" s="507"/>
    </row>
    <row r="74" spans="1:27" s="508" customFormat="1" ht="60" customHeight="1">
      <c r="A74" s="329">
        <f t="shared" si="1"/>
        <v>7</v>
      </c>
      <c r="B74" s="526" t="s">
        <v>785</v>
      </c>
      <c r="C74" s="521" t="s">
        <v>53</v>
      </c>
      <c r="D74" s="521" t="s">
        <v>784</v>
      </c>
      <c r="E74" s="594">
        <v>100122556415</v>
      </c>
      <c r="F74" s="526" t="s">
        <v>733</v>
      </c>
      <c r="G74" s="521" t="s">
        <v>770</v>
      </c>
      <c r="H74" s="521" t="s">
        <v>10</v>
      </c>
      <c r="I74" s="521"/>
      <c r="J74" s="521">
        <v>1</v>
      </c>
      <c r="K74" s="521">
        <v>6</v>
      </c>
      <c r="L74" s="521">
        <v>0</v>
      </c>
      <c r="M74" s="521">
        <v>2022</v>
      </c>
      <c r="N74" s="521" t="s">
        <v>10</v>
      </c>
      <c r="O74" s="586" t="s">
        <v>4546</v>
      </c>
      <c r="P74" s="526"/>
      <c r="Q74" s="526"/>
      <c r="R74" s="535" t="s">
        <v>783</v>
      </c>
      <c r="S74" s="526"/>
      <c r="T74" s="507"/>
      <c r="U74" s="507"/>
      <c r="V74" s="507"/>
      <c r="W74" s="507"/>
      <c r="X74" s="507"/>
      <c r="Y74" s="507"/>
      <c r="Z74" s="507"/>
      <c r="AA74" s="507"/>
    </row>
    <row r="75" spans="1:27" s="508" customFormat="1" ht="162.75" customHeight="1">
      <c r="A75" s="329">
        <f t="shared" si="1"/>
        <v>8</v>
      </c>
      <c r="B75" s="521" t="s">
        <v>782</v>
      </c>
      <c r="C75" s="521" t="s">
        <v>53</v>
      </c>
      <c r="D75" s="521" t="s">
        <v>4547</v>
      </c>
      <c r="E75" s="595" t="s">
        <v>4548</v>
      </c>
      <c r="F75" s="521" t="s">
        <v>557</v>
      </c>
      <c r="G75" s="521" t="s">
        <v>557</v>
      </c>
      <c r="H75" s="521" t="s">
        <v>10</v>
      </c>
      <c r="I75" s="521"/>
      <c r="J75" s="521">
        <v>1</v>
      </c>
      <c r="K75" s="521">
        <v>10</v>
      </c>
      <c r="L75" s="526">
        <v>0</v>
      </c>
      <c r="M75" s="526">
        <v>2022</v>
      </c>
      <c r="N75" s="526" t="s">
        <v>10</v>
      </c>
      <c r="O75" s="513" t="s">
        <v>4549</v>
      </c>
      <c r="P75" s="526"/>
      <c r="Q75" s="532"/>
      <c r="R75" s="535" t="s">
        <v>781</v>
      </c>
      <c r="S75" s="526" t="s">
        <v>4550</v>
      </c>
      <c r="T75" s="507"/>
      <c r="U75" s="507"/>
      <c r="V75" s="507"/>
      <c r="W75" s="507"/>
      <c r="X75" s="507"/>
      <c r="Y75" s="507"/>
      <c r="Z75" s="507"/>
      <c r="AA75" s="507"/>
    </row>
    <row r="76" spans="1:27" s="508" customFormat="1" ht="162.75" customHeight="1">
      <c r="A76" s="329">
        <f t="shared" si="1"/>
        <v>9</v>
      </c>
      <c r="B76" s="521" t="s">
        <v>780</v>
      </c>
      <c r="C76" s="521" t="s">
        <v>53</v>
      </c>
      <c r="D76" s="521" t="s">
        <v>779</v>
      </c>
      <c r="E76" s="521" t="s">
        <v>557</v>
      </c>
      <c r="F76" s="521" t="s">
        <v>557</v>
      </c>
      <c r="G76" s="526" t="s">
        <v>778</v>
      </c>
      <c r="H76" s="521" t="s">
        <v>10</v>
      </c>
      <c r="I76" s="521"/>
      <c r="J76" s="521">
        <v>1</v>
      </c>
      <c r="K76" s="521">
        <v>10</v>
      </c>
      <c r="L76" s="526">
        <v>0</v>
      </c>
      <c r="M76" s="526">
        <v>2023</v>
      </c>
      <c r="N76" s="526" t="s">
        <v>10</v>
      </c>
      <c r="O76" s="513" t="s">
        <v>732</v>
      </c>
      <c r="P76" s="596"/>
      <c r="Q76" s="597"/>
      <c r="R76" s="527" t="s">
        <v>777</v>
      </c>
      <c r="S76" s="526">
        <v>89212232378</v>
      </c>
      <c r="T76" s="507"/>
      <c r="U76" s="507"/>
      <c r="V76" s="507"/>
      <c r="W76" s="507"/>
      <c r="X76" s="507"/>
      <c r="Y76" s="507"/>
      <c r="Z76" s="507"/>
      <c r="AA76" s="507"/>
    </row>
    <row r="77" spans="1:27" s="508" customFormat="1" ht="162.75" customHeight="1">
      <c r="A77" s="329">
        <f t="shared" si="1"/>
        <v>10</v>
      </c>
      <c r="B77" s="521" t="s">
        <v>773</v>
      </c>
      <c r="C77" s="521" t="s">
        <v>53</v>
      </c>
      <c r="D77" s="521" t="s">
        <v>772</v>
      </c>
      <c r="E77" s="522" t="s">
        <v>771</v>
      </c>
      <c r="F77" s="521" t="s">
        <v>557</v>
      </c>
      <c r="G77" s="521" t="s">
        <v>770</v>
      </c>
      <c r="H77" s="521"/>
      <c r="I77" s="521"/>
      <c r="J77" s="521">
        <v>3</v>
      </c>
      <c r="K77" s="521">
        <v>12</v>
      </c>
      <c r="L77" s="521">
        <v>0</v>
      </c>
      <c r="M77" s="521">
        <v>2022</v>
      </c>
      <c r="N77" s="521" t="s">
        <v>10</v>
      </c>
      <c r="O77" s="586" t="s">
        <v>4551</v>
      </c>
      <c r="P77" s="526"/>
      <c r="Q77" s="526"/>
      <c r="R77" s="544" t="s">
        <v>769</v>
      </c>
      <c r="S77" s="526" t="s">
        <v>4552</v>
      </c>
      <c r="T77" s="507"/>
      <c r="U77" s="507"/>
      <c r="V77" s="507"/>
      <c r="W77" s="507"/>
      <c r="X77" s="507"/>
      <c r="Y77" s="507"/>
      <c r="Z77" s="507"/>
      <c r="AA77" s="507"/>
    </row>
    <row r="78" spans="1:27" s="508" customFormat="1" ht="162.75" customHeight="1">
      <c r="A78" s="329">
        <f t="shared" si="1"/>
        <v>11</v>
      </c>
      <c r="B78" s="521" t="s">
        <v>763</v>
      </c>
      <c r="C78" s="521" t="s">
        <v>53</v>
      </c>
      <c r="D78" s="521" t="s">
        <v>762</v>
      </c>
      <c r="E78" s="522" t="s">
        <v>761</v>
      </c>
      <c r="F78" s="521" t="s">
        <v>732</v>
      </c>
      <c r="G78" s="521" t="s">
        <v>731</v>
      </c>
      <c r="H78" s="521" t="s">
        <v>10</v>
      </c>
      <c r="I78" s="521"/>
      <c r="J78" s="521">
        <v>2</v>
      </c>
      <c r="K78" s="521">
        <v>16</v>
      </c>
      <c r="L78" s="521">
        <v>0</v>
      </c>
      <c r="M78" s="521">
        <v>2023</v>
      </c>
      <c r="N78" s="521" t="s">
        <v>10</v>
      </c>
      <c r="O78" s="586" t="s">
        <v>4553</v>
      </c>
      <c r="P78" s="526"/>
      <c r="Q78" s="597"/>
      <c r="R78" s="527" t="s">
        <v>760</v>
      </c>
      <c r="S78" s="526">
        <v>79261791564</v>
      </c>
      <c r="T78" s="507"/>
      <c r="U78" s="507"/>
      <c r="V78" s="507"/>
      <c r="W78" s="507"/>
      <c r="X78" s="507"/>
      <c r="Y78" s="507"/>
      <c r="Z78" s="507"/>
      <c r="AA78" s="507"/>
    </row>
    <row r="79" spans="1:27" s="508" customFormat="1" ht="162.75" customHeight="1">
      <c r="A79" s="329">
        <f t="shared" si="1"/>
        <v>12</v>
      </c>
      <c r="B79" s="521" t="s">
        <v>757</v>
      </c>
      <c r="C79" s="521" t="s">
        <v>53</v>
      </c>
      <c r="D79" s="521" t="s">
        <v>4554</v>
      </c>
      <c r="E79" s="598">
        <v>101401244908</v>
      </c>
      <c r="F79" s="523">
        <v>45119</v>
      </c>
      <c r="G79" s="521" t="s">
        <v>731</v>
      </c>
      <c r="H79" s="521" t="s">
        <v>10</v>
      </c>
      <c r="I79" s="521"/>
      <c r="J79" s="521">
        <v>1</v>
      </c>
      <c r="K79" s="521">
        <v>6</v>
      </c>
      <c r="L79" s="521">
        <v>0</v>
      </c>
      <c r="M79" s="521">
        <v>2024</v>
      </c>
      <c r="N79" s="521" t="s">
        <v>10</v>
      </c>
      <c r="O79" s="586" t="s">
        <v>4555</v>
      </c>
      <c r="P79" s="526"/>
      <c r="Q79" s="526"/>
      <c r="R79" s="583" t="s">
        <v>756</v>
      </c>
      <c r="S79" s="526"/>
      <c r="T79" s="507"/>
      <c r="U79" s="507"/>
      <c r="V79" s="507"/>
      <c r="W79" s="507"/>
      <c r="X79" s="507"/>
      <c r="Y79" s="507"/>
      <c r="Z79" s="507"/>
      <c r="AA79" s="507"/>
    </row>
    <row r="80" spans="1:27" s="508" customFormat="1" ht="162.75" customHeight="1">
      <c r="A80" s="329">
        <f t="shared" si="1"/>
        <v>13</v>
      </c>
      <c r="B80" s="521" t="s">
        <v>755</v>
      </c>
      <c r="C80" s="521" t="s">
        <v>53</v>
      </c>
      <c r="D80" s="521" t="s">
        <v>754</v>
      </c>
      <c r="E80" s="522" t="s">
        <v>4556</v>
      </c>
      <c r="F80" s="521" t="s">
        <v>732</v>
      </c>
      <c r="G80" s="521" t="s">
        <v>731</v>
      </c>
      <c r="H80" s="521" t="s">
        <v>10</v>
      </c>
      <c r="I80" s="521"/>
      <c r="J80" s="521">
        <v>1</v>
      </c>
      <c r="K80" s="521">
        <v>4</v>
      </c>
      <c r="L80" s="521">
        <v>0</v>
      </c>
      <c r="M80" s="521">
        <v>2024</v>
      </c>
      <c r="N80" s="521" t="s">
        <v>10</v>
      </c>
      <c r="O80" s="586" t="s">
        <v>4557</v>
      </c>
      <c r="P80" s="526"/>
      <c r="Q80" s="526"/>
      <c r="R80" s="527" t="s">
        <v>753</v>
      </c>
      <c r="S80" s="526"/>
      <c r="T80" s="507"/>
      <c r="U80" s="507"/>
      <c r="V80" s="507"/>
      <c r="W80" s="507"/>
      <c r="X80" s="507"/>
      <c r="Y80" s="507"/>
      <c r="Z80" s="507"/>
      <c r="AA80" s="507"/>
    </row>
    <row r="81" spans="1:27" s="508" customFormat="1" ht="162.75" customHeight="1">
      <c r="A81" s="329">
        <f t="shared" si="1"/>
        <v>14</v>
      </c>
      <c r="B81" s="579" t="s">
        <v>750</v>
      </c>
      <c r="C81" s="599" t="s">
        <v>733</v>
      </c>
      <c r="D81" s="579" t="s">
        <v>733</v>
      </c>
      <c r="E81" s="600" t="s">
        <v>733</v>
      </c>
      <c r="F81" s="579" t="s">
        <v>732</v>
      </c>
      <c r="G81" s="579" t="s">
        <v>731</v>
      </c>
      <c r="H81" s="579" t="s">
        <v>10</v>
      </c>
      <c r="I81" s="579"/>
      <c r="J81" s="579">
        <v>1</v>
      </c>
      <c r="K81" s="579">
        <v>6</v>
      </c>
      <c r="L81" s="579">
        <v>0</v>
      </c>
      <c r="M81" s="579">
        <v>2023</v>
      </c>
      <c r="N81" s="579" t="s">
        <v>10</v>
      </c>
      <c r="O81" s="601" t="s">
        <v>733</v>
      </c>
      <c r="P81" s="602"/>
      <c r="Q81" s="602"/>
      <c r="R81" s="527" t="s">
        <v>749</v>
      </c>
      <c r="S81" s="602" t="s">
        <v>4558</v>
      </c>
      <c r="T81" s="507"/>
      <c r="U81" s="507"/>
      <c r="V81" s="507"/>
      <c r="W81" s="507"/>
      <c r="X81" s="507"/>
      <c r="Y81" s="507"/>
      <c r="Z81" s="507"/>
      <c r="AA81" s="507"/>
    </row>
    <row r="82" spans="1:27" s="508" customFormat="1" ht="162.75" customHeight="1">
      <c r="A82" s="329">
        <f t="shared" si="1"/>
        <v>15</v>
      </c>
      <c r="B82" s="521" t="s">
        <v>748</v>
      </c>
      <c r="C82" s="528" t="s">
        <v>53</v>
      </c>
      <c r="D82" s="521" t="s">
        <v>747</v>
      </c>
      <c r="E82" s="522" t="s">
        <v>4559</v>
      </c>
      <c r="F82" s="523">
        <v>45243</v>
      </c>
      <c r="G82" s="521" t="s">
        <v>731</v>
      </c>
      <c r="H82" s="521" t="s">
        <v>10</v>
      </c>
      <c r="I82" s="521"/>
      <c r="J82" s="521">
        <v>1</v>
      </c>
      <c r="K82" s="521">
        <v>4</v>
      </c>
      <c r="L82" s="521">
        <v>0</v>
      </c>
      <c r="M82" s="521">
        <v>2023</v>
      </c>
      <c r="N82" s="521" t="s">
        <v>10</v>
      </c>
      <c r="O82" s="586" t="s">
        <v>4560</v>
      </c>
      <c r="P82" s="526"/>
      <c r="Q82" s="526"/>
      <c r="R82" s="527" t="s">
        <v>746</v>
      </c>
      <c r="S82" s="527" t="s">
        <v>4561</v>
      </c>
      <c r="T82" s="507"/>
      <c r="U82" s="507"/>
      <c r="V82" s="507"/>
      <c r="W82" s="507"/>
      <c r="X82" s="507"/>
      <c r="Y82" s="507"/>
      <c r="Z82" s="507"/>
      <c r="AA82" s="507"/>
    </row>
    <row r="83" spans="1:27" s="508" customFormat="1" ht="162.75" customHeight="1">
      <c r="A83" s="329">
        <f t="shared" si="1"/>
        <v>16</v>
      </c>
      <c r="B83" s="521" t="s">
        <v>745</v>
      </c>
      <c r="C83" s="528" t="s">
        <v>53</v>
      </c>
      <c r="D83" s="521" t="s">
        <v>744</v>
      </c>
      <c r="E83" s="522" t="s">
        <v>4562</v>
      </c>
      <c r="F83" s="523">
        <v>45086</v>
      </c>
      <c r="G83" s="521" t="s">
        <v>731</v>
      </c>
      <c r="H83" s="521" t="s">
        <v>10</v>
      </c>
      <c r="I83" s="521"/>
      <c r="J83" s="521">
        <v>1</v>
      </c>
      <c r="K83" s="521">
        <v>6</v>
      </c>
      <c r="L83" s="521">
        <v>0</v>
      </c>
      <c r="M83" s="521">
        <v>2023</v>
      </c>
      <c r="N83" s="521" t="s">
        <v>10</v>
      </c>
      <c r="O83" s="586" t="s">
        <v>4563</v>
      </c>
      <c r="P83" s="526"/>
      <c r="Q83" s="526"/>
      <c r="R83" s="583" t="s">
        <v>743</v>
      </c>
      <c r="S83" s="527"/>
      <c r="T83" s="507"/>
      <c r="U83" s="507"/>
      <c r="V83" s="507"/>
      <c r="W83" s="507"/>
      <c r="X83" s="507"/>
      <c r="Y83" s="507"/>
      <c r="Z83" s="507"/>
      <c r="AA83" s="507"/>
    </row>
    <row r="84" spans="1:27" s="508" customFormat="1" ht="162.75" customHeight="1">
      <c r="A84" s="329">
        <f t="shared" si="1"/>
        <v>17</v>
      </c>
      <c r="B84" s="521" t="s">
        <v>742</v>
      </c>
      <c r="C84" s="528" t="s">
        <v>53</v>
      </c>
      <c r="D84" s="585" t="s">
        <v>4564</v>
      </c>
      <c r="E84" s="522" t="s">
        <v>4565</v>
      </c>
      <c r="F84" s="523">
        <v>39238</v>
      </c>
      <c r="G84" s="521" t="s">
        <v>731</v>
      </c>
      <c r="H84" s="521" t="s">
        <v>10</v>
      </c>
      <c r="I84" s="521"/>
      <c r="J84" s="521">
        <v>1</v>
      </c>
      <c r="K84" s="521">
        <v>7</v>
      </c>
      <c r="L84" s="521">
        <v>0</v>
      </c>
      <c r="M84" s="521">
        <v>2023</v>
      </c>
      <c r="N84" s="521" t="s">
        <v>10</v>
      </c>
      <c r="O84" s="586" t="s">
        <v>4566</v>
      </c>
      <c r="P84" s="526"/>
      <c r="Q84" s="526"/>
      <c r="R84" s="527" t="s">
        <v>741</v>
      </c>
      <c r="S84" s="527" t="s">
        <v>4567</v>
      </c>
      <c r="T84" s="507"/>
      <c r="U84" s="507"/>
      <c r="V84" s="507"/>
      <c r="W84" s="507"/>
      <c r="X84" s="507"/>
      <c r="Y84" s="507"/>
      <c r="Z84" s="507"/>
      <c r="AA84" s="507"/>
    </row>
    <row r="85" spans="1:27" s="508" customFormat="1" ht="162.75" customHeight="1">
      <c r="A85" s="329">
        <f t="shared" si="1"/>
        <v>18</v>
      </c>
      <c r="B85" s="521" t="s">
        <v>740</v>
      </c>
      <c r="C85" s="528" t="s">
        <v>53</v>
      </c>
      <c r="D85" s="521" t="s">
        <v>4568</v>
      </c>
      <c r="E85" s="522" t="s">
        <v>4569</v>
      </c>
      <c r="F85" s="523">
        <v>43063</v>
      </c>
      <c r="G85" s="521" t="s">
        <v>731</v>
      </c>
      <c r="H85" s="521" t="s">
        <v>10</v>
      </c>
      <c r="I85" s="521"/>
      <c r="J85" s="521">
        <v>1</v>
      </c>
      <c r="K85" s="521">
        <v>4</v>
      </c>
      <c r="L85" s="521">
        <v>0</v>
      </c>
      <c r="M85" s="521">
        <v>2017</v>
      </c>
      <c r="N85" s="521" t="s">
        <v>10</v>
      </c>
      <c r="O85" s="586" t="s">
        <v>4570</v>
      </c>
      <c r="P85" s="526"/>
      <c r="Q85" s="526"/>
      <c r="R85" s="527" t="s">
        <v>739</v>
      </c>
      <c r="S85" s="527"/>
      <c r="T85" s="507"/>
      <c r="U85" s="507"/>
      <c r="V85" s="507"/>
      <c r="W85" s="507"/>
      <c r="X85" s="507"/>
      <c r="Y85" s="507"/>
      <c r="Z85" s="507"/>
      <c r="AA85" s="507"/>
    </row>
    <row r="86" spans="1:27" s="508" customFormat="1" ht="162.75" customHeight="1">
      <c r="A86" s="329">
        <f t="shared" si="1"/>
        <v>19</v>
      </c>
      <c r="B86" s="521" t="s">
        <v>737</v>
      </c>
      <c r="C86" s="528" t="s">
        <v>53</v>
      </c>
      <c r="D86" s="585" t="s">
        <v>4571</v>
      </c>
      <c r="E86" s="522" t="s">
        <v>4572</v>
      </c>
      <c r="F86" s="523">
        <v>36423</v>
      </c>
      <c r="G86" s="521" t="s">
        <v>731</v>
      </c>
      <c r="H86" s="521" t="s">
        <v>10</v>
      </c>
      <c r="I86" s="521"/>
      <c r="J86" s="521">
        <v>1</v>
      </c>
      <c r="K86" s="521">
        <v>6</v>
      </c>
      <c r="L86" s="521">
        <v>0</v>
      </c>
      <c r="M86" s="521"/>
      <c r="N86" s="521" t="s">
        <v>10</v>
      </c>
      <c r="O86" s="603" t="s">
        <v>4573</v>
      </c>
      <c r="P86" s="526"/>
      <c r="Q86" s="526"/>
      <c r="R86" s="527" t="s">
        <v>735</v>
      </c>
      <c r="S86" s="604"/>
      <c r="T86" s="507"/>
      <c r="U86" s="507"/>
      <c r="V86" s="507"/>
      <c r="W86" s="507"/>
      <c r="X86" s="507"/>
      <c r="Y86" s="507"/>
      <c r="Z86" s="507"/>
      <c r="AA86" s="507"/>
    </row>
    <row r="87" spans="1:27" s="508" customFormat="1" ht="162.75" customHeight="1">
      <c r="A87" s="329">
        <f t="shared" si="1"/>
        <v>20</v>
      </c>
      <c r="B87" s="521" t="s">
        <v>736</v>
      </c>
      <c r="C87" s="528" t="s">
        <v>53</v>
      </c>
      <c r="D87" s="521" t="s">
        <v>4574</v>
      </c>
      <c r="E87" s="598">
        <v>760212276897</v>
      </c>
      <c r="F87" s="523">
        <v>44008</v>
      </c>
      <c r="G87" s="521" t="s">
        <v>731</v>
      </c>
      <c r="H87" s="521" t="s">
        <v>10</v>
      </c>
      <c r="I87" s="521"/>
      <c r="J87" s="521">
        <v>1</v>
      </c>
      <c r="K87" s="521">
        <v>8</v>
      </c>
      <c r="L87" s="521">
        <v>0</v>
      </c>
      <c r="M87" s="521"/>
      <c r="N87" s="521" t="s">
        <v>10</v>
      </c>
      <c r="O87" s="603" t="s">
        <v>4575</v>
      </c>
      <c r="P87" s="526"/>
      <c r="Q87" s="526"/>
      <c r="R87" s="583"/>
      <c r="S87" s="604"/>
      <c r="T87" s="507"/>
      <c r="U87" s="507"/>
      <c r="V87" s="507"/>
      <c r="W87" s="507"/>
      <c r="X87" s="507"/>
      <c r="Y87" s="507"/>
      <c r="Z87" s="507"/>
      <c r="AA87" s="507"/>
    </row>
    <row r="88" spans="1:27" s="508" customFormat="1" ht="162.75" customHeight="1">
      <c r="A88" s="329">
        <f t="shared" si="1"/>
        <v>21</v>
      </c>
      <c r="B88" s="555" t="s">
        <v>734</v>
      </c>
      <c r="C88" s="605" t="s">
        <v>53</v>
      </c>
      <c r="D88" s="555" t="s">
        <v>4576</v>
      </c>
      <c r="E88" s="556" t="s">
        <v>733</v>
      </c>
      <c r="F88" s="555" t="s">
        <v>732</v>
      </c>
      <c r="G88" s="555" t="s">
        <v>731</v>
      </c>
      <c r="H88" s="555" t="s">
        <v>10</v>
      </c>
      <c r="I88" s="1099"/>
      <c r="J88" s="555">
        <v>1</v>
      </c>
      <c r="K88" s="555">
        <v>9</v>
      </c>
      <c r="L88" s="555">
        <v>0</v>
      </c>
      <c r="M88" s="555"/>
      <c r="N88" s="555" t="s">
        <v>10</v>
      </c>
      <c r="O88" s="606" t="s">
        <v>730</v>
      </c>
      <c r="P88" s="560"/>
      <c r="Q88" s="560"/>
      <c r="R88" s="607" t="s">
        <v>729</v>
      </c>
      <c r="S88" s="608"/>
      <c r="T88" s="507"/>
      <c r="U88" s="507"/>
      <c r="V88" s="507"/>
      <c r="W88" s="507"/>
      <c r="X88" s="507"/>
      <c r="Y88" s="507"/>
      <c r="Z88" s="507"/>
      <c r="AA88" s="507"/>
    </row>
    <row r="89" spans="1:27" s="508" customFormat="1" ht="162.75" customHeight="1">
      <c r="A89" s="329">
        <f t="shared" si="1"/>
        <v>22</v>
      </c>
      <c r="B89" s="528" t="s">
        <v>4577</v>
      </c>
      <c r="C89" s="605" t="s">
        <v>53</v>
      </c>
      <c r="D89" s="526" t="s">
        <v>4578</v>
      </c>
      <c r="E89" s="609">
        <v>101401616391</v>
      </c>
      <c r="F89" s="530">
        <v>45610</v>
      </c>
      <c r="G89" s="528"/>
      <c r="H89" s="555" t="s">
        <v>10</v>
      </c>
      <c r="I89" s="1099"/>
      <c r="J89" s="528">
        <v>1</v>
      </c>
      <c r="K89" s="528">
        <v>12</v>
      </c>
      <c r="L89" s="555">
        <v>0</v>
      </c>
      <c r="M89" s="528">
        <v>2024</v>
      </c>
      <c r="N89" s="555" t="s">
        <v>10</v>
      </c>
      <c r="O89" s="603" t="s">
        <v>4579</v>
      </c>
      <c r="P89" s="532"/>
      <c r="Q89" s="532"/>
      <c r="R89" s="554" t="s">
        <v>4580</v>
      </c>
      <c r="S89" s="610" t="s">
        <v>4581</v>
      </c>
      <c r="T89" s="507"/>
      <c r="U89" s="507"/>
      <c r="V89" s="507"/>
      <c r="W89" s="507"/>
      <c r="X89" s="507"/>
      <c r="Y89" s="507"/>
      <c r="Z89" s="507"/>
      <c r="AA89" s="507"/>
    </row>
    <row r="90" spans="1:27" s="508" customFormat="1" ht="162.75" customHeight="1">
      <c r="A90" s="329">
        <f t="shared" si="1"/>
        <v>23</v>
      </c>
      <c r="B90" s="528" t="s">
        <v>4582</v>
      </c>
      <c r="C90" s="528"/>
      <c r="D90" s="528" t="s">
        <v>4583</v>
      </c>
      <c r="E90" s="528" t="s">
        <v>4584</v>
      </c>
      <c r="F90" s="528"/>
      <c r="G90" s="528"/>
      <c r="H90" s="555" t="s">
        <v>10</v>
      </c>
      <c r="I90" s="1099"/>
      <c r="J90" s="528">
        <v>1</v>
      </c>
      <c r="K90" s="528">
        <v>6</v>
      </c>
      <c r="L90" s="528">
        <v>0</v>
      </c>
      <c r="M90" s="528">
        <v>2016</v>
      </c>
      <c r="N90" s="555" t="s">
        <v>10</v>
      </c>
      <c r="O90" s="551" t="s">
        <v>4585</v>
      </c>
      <c r="P90" s="528"/>
      <c r="Q90" s="528"/>
      <c r="R90" s="544" t="s">
        <v>4586</v>
      </c>
      <c r="S90" s="610"/>
      <c r="T90" s="507"/>
      <c r="U90" s="507"/>
      <c r="V90" s="507"/>
      <c r="W90" s="507"/>
      <c r="X90" s="507"/>
      <c r="Y90" s="507"/>
      <c r="Z90" s="507"/>
      <c r="AA90" s="507"/>
    </row>
    <row r="91" spans="1:27" s="508" customFormat="1" ht="220.5">
      <c r="A91" s="329">
        <f t="shared" si="1"/>
        <v>24</v>
      </c>
      <c r="B91" s="521" t="s">
        <v>4587</v>
      </c>
      <c r="C91" s="605" t="s">
        <v>53</v>
      </c>
      <c r="D91" s="521" t="s">
        <v>4588</v>
      </c>
      <c r="E91" s="522" t="s">
        <v>4589</v>
      </c>
      <c r="F91" s="521"/>
      <c r="G91" s="521"/>
      <c r="H91" s="555" t="s">
        <v>10</v>
      </c>
      <c r="I91" s="1099"/>
      <c r="J91" s="521">
        <v>1</v>
      </c>
      <c r="K91" s="521">
        <v>6</v>
      </c>
      <c r="L91" s="521">
        <v>0</v>
      </c>
      <c r="M91" s="521"/>
      <c r="N91" s="521" t="s">
        <v>10</v>
      </c>
      <c r="O91" s="586" t="s">
        <v>4590</v>
      </c>
      <c r="P91" s="526"/>
      <c r="Q91" s="526"/>
      <c r="R91" s="527" t="s">
        <v>4591</v>
      </c>
      <c r="S91" s="526"/>
      <c r="T91" s="507"/>
      <c r="U91" s="507"/>
      <c r="V91" s="507"/>
      <c r="W91" s="507"/>
      <c r="X91" s="507"/>
      <c r="Y91" s="507"/>
      <c r="Z91" s="507"/>
      <c r="AA91" s="507"/>
    </row>
    <row r="92" spans="1:27" s="508" customFormat="1" ht="30.75" customHeight="1">
      <c r="A92" s="329">
        <f t="shared" si="1"/>
        <v>25</v>
      </c>
      <c r="B92" s="588" t="s">
        <v>4592</v>
      </c>
      <c r="C92" s="605" t="s">
        <v>53</v>
      </c>
      <c r="D92" s="555" t="s">
        <v>4593</v>
      </c>
      <c r="E92" s="611">
        <v>615419433090</v>
      </c>
      <c r="F92" s="555"/>
      <c r="G92" s="555"/>
      <c r="H92" s="555" t="s">
        <v>10</v>
      </c>
      <c r="I92" s="1099"/>
      <c r="J92" s="555">
        <v>1</v>
      </c>
      <c r="K92" s="555">
        <v>4</v>
      </c>
      <c r="L92" s="555">
        <v>0</v>
      </c>
      <c r="M92" s="555">
        <v>2021</v>
      </c>
      <c r="N92" s="555" t="s">
        <v>10</v>
      </c>
      <c r="O92" s="559" t="s">
        <v>4594</v>
      </c>
      <c r="P92" s="555"/>
      <c r="Q92" s="555"/>
      <c r="R92" s="559" t="s">
        <v>4595</v>
      </c>
      <c r="S92" s="555"/>
      <c r="T92" s="507"/>
      <c r="U92" s="507"/>
      <c r="V92" s="507"/>
      <c r="W92" s="507"/>
      <c r="X92" s="507"/>
      <c r="Y92" s="507"/>
      <c r="Z92" s="507"/>
      <c r="AA92" s="507"/>
    </row>
    <row r="93" spans="1:27" s="508" customFormat="1" ht="220.5">
      <c r="A93" s="329">
        <f t="shared" si="1"/>
        <v>26</v>
      </c>
      <c r="B93" s="612" t="s">
        <v>4596</v>
      </c>
      <c r="C93" s="605" t="s">
        <v>53</v>
      </c>
      <c r="D93" s="526" t="s">
        <v>4597</v>
      </c>
      <c r="E93" s="593" t="s">
        <v>4598</v>
      </c>
      <c r="F93" s="526"/>
      <c r="G93" s="526"/>
      <c r="H93" s="521" t="s">
        <v>10</v>
      </c>
      <c r="I93" s="521"/>
      <c r="J93" s="521">
        <v>1</v>
      </c>
      <c r="K93" s="521">
        <v>6</v>
      </c>
      <c r="L93" s="521">
        <v>0</v>
      </c>
      <c r="M93" s="521">
        <v>2018</v>
      </c>
      <c r="N93" s="521" t="s">
        <v>10</v>
      </c>
      <c r="O93" s="613" t="s">
        <v>4599</v>
      </c>
      <c r="P93" s="526"/>
      <c r="Q93" s="526"/>
      <c r="R93" s="544" t="s">
        <v>4600</v>
      </c>
      <c r="S93" s="526" t="s">
        <v>4601</v>
      </c>
      <c r="T93" s="507"/>
      <c r="U93" s="507"/>
      <c r="V93" s="507"/>
      <c r="W93" s="507"/>
      <c r="X93" s="507"/>
      <c r="Y93" s="507"/>
      <c r="Z93" s="507"/>
      <c r="AA93" s="507"/>
    </row>
    <row r="94" spans="1:27" s="508" customFormat="1" ht="220.5">
      <c r="A94" s="329">
        <f t="shared" si="1"/>
        <v>27</v>
      </c>
      <c r="B94" s="569" t="s">
        <v>4602</v>
      </c>
      <c r="C94" s="528" t="s">
        <v>53</v>
      </c>
      <c r="D94" s="521" t="s">
        <v>4593</v>
      </c>
      <c r="E94" s="614">
        <v>615419433090</v>
      </c>
      <c r="F94" s="521"/>
      <c r="G94" s="521"/>
      <c r="H94" s="521" t="s">
        <v>10</v>
      </c>
      <c r="I94" s="521"/>
      <c r="J94" s="521">
        <v>1</v>
      </c>
      <c r="K94" s="521">
        <v>10</v>
      </c>
      <c r="L94" s="521">
        <v>0</v>
      </c>
      <c r="M94" s="521">
        <v>2001</v>
      </c>
      <c r="N94" s="521" t="s">
        <v>10</v>
      </c>
      <c r="O94" s="513" t="s">
        <v>4603</v>
      </c>
      <c r="P94" s="521"/>
      <c r="Q94" s="521"/>
      <c r="R94" s="513" t="s">
        <v>4604</v>
      </c>
      <c r="S94" s="521"/>
      <c r="T94" s="507"/>
      <c r="U94" s="507"/>
      <c r="V94" s="507"/>
      <c r="W94" s="507"/>
      <c r="X94" s="507"/>
      <c r="Y94" s="507"/>
      <c r="Z94" s="507"/>
      <c r="AA94" s="507"/>
    </row>
    <row r="95" spans="1:27" s="508" customFormat="1" ht="220.5">
      <c r="A95" s="329">
        <f t="shared" si="1"/>
        <v>28</v>
      </c>
      <c r="B95" s="615" t="s">
        <v>4605</v>
      </c>
      <c r="C95" s="521"/>
      <c r="D95" s="521" t="s">
        <v>733</v>
      </c>
      <c r="E95" s="522"/>
      <c r="F95" s="521"/>
      <c r="G95" s="521"/>
      <c r="H95" s="521"/>
      <c r="I95" s="521"/>
      <c r="J95" s="521">
        <v>1</v>
      </c>
      <c r="K95" s="521">
        <v>4</v>
      </c>
      <c r="L95" s="521"/>
      <c r="M95" s="521"/>
      <c r="N95" s="521"/>
      <c r="O95" s="513" t="s">
        <v>733</v>
      </c>
      <c r="P95" s="521"/>
      <c r="Q95" s="521"/>
      <c r="R95" s="513" t="s">
        <v>4606</v>
      </c>
      <c r="S95" s="526"/>
      <c r="T95" s="507"/>
      <c r="U95" s="507"/>
      <c r="V95" s="507"/>
      <c r="W95" s="507"/>
      <c r="X95" s="507"/>
      <c r="Y95" s="507"/>
      <c r="Z95" s="507"/>
      <c r="AA95" s="507"/>
    </row>
    <row r="96" spans="1:27" s="508" customFormat="1" ht="220.5">
      <c r="A96" s="329">
        <f t="shared" si="1"/>
        <v>29</v>
      </c>
      <c r="B96" s="521" t="s">
        <v>4607</v>
      </c>
      <c r="C96" s="521"/>
      <c r="D96" s="521" t="s">
        <v>4608</v>
      </c>
      <c r="E96" s="522"/>
      <c r="F96" s="521"/>
      <c r="G96" s="521"/>
      <c r="H96" s="521"/>
      <c r="I96" s="521"/>
      <c r="J96" s="521">
        <v>1</v>
      </c>
      <c r="K96" s="521">
        <v>7</v>
      </c>
      <c r="L96" s="521"/>
      <c r="M96" s="521"/>
      <c r="N96" s="521"/>
      <c r="O96" s="513" t="s">
        <v>733</v>
      </c>
      <c r="P96" s="521"/>
      <c r="Q96" s="521"/>
      <c r="R96" s="513" t="s">
        <v>4609</v>
      </c>
      <c r="S96" s="526"/>
      <c r="T96" s="507"/>
      <c r="U96" s="507"/>
      <c r="V96" s="507"/>
      <c r="W96" s="507"/>
      <c r="X96" s="507"/>
      <c r="Y96" s="507"/>
      <c r="Z96" s="507"/>
      <c r="AA96" s="507"/>
    </row>
    <row r="97" spans="1:27" s="508" customFormat="1" ht="220.5">
      <c r="A97" s="329">
        <f t="shared" si="1"/>
        <v>30</v>
      </c>
      <c r="B97" s="521" t="s">
        <v>4607</v>
      </c>
      <c r="C97" s="521"/>
      <c r="D97" s="521" t="s">
        <v>4608</v>
      </c>
      <c r="E97" s="593"/>
      <c r="F97" s="526"/>
      <c r="G97" s="526"/>
      <c r="H97" s="521"/>
      <c r="I97" s="521"/>
      <c r="J97" s="521">
        <v>1</v>
      </c>
      <c r="K97" s="521">
        <v>10</v>
      </c>
      <c r="L97" s="521"/>
      <c r="M97" s="521"/>
      <c r="N97" s="521"/>
      <c r="O97" s="513" t="s">
        <v>733</v>
      </c>
      <c r="P97" s="526"/>
      <c r="Q97" s="526"/>
      <c r="R97" s="527" t="s">
        <v>4610</v>
      </c>
      <c r="S97" s="526"/>
      <c r="T97" s="507"/>
      <c r="U97" s="507"/>
      <c r="V97" s="507"/>
      <c r="W97" s="507"/>
      <c r="X97" s="507"/>
      <c r="Y97" s="507"/>
      <c r="Z97" s="507"/>
      <c r="AA97" s="507"/>
    </row>
    <row r="98" spans="1:27" s="508" customFormat="1" ht="220.5">
      <c r="A98" s="329">
        <f t="shared" si="1"/>
        <v>31</v>
      </c>
      <c r="B98" s="615" t="s">
        <v>4611</v>
      </c>
      <c r="C98" s="521"/>
      <c r="D98" s="521" t="s">
        <v>4608</v>
      </c>
      <c r="E98" s="522"/>
      <c r="F98" s="521"/>
      <c r="G98" s="521"/>
      <c r="H98" s="521"/>
      <c r="I98" s="521"/>
      <c r="J98" s="521">
        <v>1</v>
      </c>
      <c r="K98" s="521">
        <v>12</v>
      </c>
      <c r="L98" s="521"/>
      <c r="M98" s="521"/>
      <c r="N98" s="521"/>
      <c r="O98" s="513" t="s">
        <v>733</v>
      </c>
      <c r="P98" s="521"/>
      <c r="Q98" s="526"/>
      <c r="R98" s="544" t="s">
        <v>4612</v>
      </c>
      <c r="S98" s="526"/>
      <c r="T98" s="507"/>
      <c r="U98" s="507"/>
      <c r="V98" s="507"/>
      <c r="W98" s="507"/>
      <c r="X98" s="507"/>
      <c r="Y98" s="507"/>
      <c r="Z98" s="507"/>
      <c r="AA98" s="507"/>
    </row>
    <row r="99" spans="1:27" s="508" customFormat="1" ht="236.25">
      <c r="A99" s="329">
        <f t="shared" si="1"/>
        <v>32</v>
      </c>
      <c r="B99" s="569" t="s">
        <v>4613</v>
      </c>
      <c r="C99" s="528" t="s">
        <v>53</v>
      </c>
      <c r="D99" s="585" t="s">
        <v>4614</v>
      </c>
      <c r="E99" s="522" t="s">
        <v>4615</v>
      </c>
      <c r="F99" s="526"/>
      <c r="G99" s="526"/>
      <c r="H99" s="521"/>
      <c r="I99" s="521"/>
      <c r="J99" s="521">
        <v>1</v>
      </c>
      <c r="K99" s="521">
        <v>6</v>
      </c>
      <c r="L99" s="521"/>
      <c r="M99" s="521">
        <v>2023</v>
      </c>
      <c r="N99" s="521" t="s">
        <v>10</v>
      </c>
      <c r="O99" s="401" t="s">
        <v>4616</v>
      </c>
      <c r="P99" s="526"/>
      <c r="Q99" s="526"/>
      <c r="R99" s="544" t="s">
        <v>4617</v>
      </c>
      <c r="S99" s="526"/>
      <c r="T99" s="507"/>
      <c r="U99" s="507"/>
      <c r="V99" s="507"/>
      <c r="W99" s="507"/>
      <c r="X99" s="507"/>
      <c r="Y99" s="507"/>
      <c r="Z99" s="507"/>
      <c r="AA99" s="507"/>
    </row>
    <row r="100" spans="1:27" s="508" customFormat="1" ht="126">
      <c r="A100" s="329">
        <f t="shared" si="1"/>
        <v>33</v>
      </c>
      <c r="B100" s="615" t="s">
        <v>4618</v>
      </c>
      <c r="C100" s="521"/>
      <c r="D100" s="521" t="s">
        <v>4619</v>
      </c>
      <c r="E100" s="595" t="s">
        <v>4548</v>
      </c>
      <c r="F100" s="526"/>
      <c r="G100" s="526"/>
      <c r="H100" s="521"/>
      <c r="I100" s="521"/>
      <c r="J100" s="521">
        <v>1</v>
      </c>
      <c r="K100" s="521">
        <v>6</v>
      </c>
      <c r="L100" s="521"/>
      <c r="M100" s="521">
        <v>1993</v>
      </c>
      <c r="N100" s="521" t="s">
        <v>10</v>
      </c>
      <c r="O100" s="513" t="s">
        <v>4620</v>
      </c>
      <c r="P100" s="526"/>
      <c r="Q100" s="526"/>
      <c r="R100" s="544" t="s">
        <v>4621</v>
      </c>
      <c r="S100" s="526"/>
      <c r="T100" s="507"/>
      <c r="U100" s="507"/>
      <c r="V100" s="507"/>
      <c r="W100" s="507"/>
      <c r="X100" s="507"/>
      <c r="Y100" s="507"/>
      <c r="Z100" s="507"/>
      <c r="AA100" s="507"/>
    </row>
    <row r="101" spans="1:27" s="508" customFormat="1" ht="220.5">
      <c r="A101" s="329">
        <f t="shared" si="1"/>
        <v>34</v>
      </c>
      <c r="B101" s="569" t="s">
        <v>4622</v>
      </c>
      <c r="C101" s="528" t="s">
        <v>53</v>
      </c>
      <c r="D101" s="521" t="s">
        <v>4623</v>
      </c>
      <c r="E101" s="522" t="s">
        <v>4624</v>
      </c>
      <c r="F101" s="526"/>
      <c r="G101" s="526"/>
      <c r="H101" s="521"/>
      <c r="I101" s="521"/>
      <c r="J101" s="521">
        <v>1</v>
      </c>
      <c r="K101" s="521">
        <v>4</v>
      </c>
      <c r="L101" s="521"/>
      <c r="M101" s="521">
        <v>1966</v>
      </c>
      <c r="N101" s="521" t="s">
        <v>10</v>
      </c>
      <c r="O101" s="513" t="s">
        <v>4625</v>
      </c>
      <c r="P101" s="526"/>
      <c r="Q101" s="526"/>
      <c r="R101" s="544" t="s">
        <v>4626</v>
      </c>
      <c r="S101" s="526"/>
      <c r="T101" s="507"/>
      <c r="U101" s="507"/>
      <c r="V101" s="507"/>
      <c r="W101" s="507"/>
      <c r="X101" s="507"/>
      <c r="Y101" s="507"/>
      <c r="Z101" s="507"/>
      <c r="AA101" s="507"/>
    </row>
    <row r="102" spans="1:27" s="508" customFormat="1" ht="220.5">
      <c r="A102" s="329">
        <f t="shared" si="1"/>
        <v>35</v>
      </c>
      <c r="B102" s="615" t="s">
        <v>4627</v>
      </c>
      <c r="C102" s="521"/>
      <c r="D102" s="521" t="s">
        <v>4628</v>
      </c>
      <c r="E102" s="521" t="s">
        <v>733</v>
      </c>
      <c r="F102" s="526"/>
      <c r="G102" s="526"/>
      <c r="H102" s="521"/>
      <c r="I102" s="521"/>
      <c r="J102" s="521">
        <v>1</v>
      </c>
      <c r="K102" s="521">
        <v>6</v>
      </c>
      <c r="L102" s="521"/>
      <c r="M102" s="521"/>
      <c r="N102" s="521"/>
      <c r="O102" s="513" t="s">
        <v>733</v>
      </c>
      <c r="P102" s="526"/>
      <c r="Q102" s="526"/>
      <c r="R102" s="544" t="s">
        <v>4629</v>
      </c>
      <c r="S102" s="526"/>
      <c r="T102" s="507"/>
      <c r="U102" s="507"/>
      <c r="V102" s="507"/>
      <c r="W102" s="507"/>
      <c r="X102" s="507"/>
      <c r="Y102" s="507"/>
      <c r="Z102" s="507"/>
      <c r="AA102" s="507"/>
    </row>
    <row r="103" spans="1:27" s="508" customFormat="1" ht="220.5">
      <c r="A103" s="329">
        <f t="shared" si="1"/>
        <v>36</v>
      </c>
      <c r="B103" s="569" t="s">
        <v>4630</v>
      </c>
      <c r="C103" s="528" t="s">
        <v>53</v>
      </c>
      <c r="D103" s="521" t="s">
        <v>4631</v>
      </c>
      <c r="E103" s="522" t="s">
        <v>4632</v>
      </c>
      <c r="F103" s="526"/>
      <c r="G103" s="526"/>
      <c r="H103" s="521"/>
      <c r="I103" s="521"/>
      <c r="J103" s="521">
        <v>1</v>
      </c>
      <c r="K103" s="521">
        <v>8</v>
      </c>
      <c r="L103" s="521"/>
      <c r="M103" s="521"/>
      <c r="N103" s="521" t="s">
        <v>10</v>
      </c>
      <c r="O103" s="513" t="s">
        <v>4633</v>
      </c>
      <c r="P103" s="526"/>
      <c r="Q103" s="526"/>
      <c r="R103" s="544" t="s">
        <v>4634</v>
      </c>
      <c r="S103" s="526"/>
      <c r="T103" s="507"/>
      <c r="U103" s="507"/>
      <c r="V103" s="507"/>
      <c r="W103" s="507"/>
      <c r="X103" s="507"/>
      <c r="Y103" s="507"/>
      <c r="Z103" s="507"/>
      <c r="AA103" s="507"/>
    </row>
    <row r="104" spans="1:27" s="508" customFormat="1" ht="236.25">
      <c r="A104" s="329">
        <f t="shared" si="1"/>
        <v>37</v>
      </c>
      <c r="B104" s="615" t="s">
        <v>4635</v>
      </c>
      <c r="C104" s="521"/>
      <c r="D104" s="521" t="s">
        <v>4636</v>
      </c>
      <c r="E104" s="521" t="s">
        <v>733</v>
      </c>
      <c r="F104" s="521"/>
      <c r="G104" s="521"/>
      <c r="H104" s="521"/>
      <c r="I104" s="521"/>
      <c r="J104" s="521">
        <v>2</v>
      </c>
      <c r="K104" s="521">
        <v>4</v>
      </c>
      <c r="L104" s="521"/>
      <c r="M104" s="521"/>
      <c r="N104" s="521"/>
      <c r="O104" s="513" t="s">
        <v>4637</v>
      </c>
      <c r="P104" s="521"/>
      <c r="Q104" s="521"/>
      <c r="R104" s="513" t="s">
        <v>4638</v>
      </c>
      <c r="S104" s="526"/>
      <c r="T104" s="507"/>
      <c r="U104" s="507"/>
      <c r="V104" s="507"/>
      <c r="W104" s="507"/>
      <c r="X104" s="507"/>
      <c r="Y104" s="507"/>
      <c r="Z104" s="507"/>
      <c r="AA104" s="507"/>
    </row>
    <row r="105" spans="1:27" s="508" customFormat="1" ht="220.5">
      <c r="A105" s="329">
        <f t="shared" si="1"/>
        <v>38</v>
      </c>
      <c r="B105" s="521" t="s">
        <v>4639</v>
      </c>
      <c r="C105" s="521"/>
      <c r="D105" s="521" t="s">
        <v>733</v>
      </c>
      <c r="E105" s="522"/>
      <c r="F105" s="521"/>
      <c r="G105" s="521"/>
      <c r="H105" s="521"/>
      <c r="I105" s="521"/>
      <c r="J105" s="521">
        <v>1</v>
      </c>
      <c r="K105" s="521">
        <v>6</v>
      </c>
      <c r="L105" s="521"/>
      <c r="M105" s="521"/>
      <c r="N105" s="521"/>
      <c r="O105" s="513" t="s">
        <v>733</v>
      </c>
      <c r="P105" s="526"/>
      <c r="Q105" s="526"/>
      <c r="R105" s="527" t="s">
        <v>4640</v>
      </c>
      <c r="S105" s="526"/>
      <c r="T105" s="507"/>
      <c r="U105" s="507"/>
      <c r="V105" s="507"/>
      <c r="W105" s="507"/>
      <c r="X105" s="507"/>
      <c r="Y105" s="507"/>
      <c r="Z105" s="507"/>
      <c r="AA105" s="507"/>
    </row>
    <row r="106" spans="1:27" s="508" customFormat="1" ht="220.5">
      <c r="A106" s="329">
        <f t="shared" si="1"/>
        <v>39</v>
      </c>
      <c r="B106" s="521" t="s">
        <v>4641</v>
      </c>
      <c r="C106" s="521"/>
      <c r="D106" s="521" t="s">
        <v>733</v>
      </c>
      <c r="E106" s="593"/>
      <c r="F106" s="526"/>
      <c r="G106" s="526"/>
      <c r="H106" s="521"/>
      <c r="I106" s="521"/>
      <c r="J106" s="521">
        <v>1</v>
      </c>
      <c r="K106" s="521">
        <v>6</v>
      </c>
      <c r="L106" s="521"/>
      <c r="M106" s="521"/>
      <c r="N106" s="521"/>
      <c r="O106" s="513" t="s">
        <v>733</v>
      </c>
      <c r="P106" s="526"/>
      <c r="Q106" s="526"/>
      <c r="R106" s="527" t="s">
        <v>4642</v>
      </c>
      <c r="S106" s="526"/>
      <c r="T106" s="507"/>
      <c r="U106" s="507"/>
      <c r="V106" s="507"/>
      <c r="W106" s="507"/>
      <c r="X106" s="507"/>
      <c r="Y106" s="507"/>
      <c r="Z106" s="507"/>
      <c r="AA106" s="507"/>
    </row>
    <row r="107" spans="1:27" s="508" customFormat="1" ht="220.5">
      <c r="A107" s="329">
        <f t="shared" si="1"/>
        <v>40</v>
      </c>
      <c r="B107" s="615" t="s">
        <v>4643</v>
      </c>
      <c r="C107" s="528" t="s">
        <v>53</v>
      </c>
      <c r="D107" s="521" t="s">
        <v>4644</v>
      </c>
      <c r="E107" s="522" t="s">
        <v>4645</v>
      </c>
      <c r="F107" s="526"/>
      <c r="G107" s="526"/>
      <c r="H107" s="521"/>
      <c r="I107" s="521"/>
      <c r="J107" s="521">
        <v>1</v>
      </c>
      <c r="K107" s="521">
        <v>6</v>
      </c>
      <c r="L107" s="521"/>
      <c r="M107" s="521"/>
      <c r="N107" s="521"/>
      <c r="O107" s="401" t="s">
        <v>4646</v>
      </c>
      <c r="P107" s="526"/>
      <c r="Q107" s="526"/>
      <c r="R107" s="527" t="s">
        <v>4647</v>
      </c>
      <c r="S107" s="526"/>
      <c r="T107" s="507"/>
      <c r="U107" s="507"/>
      <c r="V107" s="507"/>
      <c r="W107" s="507"/>
      <c r="X107" s="507"/>
      <c r="Y107" s="507"/>
      <c r="Z107" s="507"/>
      <c r="AA107" s="507"/>
    </row>
    <row r="108" spans="1:27" s="508" customFormat="1" ht="220.5">
      <c r="A108" s="329">
        <f t="shared" si="1"/>
        <v>41</v>
      </c>
      <c r="B108" s="569" t="s">
        <v>4648</v>
      </c>
      <c r="C108" s="521"/>
      <c r="D108" s="521" t="s">
        <v>733</v>
      </c>
      <c r="E108" s="593"/>
      <c r="F108" s="526"/>
      <c r="G108" s="526"/>
      <c r="H108" s="521"/>
      <c r="I108" s="521"/>
      <c r="J108" s="521">
        <v>1</v>
      </c>
      <c r="K108" s="521">
        <v>6</v>
      </c>
      <c r="L108" s="521"/>
      <c r="M108" s="521"/>
      <c r="N108" s="521"/>
      <c r="O108" s="513" t="s">
        <v>733</v>
      </c>
      <c r="P108" s="526"/>
      <c r="Q108" s="526"/>
      <c r="R108" s="544" t="s">
        <v>4649</v>
      </c>
      <c r="S108" s="526"/>
      <c r="T108" s="507"/>
      <c r="U108" s="507"/>
      <c r="V108" s="507"/>
      <c r="W108" s="507"/>
      <c r="X108" s="507"/>
      <c r="Y108" s="507"/>
      <c r="Z108" s="507"/>
      <c r="AA108" s="507"/>
    </row>
    <row r="109" spans="1:27" s="508" customFormat="1" ht="220.5">
      <c r="A109" s="329">
        <f t="shared" si="1"/>
        <v>42</v>
      </c>
      <c r="B109" s="615" t="s">
        <v>4650</v>
      </c>
      <c r="C109" s="528" t="s">
        <v>53</v>
      </c>
      <c r="D109" s="521" t="s">
        <v>4651</v>
      </c>
      <c r="E109" s="522" t="s">
        <v>4652</v>
      </c>
      <c r="F109" s="526"/>
      <c r="G109" s="526"/>
      <c r="H109" s="521"/>
      <c r="I109" s="521"/>
      <c r="J109" s="521">
        <v>1</v>
      </c>
      <c r="K109" s="521">
        <v>9</v>
      </c>
      <c r="L109" s="521"/>
      <c r="M109" s="521"/>
      <c r="N109" s="521"/>
      <c r="O109" s="401" t="s">
        <v>4653</v>
      </c>
      <c r="P109" s="526"/>
      <c r="Q109" s="526"/>
      <c r="R109" s="544" t="s">
        <v>4654</v>
      </c>
      <c r="S109" s="526"/>
      <c r="T109" s="507"/>
      <c r="U109" s="507"/>
      <c r="V109" s="507"/>
      <c r="W109" s="507"/>
      <c r="X109" s="507"/>
      <c r="Y109" s="507"/>
      <c r="Z109" s="507"/>
      <c r="AA109" s="507"/>
    </row>
    <row r="110" spans="1:27" s="508" customFormat="1" ht="220.5">
      <c r="A110" s="329">
        <f t="shared" si="1"/>
        <v>43</v>
      </c>
      <c r="B110" s="521" t="s">
        <v>4655</v>
      </c>
      <c r="C110" s="528" t="s">
        <v>53</v>
      </c>
      <c r="D110" s="521" t="s">
        <v>4656</v>
      </c>
      <c r="E110" s="522" t="s">
        <v>4657</v>
      </c>
      <c r="F110" s="526"/>
      <c r="G110" s="526"/>
      <c r="H110" s="521"/>
      <c r="I110" s="521"/>
      <c r="J110" s="521">
        <v>1</v>
      </c>
      <c r="K110" s="521">
        <v>8</v>
      </c>
      <c r="L110" s="521"/>
      <c r="M110" s="521"/>
      <c r="N110" s="521"/>
      <c r="O110" s="513" t="s">
        <v>4658</v>
      </c>
      <c r="P110" s="526"/>
      <c r="Q110" s="526"/>
      <c r="R110" s="544" t="s">
        <v>4659</v>
      </c>
      <c r="S110" s="526"/>
      <c r="T110" s="507"/>
      <c r="U110" s="507"/>
      <c r="V110" s="507"/>
      <c r="W110" s="507"/>
      <c r="X110" s="507"/>
      <c r="Y110" s="507"/>
      <c r="Z110" s="507"/>
      <c r="AA110" s="507"/>
    </row>
    <row r="111" spans="1:27" s="508" customFormat="1" ht="220.5">
      <c r="A111" s="329">
        <f t="shared" si="1"/>
        <v>44</v>
      </c>
      <c r="B111" s="615" t="s">
        <v>4660</v>
      </c>
      <c r="C111" s="528" t="s">
        <v>53</v>
      </c>
      <c r="D111" s="585" t="s">
        <v>4661</v>
      </c>
      <c r="E111" s="522" t="s">
        <v>4662</v>
      </c>
      <c r="F111" s="526"/>
      <c r="G111" s="526"/>
      <c r="H111" s="521"/>
      <c r="I111" s="521"/>
      <c r="J111" s="521">
        <v>1</v>
      </c>
      <c r="K111" s="521">
        <v>6</v>
      </c>
      <c r="L111" s="521"/>
      <c r="M111" s="521"/>
      <c r="N111" s="521"/>
      <c r="O111" s="401" t="s">
        <v>4663</v>
      </c>
      <c r="P111" s="526"/>
      <c r="Q111" s="526"/>
      <c r="R111" s="544" t="s">
        <v>4664</v>
      </c>
      <c r="S111" s="526"/>
      <c r="T111" s="507"/>
      <c r="U111" s="507"/>
      <c r="V111" s="507"/>
      <c r="W111" s="507"/>
      <c r="X111" s="507"/>
      <c r="Y111" s="507"/>
      <c r="Z111" s="507"/>
      <c r="AA111" s="507"/>
    </row>
    <row r="112" spans="1:27" s="508" customFormat="1" ht="220.5">
      <c r="A112" s="329">
        <f t="shared" si="1"/>
        <v>45</v>
      </c>
      <c r="B112" s="521" t="s">
        <v>4665</v>
      </c>
      <c r="C112" s="521"/>
      <c r="D112" s="521" t="s">
        <v>733</v>
      </c>
      <c r="E112" s="521" t="s">
        <v>733</v>
      </c>
      <c r="F112" s="526"/>
      <c r="G112" s="526"/>
      <c r="H112" s="521"/>
      <c r="I112" s="521"/>
      <c r="J112" s="521">
        <v>1</v>
      </c>
      <c r="K112" s="521">
        <v>2</v>
      </c>
      <c r="L112" s="521"/>
      <c r="M112" s="521"/>
      <c r="N112" s="521"/>
      <c r="O112" s="513" t="s">
        <v>733</v>
      </c>
      <c r="P112" s="526"/>
      <c r="Q112" s="526"/>
      <c r="R112" s="544" t="s">
        <v>4666</v>
      </c>
      <c r="S112" s="526"/>
      <c r="T112" s="507"/>
      <c r="U112" s="507"/>
      <c r="V112" s="507"/>
      <c r="W112" s="507"/>
      <c r="X112" s="507"/>
      <c r="Y112" s="507"/>
      <c r="Z112" s="507"/>
      <c r="AA112" s="507"/>
    </row>
    <row r="113" spans="1:27" s="508" customFormat="1" ht="15.75">
      <c r="A113" s="514"/>
      <c r="C113" s="514"/>
      <c r="E113" s="515"/>
      <c r="H113" s="514"/>
      <c r="I113" s="514"/>
      <c r="J113" s="514"/>
      <c r="K113" s="514"/>
      <c r="L113" s="514"/>
      <c r="M113" s="514"/>
      <c r="N113" s="514"/>
      <c r="R113" s="506"/>
      <c r="S113" s="507"/>
      <c r="T113" s="507"/>
      <c r="U113" s="507"/>
      <c r="V113" s="507"/>
      <c r="W113" s="507"/>
      <c r="X113" s="507"/>
      <c r="Y113" s="507"/>
      <c r="Z113" s="507"/>
      <c r="AA113" s="507"/>
    </row>
    <row r="114" spans="1:27" s="508" customFormat="1" ht="31.5">
      <c r="A114" s="514"/>
      <c r="B114" s="616" t="s">
        <v>728</v>
      </c>
      <c r="C114" s="617"/>
      <c r="D114" s="617"/>
      <c r="E114" s="617"/>
      <c r="F114" s="617"/>
      <c r="G114" s="617"/>
      <c r="H114" s="617"/>
      <c r="I114" s="617"/>
      <c r="J114" s="617"/>
      <c r="K114" s="617"/>
      <c r="L114" s="617"/>
      <c r="M114" s="617"/>
      <c r="N114" s="617"/>
      <c r="O114" s="617"/>
      <c r="P114" s="617"/>
      <c r="Q114" s="617"/>
      <c r="R114" s="506"/>
      <c r="S114" s="507"/>
      <c r="T114" s="507"/>
      <c r="U114" s="507"/>
      <c r="V114" s="507"/>
      <c r="W114" s="507"/>
      <c r="X114" s="507"/>
      <c r="Y114" s="507"/>
      <c r="Z114" s="507"/>
      <c r="AA114" s="507"/>
    </row>
    <row r="115" spans="1:27" s="508" customFormat="1" ht="126">
      <c r="A115" s="514"/>
      <c r="B115" s="521" t="s">
        <v>727</v>
      </c>
      <c r="C115" s="521" t="s">
        <v>179</v>
      </c>
      <c r="D115" s="521" t="s">
        <v>726</v>
      </c>
      <c r="E115" s="522" t="s">
        <v>725</v>
      </c>
      <c r="F115" s="521" t="s">
        <v>724</v>
      </c>
      <c r="G115" s="521" t="s">
        <v>723</v>
      </c>
      <c r="H115" s="521" t="s">
        <v>722</v>
      </c>
      <c r="I115" s="521"/>
      <c r="J115" s="521"/>
      <c r="K115" s="521"/>
      <c r="L115" s="521"/>
      <c r="M115" s="521" t="s">
        <v>4667</v>
      </c>
      <c r="N115" s="521"/>
      <c r="O115" s="578" t="s">
        <v>721</v>
      </c>
      <c r="P115" s="526"/>
      <c r="Q115" s="526"/>
      <c r="R115" s="506"/>
      <c r="S115" s="507"/>
      <c r="T115" s="507"/>
      <c r="U115" s="507"/>
      <c r="V115" s="507"/>
      <c r="W115" s="507"/>
      <c r="X115" s="507"/>
      <c r="Y115" s="507"/>
      <c r="Z115" s="507"/>
      <c r="AA115" s="507"/>
    </row>
  </sheetData>
  <autoFilter ref="A14:AB112"/>
  <mergeCells count="6">
    <mergeCell ref="B67:R67"/>
    <mergeCell ref="A1:L1"/>
    <mergeCell ref="B10:Q10"/>
    <mergeCell ref="B12:Q12"/>
    <mergeCell ref="B13:Q13"/>
    <mergeCell ref="E8:F8"/>
  </mergeCells>
  <hyperlinks>
    <hyperlink ref="R15" r:id="rId1"/>
    <hyperlink ref="R16" r:id="rId2"/>
    <hyperlink ref="S16" r:id="rId3" display="tel:+7 (921) 801-00-28"/>
    <hyperlink ref="R17" r:id="rId4"/>
    <hyperlink ref="R18" r:id="rId5"/>
    <hyperlink ref="R19" r:id="rId6"/>
    <hyperlink ref="R20" r:id="rId7"/>
    <hyperlink ref="R25" r:id="rId8"/>
    <hyperlink ref="R24" r:id="rId9"/>
    <hyperlink ref="R28" r:id="rId10" display="https://xn--80aagmtjrg.xn--p1ai/"/>
    <hyperlink ref="S30" r:id="rId11" display="shulkachupuk@mail.ru"/>
    <hyperlink ref="R31" r:id="rId12"/>
    <hyperlink ref="S31" r:id="rId13" display="tel:+79214533605"/>
    <hyperlink ref="S33" r:id="rId14" display="tel:+79062065993"/>
    <hyperlink ref="R33" r:id="rId15"/>
    <hyperlink ref="R35" r:id="rId16" display="karelia-otdyh.ru@yandex.ru_x000a_"/>
    <hyperlink ref="S34" r:id="rId17" display="tel:+79062065993"/>
    <hyperlink ref="S37" r:id="rId18" display="tel:+79214652252"/>
    <hyperlink ref="R37" r:id="rId19"/>
    <hyperlink ref="R38" r:id="rId20"/>
    <hyperlink ref="R41" r:id="rId21"/>
    <hyperlink ref="R46" r:id="rId22"/>
    <hyperlink ref="S50" r:id="rId23" display="tel:+79216301122"/>
    <hyperlink ref="R50" r:id="rId24" display="http://baza-novinka.ru/"/>
    <hyperlink ref="R54" r:id="rId25"/>
    <hyperlink ref="R53" r:id="rId26"/>
    <hyperlink ref="S56" r:id="rId27"/>
    <hyperlink ref="R57" r:id="rId28"/>
    <hyperlink ref="S57" r:id="rId29"/>
    <hyperlink ref="R59" r:id="rId30"/>
    <hyperlink ref="R21" r:id="rId31"/>
    <hyperlink ref="R23" r:id="rId32"/>
    <hyperlink ref="R30" r:id="rId33"/>
    <hyperlink ref="R32" r:id="rId34"/>
    <hyperlink ref="R39" r:id="rId35"/>
    <hyperlink ref="R42" r:id="rId36"/>
    <hyperlink ref="R43" r:id="rId37"/>
    <hyperlink ref="R44" r:id="rId38"/>
    <hyperlink ref="R49" r:id="rId39"/>
    <hyperlink ref="R51" r:id="rId40"/>
    <hyperlink ref="R56" r:id="rId41"/>
    <hyperlink ref="R22" r:id="rId42"/>
    <hyperlink ref="R27" r:id="rId43"/>
    <hyperlink ref="R63" r:id="rId44"/>
    <hyperlink ref="R64" r:id="rId45"/>
    <hyperlink ref="Q30" r:id="rId46"/>
    <hyperlink ref="R105" r:id="rId47" display="https://www.avito.ru/olonets/doma_dachi_kottedzhi/dom_54_m_na_uchastke_15_sot._3991331040?guestsDetailed=%7B%22version%22%3A1%2C%22totalCount%22%3A2%2C%22adultsCount%22%3A2%2C%22children%22%3A%5B%5D%7D"/>
    <hyperlink ref="R106" r:id="rId48" display="https://www.avito.ru/olonets/doma_dachi_kottedzhi/dom_120m_na_uchastke_15sot._2568417097?utm_campaign=native&amp;utm_medium=item_page_ios&amp;utm_source=soc_sharing"/>
    <hyperlink ref="R107" r:id="rId49" display="https://vk.com/arendadomanaladoge"/>
    <hyperlink ref="R97" r:id="rId50" display="https://turbazy.ru/list/respublika_kareliya/tuloksa.html"/>
    <hyperlink ref="R91" r:id="rId51" display="https://vk.com/club15621290"/>
    <hyperlink ref="R69" r:id="rId52"/>
    <hyperlink ref="R81" r:id="rId53"/>
  </hyperlinks>
  <pageMargins left="0.7" right="0.7" top="0.75" bottom="0.75" header="0.3" footer="0.3"/>
  <pageSetup paperSize="9" scale="27" fitToHeight="0" orientation="landscape" r:id="rId54"/>
</worksheet>
</file>

<file path=xl/worksheets/sheet15.xml><?xml version="1.0" encoding="utf-8"?>
<worksheet xmlns="http://schemas.openxmlformats.org/spreadsheetml/2006/main" xmlns:r="http://schemas.openxmlformats.org/officeDocument/2006/relationships">
  <dimension ref="A1:Q469"/>
  <sheetViews>
    <sheetView workbookViewId="0">
      <selection activeCell="H10" sqref="H10"/>
    </sheetView>
  </sheetViews>
  <sheetFormatPr defaultRowHeight="15"/>
  <cols>
    <col min="1" max="1" width="6.140625" style="38" customWidth="1"/>
    <col min="2" max="2" width="23.140625" style="38" customWidth="1"/>
    <col min="3" max="3" width="10.5703125" style="38" customWidth="1"/>
    <col min="4" max="4" width="20.7109375" style="38" customWidth="1"/>
    <col min="5" max="5" width="14.85546875" style="39" customWidth="1"/>
    <col min="6" max="6" width="13.42578125" style="38" customWidth="1"/>
    <col min="7" max="7" width="25.5703125" style="38" customWidth="1"/>
    <col min="8" max="9" width="15.7109375" style="38" customWidth="1"/>
    <col min="10" max="10" width="12" style="39" customWidth="1"/>
    <col min="11" max="11" width="12.28515625" style="38" customWidth="1"/>
    <col min="12" max="12" width="10.85546875" style="38" customWidth="1"/>
    <col min="13" max="13" width="13.42578125" style="38" customWidth="1"/>
    <col min="14" max="14" width="10.85546875" style="38" customWidth="1"/>
    <col min="15" max="15" width="28.140625" style="38" customWidth="1"/>
    <col min="16" max="16" width="14.140625" style="91" customWidth="1"/>
    <col min="17" max="17" width="26.85546875" style="37" customWidth="1"/>
    <col min="18" max="16384" width="9.140625" style="37"/>
  </cols>
  <sheetData>
    <row r="1" spans="1:17" s="622" customFormat="1" ht="15.75">
      <c r="A1" s="1241" t="s">
        <v>1275</v>
      </c>
      <c r="B1" s="1241"/>
      <c r="C1" s="1241"/>
      <c r="D1" s="1241"/>
      <c r="E1" s="1241"/>
      <c r="F1" s="1241"/>
      <c r="G1" s="1241"/>
      <c r="H1" s="1241"/>
      <c r="I1" s="1241"/>
      <c r="J1" s="1241"/>
      <c r="K1" s="1241"/>
      <c r="L1" s="1241"/>
      <c r="M1" s="1241"/>
      <c r="N1" s="1241"/>
      <c r="O1" s="1241"/>
      <c r="P1" s="621"/>
      <c r="Q1" s="621"/>
    </row>
    <row r="2" spans="1:17" s="621" customFormat="1" ht="79.5" customHeight="1">
      <c r="A2" s="623" t="s">
        <v>173</v>
      </c>
      <c r="B2" s="624" t="s">
        <v>186</v>
      </c>
      <c r="C2" s="624" t="s">
        <v>184</v>
      </c>
      <c r="E2" s="623" t="s">
        <v>185</v>
      </c>
      <c r="F2" s="624" t="s">
        <v>184</v>
      </c>
      <c r="H2" s="625"/>
      <c r="I2" s="625"/>
      <c r="J2" s="626"/>
      <c r="K2" s="625"/>
      <c r="L2" s="625"/>
      <c r="M2" s="625"/>
      <c r="N2" s="625"/>
      <c r="O2" s="625"/>
      <c r="P2" s="625"/>
    </row>
    <row r="3" spans="1:17" s="621" customFormat="1" ht="36" customHeight="1">
      <c r="A3" s="623"/>
      <c r="B3" s="624" t="s">
        <v>183</v>
      </c>
      <c r="C3" s="627">
        <f>SUM(C4:C5)</f>
        <v>63</v>
      </c>
      <c r="E3" s="623" t="s">
        <v>182</v>
      </c>
      <c r="F3" s="624">
        <f>F4+F5+F6</f>
        <v>55</v>
      </c>
      <c r="H3" s="625"/>
      <c r="I3" s="625"/>
      <c r="J3" s="626"/>
      <c r="K3" s="625"/>
      <c r="L3" s="625"/>
      <c r="M3" s="625"/>
      <c r="N3" s="625"/>
      <c r="O3" s="625"/>
      <c r="P3" s="625"/>
    </row>
    <row r="4" spans="1:17" s="621" customFormat="1" ht="37.5" customHeight="1">
      <c r="A4" s="623" t="s">
        <v>181</v>
      </c>
      <c r="B4" s="624" t="s">
        <v>180</v>
      </c>
      <c r="C4" s="627">
        <f>F3</f>
        <v>55</v>
      </c>
      <c r="E4" s="623" t="s">
        <v>179</v>
      </c>
      <c r="F4" s="624">
        <v>8</v>
      </c>
      <c r="H4" s="625"/>
      <c r="I4" s="625"/>
      <c r="J4" s="626"/>
      <c r="K4" s="625"/>
      <c r="L4" s="625"/>
      <c r="M4" s="625"/>
      <c r="N4" s="628"/>
      <c r="O4" s="625"/>
      <c r="P4" s="625"/>
    </row>
    <row r="5" spans="1:17" s="621" customFormat="1" ht="33" customHeight="1">
      <c r="A5" s="623" t="s">
        <v>178</v>
      </c>
      <c r="B5" s="624" t="s">
        <v>177</v>
      </c>
      <c r="C5" s="627">
        <v>8</v>
      </c>
      <c r="E5" s="623" t="s">
        <v>15</v>
      </c>
      <c r="F5" s="624">
        <v>25</v>
      </c>
      <c r="H5" s="625"/>
      <c r="I5" s="625"/>
      <c r="J5" s="626"/>
      <c r="K5" s="628"/>
      <c r="L5" s="625"/>
      <c r="M5" s="625"/>
      <c r="N5" s="625"/>
      <c r="O5" s="625"/>
      <c r="P5" s="625"/>
    </row>
    <row r="6" spans="1:17" s="621" customFormat="1" ht="46.5" customHeight="1">
      <c r="A6" s="626"/>
      <c r="E6" s="623" t="s">
        <v>27</v>
      </c>
      <c r="F6" s="624">
        <v>22</v>
      </c>
      <c r="H6" s="629"/>
      <c r="I6" s="629"/>
      <c r="J6" s="630" t="s">
        <v>4199</v>
      </c>
      <c r="K6" s="631" t="s">
        <v>4133</v>
      </c>
      <c r="L6" s="629"/>
      <c r="M6" s="631" t="s">
        <v>4134</v>
      </c>
      <c r="N6" s="625"/>
      <c r="O6" s="625"/>
      <c r="P6" s="625"/>
    </row>
    <row r="7" spans="1:17" s="621" customFormat="1" ht="63.75" customHeight="1">
      <c r="A7" s="626"/>
      <c r="E7" s="1242" t="s">
        <v>175</v>
      </c>
      <c r="F7" s="1243"/>
      <c r="H7" s="631">
        <v>1</v>
      </c>
      <c r="I7" s="1100"/>
      <c r="J7" s="630" t="s">
        <v>4201</v>
      </c>
      <c r="K7" s="631">
        <f>SUM(K14:K68)</f>
        <v>1006</v>
      </c>
      <c r="L7" s="629"/>
      <c r="M7" s="631">
        <f>SUM(J14:J68)</f>
        <v>282</v>
      </c>
      <c r="N7" s="628"/>
      <c r="O7" s="625"/>
      <c r="P7" s="625"/>
    </row>
    <row r="8" spans="1:17" s="622" customFormat="1" ht="15.75">
      <c r="A8" s="626"/>
      <c r="B8" s="621"/>
      <c r="C8" s="621"/>
      <c r="D8" s="621"/>
      <c r="E8" s="626"/>
      <c r="F8" s="621"/>
      <c r="G8" s="621"/>
      <c r="H8" s="632"/>
      <c r="I8" s="671"/>
      <c r="J8" s="626" t="s">
        <v>156</v>
      </c>
      <c r="K8" s="625"/>
      <c r="L8" s="625"/>
      <c r="M8" s="625"/>
      <c r="N8" s="625"/>
      <c r="O8" s="625"/>
      <c r="P8" s="625"/>
      <c r="Q8" s="621"/>
    </row>
    <row r="9" spans="1:17" s="622" customFormat="1" ht="21" customHeight="1">
      <c r="A9" s="624"/>
      <c r="B9" s="1244" t="s">
        <v>1274</v>
      </c>
      <c r="C9" s="1245"/>
      <c r="D9" s="1245"/>
      <c r="E9" s="1245"/>
      <c r="F9" s="1245"/>
      <c r="G9" s="1245"/>
      <c r="H9" s="1245"/>
      <c r="I9" s="1246"/>
      <c r="J9" s="1245"/>
      <c r="K9" s="1245"/>
      <c r="L9" s="1245"/>
      <c r="M9" s="1245"/>
      <c r="N9" s="1245"/>
      <c r="O9" s="1245"/>
      <c r="P9" s="1245"/>
      <c r="Q9" s="1247"/>
    </row>
    <row r="10" spans="1:17" s="622" customFormat="1" ht="117" customHeight="1">
      <c r="A10" s="624" t="s">
        <v>173</v>
      </c>
      <c r="B10" s="633" t="s">
        <v>172</v>
      </c>
      <c r="C10" s="634" t="s">
        <v>171</v>
      </c>
      <c r="D10" s="634" t="s">
        <v>170</v>
      </c>
      <c r="E10" s="623" t="s">
        <v>169</v>
      </c>
      <c r="F10" s="624" t="s">
        <v>168</v>
      </c>
      <c r="G10" s="624" t="s">
        <v>167</v>
      </c>
      <c r="H10" s="1064" t="s">
        <v>5073</v>
      </c>
      <c r="I10" s="1065" t="s">
        <v>5075</v>
      </c>
      <c r="J10" s="623" t="s">
        <v>166</v>
      </c>
      <c r="K10" s="624" t="s">
        <v>165</v>
      </c>
      <c r="L10" s="624" t="s">
        <v>164</v>
      </c>
      <c r="M10" s="624" t="s">
        <v>1273</v>
      </c>
      <c r="N10" s="624" t="s">
        <v>1272</v>
      </c>
      <c r="O10" s="624" t="s">
        <v>161</v>
      </c>
      <c r="P10" s="624" t="s">
        <v>160</v>
      </c>
      <c r="Q10" s="624" t="s">
        <v>159</v>
      </c>
    </row>
    <row r="11" spans="1:17" s="622" customFormat="1" ht="15.75">
      <c r="A11" s="635"/>
      <c r="B11" s="1248" t="s">
        <v>1271</v>
      </c>
      <c r="C11" s="1248"/>
      <c r="D11" s="1248"/>
      <c r="E11" s="1248"/>
      <c r="F11" s="1248"/>
      <c r="G11" s="1248"/>
      <c r="H11" s="1248"/>
      <c r="I11" s="1249"/>
      <c r="J11" s="1248"/>
      <c r="K11" s="1248"/>
      <c r="L11" s="1248"/>
      <c r="M11" s="1248"/>
      <c r="N11" s="1248"/>
      <c r="O11" s="1248"/>
      <c r="P11" s="1248"/>
      <c r="Q11" s="1248"/>
    </row>
    <row r="12" spans="1:17" s="622" customFormat="1" ht="15.75">
      <c r="A12" s="1237" t="s">
        <v>1270</v>
      </c>
      <c r="B12" s="1250"/>
      <c r="C12" s="1250"/>
      <c r="D12" s="1250"/>
      <c r="E12" s="1250"/>
      <c r="F12" s="1250"/>
      <c r="G12" s="1250"/>
      <c r="H12" s="1250"/>
      <c r="I12" s="1251"/>
      <c r="J12" s="1250"/>
      <c r="K12" s="1250"/>
      <c r="L12" s="1250"/>
      <c r="M12" s="1250"/>
      <c r="N12" s="1250"/>
      <c r="O12" s="1250"/>
      <c r="P12" s="1250"/>
      <c r="Q12" s="1252"/>
    </row>
    <row r="13" spans="1:17" s="622" customFormat="1" ht="15.75">
      <c r="A13" s="635">
        <v>1</v>
      </c>
      <c r="B13" s="624">
        <v>2</v>
      </c>
      <c r="C13" s="635">
        <v>3</v>
      </c>
      <c r="D13" s="624">
        <v>4</v>
      </c>
      <c r="E13" s="636">
        <v>5</v>
      </c>
      <c r="F13" s="624">
        <v>6</v>
      </c>
      <c r="G13" s="635">
        <v>7</v>
      </c>
      <c r="H13" s="624">
        <v>8</v>
      </c>
      <c r="I13" s="1101"/>
      <c r="J13" s="636">
        <v>9</v>
      </c>
      <c r="K13" s="624">
        <v>10</v>
      </c>
      <c r="L13" s="635">
        <v>11</v>
      </c>
      <c r="M13" s="635"/>
      <c r="N13" s="635"/>
      <c r="O13" s="624">
        <v>12</v>
      </c>
      <c r="P13" s="635">
        <v>13</v>
      </c>
      <c r="Q13" s="624">
        <v>14</v>
      </c>
    </row>
    <row r="14" spans="1:17" s="622" customFormat="1" ht="63" customHeight="1">
      <c r="A14" s="624">
        <v>1</v>
      </c>
      <c r="B14" s="627" t="s">
        <v>1269</v>
      </c>
      <c r="C14" s="627" t="s">
        <v>15</v>
      </c>
      <c r="D14" s="627" t="s">
        <v>1268</v>
      </c>
      <c r="E14" s="637" t="s">
        <v>1267</v>
      </c>
      <c r="F14" s="638">
        <v>38958</v>
      </c>
      <c r="G14" s="638" t="s">
        <v>1244</v>
      </c>
      <c r="H14" s="627" t="s">
        <v>10</v>
      </c>
      <c r="I14" s="627"/>
      <c r="J14" s="639">
        <v>2</v>
      </c>
      <c r="K14" s="627">
        <v>12</v>
      </c>
      <c r="L14" s="627"/>
      <c r="M14" s="638">
        <v>38958</v>
      </c>
      <c r="N14" s="627" t="s">
        <v>10</v>
      </c>
      <c r="O14" s="627" t="s">
        <v>1031</v>
      </c>
      <c r="P14" s="627" t="s">
        <v>1031</v>
      </c>
      <c r="Q14" s="627" t="s">
        <v>979</v>
      </c>
    </row>
    <row r="15" spans="1:17" s="622" customFormat="1" ht="96.75" customHeight="1">
      <c r="A15" s="640">
        <v>2</v>
      </c>
      <c r="B15" s="627" t="s">
        <v>1266</v>
      </c>
      <c r="C15" s="641" t="s">
        <v>15</v>
      </c>
      <c r="D15" s="627" t="s">
        <v>1265</v>
      </c>
      <c r="E15" s="637" t="s">
        <v>1264</v>
      </c>
      <c r="F15" s="642">
        <v>39489</v>
      </c>
      <c r="G15" s="627" t="s">
        <v>1263</v>
      </c>
      <c r="H15" s="641" t="s">
        <v>10</v>
      </c>
      <c r="I15" s="1102"/>
      <c r="J15" s="643">
        <v>8</v>
      </c>
      <c r="K15" s="641">
        <v>19</v>
      </c>
      <c r="L15" s="641">
        <v>1</v>
      </c>
      <c r="M15" s="642">
        <v>39489</v>
      </c>
      <c r="N15" s="641" t="s">
        <v>10</v>
      </c>
      <c r="O15" s="641" t="s">
        <v>1262</v>
      </c>
      <c r="P15" s="641" t="s">
        <v>4680</v>
      </c>
      <c r="Q15" s="641" t="s">
        <v>979</v>
      </c>
    </row>
    <row r="16" spans="1:17" s="622" customFormat="1" ht="63.75" customHeight="1">
      <c r="A16" s="624">
        <v>3</v>
      </c>
      <c r="B16" s="627" t="s">
        <v>1261</v>
      </c>
      <c r="C16" s="627" t="s">
        <v>27</v>
      </c>
      <c r="D16" s="627" t="s">
        <v>1260</v>
      </c>
      <c r="E16" s="637" t="s">
        <v>1259</v>
      </c>
      <c r="F16" s="638">
        <v>45095</v>
      </c>
      <c r="G16" s="644" t="s">
        <v>136</v>
      </c>
      <c r="H16" s="627" t="s">
        <v>10</v>
      </c>
      <c r="I16" s="627"/>
      <c r="J16" s="639">
        <v>3</v>
      </c>
      <c r="K16" s="627">
        <v>10</v>
      </c>
      <c r="L16" s="627">
        <v>1</v>
      </c>
      <c r="M16" s="638">
        <v>42076</v>
      </c>
      <c r="N16" s="627" t="s">
        <v>10</v>
      </c>
      <c r="O16" s="627" t="s">
        <v>1258</v>
      </c>
      <c r="P16" s="627"/>
      <c r="Q16" s="627" t="s">
        <v>973</v>
      </c>
    </row>
    <row r="17" spans="1:17" s="622" customFormat="1" ht="78.75" customHeight="1">
      <c r="A17" s="640">
        <v>4</v>
      </c>
      <c r="B17" s="627" t="s">
        <v>1257</v>
      </c>
      <c r="C17" s="627" t="s">
        <v>15</v>
      </c>
      <c r="D17" s="627" t="s">
        <v>4681</v>
      </c>
      <c r="E17" s="637" t="s">
        <v>1256</v>
      </c>
      <c r="F17" s="638">
        <v>38030</v>
      </c>
      <c r="G17" s="627" t="s">
        <v>125</v>
      </c>
      <c r="H17" s="627" t="s">
        <v>10</v>
      </c>
      <c r="I17" s="627"/>
      <c r="J17" s="639">
        <v>8</v>
      </c>
      <c r="K17" s="627">
        <v>26</v>
      </c>
      <c r="L17" s="627">
        <v>1</v>
      </c>
      <c r="M17" s="638">
        <v>38030</v>
      </c>
      <c r="N17" s="627" t="s">
        <v>10</v>
      </c>
      <c r="O17" s="627" t="s">
        <v>1255</v>
      </c>
      <c r="P17" s="627"/>
      <c r="Q17" s="627" t="s">
        <v>1254</v>
      </c>
    </row>
    <row r="18" spans="1:17" s="622" customFormat="1" ht="68.25" customHeight="1">
      <c r="A18" s="624">
        <v>5</v>
      </c>
      <c r="B18" s="627" t="s">
        <v>1253</v>
      </c>
      <c r="C18" s="627" t="s">
        <v>15</v>
      </c>
      <c r="D18" s="627" t="s">
        <v>1252</v>
      </c>
      <c r="E18" s="637" t="s">
        <v>1251</v>
      </c>
      <c r="F18" s="638">
        <v>42977</v>
      </c>
      <c r="G18" s="627" t="s">
        <v>1250</v>
      </c>
      <c r="H18" s="627" t="s">
        <v>10</v>
      </c>
      <c r="I18" s="627"/>
      <c r="J18" s="639">
        <v>3</v>
      </c>
      <c r="K18" s="627">
        <v>8</v>
      </c>
      <c r="L18" s="627">
        <v>1</v>
      </c>
      <c r="M18" s="638">
        <v>42977</v>
      </c>
      <c r="N18" s="627" t="s">
        <v>10</v>
      </c>
      <c r="O18" s="627" t="s">
        <v>1249</v>
      </c>
      <c r="P18" s="627"/>
      <c r="Q18" s="627" t="s">
        <v>1248</v>
      </c>
    </row>
    <row r="19" spans="1:17" s="622" customFormat="1" ht="61.5" customHeight="1">
      <c r="A19" s="640">
        <v>6</v>
      </c>
      <c r="B19" s="627" t="s">
        <v>1247</v>
      </c>
      <c r="C19" s="627" t="s">
        <v>15</v>
      </c>
      <c r="D19" s="627" t="s">
        <v>1246</v>
      </c>
      <c r="E19" s="637" t="s">
        <v>1245</v>
      </c>
      <c r="F19" s="638">
        <v>42334</v>
      </c>
      <c r="G19" s="638" t="s">
        <v>1244</v>
      </c>
      <c r="H19" s="627" t="s">
        <v>10</v>
      </c>
      <c r="I19" s="627"/>
      <c r="J19" s="639">
        <v>1</v>
      </c>
      <c r="K19" s="627">
        <v>6</v>
      </c>
      <c r="L19" s="627">
        <v>1</v>
      </c>
      <c r="M19" s="638">
        <v>42334</v>
      </c>
      <c r="N19" s="627" t="s">
        <v>10</v>
      </c>
      <c r="O19" s="627" t="s">
        <v>1243</v>
      </c>
      <c r="P19" s="627"/>
      <c r="Q19" s="627" t="s">
        <v>979</v>
      </c>
    </row>
    <row r="20" spans="1:17" s="622" customFormat="1" ht="78.75" customHeight="1">
      <c r="A20" s="624">
        <v>7</v>
      </c>
      <c r="B20" s="627" t="s">
        <v>1242</v>
      </c>
      <c r="C20" s="627" t="s">
        <v>15</v>
      </c>
      <c r="D20" s="627" t="s">
        <v>1241</v>
      </c>
      <c r="E20" s="637" t="s">
        <v>1240</v>
      </c>
      <c r="F20" s="638">
        <v>42082</v>
      </c>
      <c r="G20" s="638" t="s">
        <v>1239</v>
      </c>
      <c r="H20" s="627" t="s">
        <v>10</v>
      </c>
      <c r="I20" s="627"/>
      <c r="J20" s="639">
        <v>1</v>
      </c>
      <c r="K20" s="627">
        <v>4</v>
      </c>
      <c r="L20" s="627">
        <v>1</v>
      </c>
      <c r="M20" s="638">
        <v>42082</v>
      </c>
      <c r="N20" s="627" t="s">
        <v>10</v>
      </c>
      <c r="O20" s="627" t="s">
        <v>1238</v>
      </c>
      <c r="P20" s="627"/>
      <c r="Q20" s="627" t="s">
        <v>973</v>
      </c>
    </row>
    <row r="21" spans="1:17" s="622" customFormat="1" ht="61.5" customHeight="1">
      <c r="A21" s="640">
        <v>8</v>
      </c>
      <c r="B21" s="627" t="s">
        <v>1237</v>
      </c>
      <c r="C21" s="627" t="s">
        <v>15</v>
      </c>
      <c r="D21" s="627" t="s">
        <v>1236</v>
      </c>
      <c r="E21" s="637" t="s">
        <v>1235</v>
      </c>
      <c r="F21" s="638">
        <v>38183</v>
      </c>
      <c r="G21" s="644" t="s">
        <v>1234</v>
      </c>
      <c r="H21" s="627" t="s">
        <v>10</v>
      </c>
      <c r="I21" s="627"/>
      <c r="J21" s="639">
        <v>3</v>
      </c>
      <c r="K21" s="627">
        <v>10</v>
      </c>
      <c r="L21" s="627"/>
      <c r="M21" s="638">
        <v>38183</v>
      </c>
      <c r="N21" s="627" t="s">
        <v>10</v>
      </c>
      <c r="O21" s="627" t="s">
        <v>1031</v>
      </c>
      <c r="P21" s="627" t="s">
        <v>1031</v>
      </c>
      <c r="Q21" s="627" t="s">
        <v>979</v>
      </c>
    </row>
    <row r="22" spans="1:17" s="622" customFormat="1" ht="70.5" customHeight="1">
      <c r="A22" s="624">
        <v>9</v>
      </c>
      <c r="B22" s="627" t="s">
        <v>1232</v>
      </c>
      <c r="C22" s="641" t="s">
        <v>15</v>
      </c>
      <c r="D22" s="627" t="s">
        <v>1231</v>
      </c>
      <c r="E22" s="637" t="s">
        <v>1230</v>
      </c>
      <c r="F22" s="638">
        <v>44637</v>
      </c>
      <c r="G22" s="638" t="s">
        <v>63</v>
      </c>
      <c r="H22" s="627" t="s">
        <v>10</v>
      </c>
      <c r="I22" s="627"/>
      <c r="J22" s="639">
        <v>1</v>
      </c>
      <c r="K22" s="627">
        <v>9</v>
      </c>
      <c r="L22" s="627"/>
      <c r="M22" s="638">
        <v>44637</v>
      </c>
      <c r="N22" s="627" t="s">
        <v>10</v>
      </c>
      <c r="O22" s="627" t="s">
        <v>1031</v>
      </c>
      <c r="P22" s="627" t="s">
        <v>1031</v>
      </c>
      <c r="Q22" s="627" t="s">
        <v>979</v>
      </c>
    </row>
    <row r="23" spans="1:17" s="622" customFormat="1" ht="76.5" customHeight="1">
      <c r="A23" s="640">
        <v>10</v>
      </c>
      <c r="B23" s="627" t="s">
        <v>1229</v>
      </c>
      <c r="C23" s="627" t="s">
        <v>15</v>
      </c>
      <c r="D23" s="627" t="s">
        <v>1228</v>
      </c>
      <c r="E23" s="637" t="s">
        <v>1227</v>
      </c>
      <c r="F23" s="638">
        <v>41204</v>
      </c>
      <c r="G23" s="638" t="s">
        <v>63</v>
      </c>
      <c r="H23" s="627" t="s">
        <v>10</v>
      </c>
      <c r="I23" s="627"/>
      <c r="J23" s="639">
        <v>11</v>
      </c>
      <c r="K23" s="627">
        <v>28</v>
      </c>
      <c r="L23" s="627"/>
      <c r="M23" s="638">
        <v>41204</v>
      </c>
      <c r="N23" s="627" t="s">
        <v>10</v>
      </c>
      <c r="O23" s="627" t="s">
        <v>1226</v>
      </c>
      <c r="P23" s="627"/>
      <c r="Q23" s="627" t="s">
        <v>973</v>
      </c>
    </row>
    <row r="24" spans="1:17" s="622" customFormat="1" ht="61.5" customHeight="1">
      <c r="A24" s="624">
        <v>11</v>
      </c>
      <c r="B24" s="627" t="s">
        <v>1225</v>
      </c>
      <c r="C24" s="627" t="s">
        <v>15</v>
      </c>
      <c r="D24" s="627" t="s">
        <v>1224</v>
      </c>
      <c r="E24" s="637" t="s">
        <v>1223</v>
      </c>
      <c r="F24" s="638">
        <v>43432</v>
      </c>
      <c r="G24" s="638" t="s">
        <v>142</v>
      </c>
      <c r="H24" s="627" t="s">
        <v>10</v>
      </c>
      <c r="I24" s="627"/>
      <c r="J24" s="639">
        <v>4</v>
      </c>
      <c r="K24" s="627">
        <v>21</v>
      </c>
      <c r="L24" s="627"/>
      <c r="M24" s="638">
        <v>43432</v>
      </c>
      <c r="N24" s="627" t="s">
        <v>10</v>
      </c>
      <c r="O24" s="627" t="s">
        <v>1222</v>
      </c>
      <c r="P24" s="627"/>
      <c r="Q24" s="627" t="s">
        <v>979</v>
      </c>
    </row>
    <row r="25" spans="1:17" s="622" customFormat="1" ht="50.25" customHeight="1">
      <c r="A25" s="640">
        <v>12</v>
      </c>
      <c r="B25" s="627" t="s">
        <v>1221</v>
      </c>
      <c r="C25" s="627" t="s">
        <v>15</v>
      </c>
      <c r="D25" s="627" t="s">
        <v>1220</v>
      </c>
      <c r="E25" s="637" t="s">
        <v>1219</v>
      </c>
      <c r="F25" s="638">
        <v>40494</v>
      </c>
      <c r="G25" s="638" t="s">
        <v>383</v>
      </c>
      <c r="H25" s="627" t="s">
        <v>10</v>
      </c>
      <c r="I25" s="627"/>
      <c r="J25" s="639">
        <v>2</v>
      </c>
      <c r="K25" s="627">
        <v>10</v>
      </c>
      <c r="L25" s="627"/>
      <c r="M25" s="638">
        <v>40494</v>
      </c>
      <c r="N25" s="627" t="s">
        <v>10</v>
      </c>
      <c r="O25" s="627" t="s">
        <v>1218</v>
      </c>
      <c r="P25" s="627"/>
      <c r="Q25" s="627" t="s">
        <v>979</v>
      </c>
    </row>
    <row r="26" spans="1:17" s="622" customFormat="1" ht="61.5" customHeight="1">
      <c r="A26" s="624">
        <v>13</v>
      </c>
      <c r="B26" s="645" t="s">
        <v>1217</v>
      </c>
      <c r="C26" s="646" t="s">
        <v>15</v>
      </c>
      <c r="D26" s="645" t="s">
        <v>1216</v>
      </c>
      <c r="E26" s="647" t="s">
        <v>1215</v>
      </c>
      <c r="F26" s="638">
        <v>43185</v>
      </c>
      <c r="G26" s="638" t="s">
        <v>142</v>
      </c>
      <c r="H26" s="627" t="s">
        <v>10</v>
      </c>
      <c r="I26" s="627"/>
      <c r="J26" s="639">
        <v>4</v>
      </c>
      <c r="K26" s="627">
        <v>18</v>
      </c>
      <c r="L26" s="627"/>
      <c r="M26" s="638">
        <v>43185</v>
      </c>
      <c r="N26" s="627" t="s">
        <v>10</v>
      </c>
      <c r="O26" s="627"/>
      <c r="P26" s="627"/>
      <c r="Q26" s="627"/>
    </row>
    <row r="27" spans="1:17" s="622" customFormat="1" ht="60.75" customHeight="1">
      <c r="A27" s="640">
        <v>14</v>
      </c>
      <c r="B27" s="645" t="s">
        <v>1214</v>
      </c>
      <c r="C27" s="648" t="s">
        <v>15</v>
      </c>
      <c r="D27" s="645" t="s">
        <v>1213</v>
      </c>
      <c r="E27" s="647" t="s">
        <v>1212</v>
      </c>
      <c r="F27" s="647" t="s">
        <v>1211</v>
      </c>
      <c r="G27" s="638" t="s">
        <v>383</v>
      </c>
      <c r="H27" s="627" t="s">
        <v>10</v>
      </c>
      <c r="I27" s="627"/>
      <c r="J27" s="639">
        <v>1</v>
      </c>
      <c r="K27" s="627">
        <v>4</v>
      </c>
      <c r="L27" s="627"/>
      <c r="M27" s="647" t="s">
        <v>1211</v>
      </c>
      <c r="N27" s="627" t="s">
        <v>10</v>
      </c>
      <c r="O27" s="627"/>
      <c r="P27" s="627"/>
      <c r="Q27" s="627"/>
    </row>
    <row r="28" spans="1:17" s="622" customFormat="1" ht="48.75" customHeight="1">
      <c r="A28" s="624">
        <v>15</v>
      </c>
      <c r="B28" s="627" t="s">
        <v>1210</v>
      </c>
      <c r="C28" s="627" t="s">
        <v>15</v>
      </c>
      <c r="D28" s="627" t="s">
        <v>1209</v>
      </c>
      <c r="E28" s="637" t="s">
        <v>1208</v>
      </c>
      <c r="F28" s="638">
        <v>44418</v>
      </c>
      <c r="G28" s="638" t="s">
        <v>1207</v>
      </c>
      <c r="H28" s="627" t="s">
        <v>10</v>
      </c>
      <c r="I28" s="627"/>
      <c r="J28" s="639">
        <v>1</v>
      </c>
      <c r="K28" s="627">
        <v>21</v>
      </c>
      <c r="L28" s="627"/>
      <c r="M28" s="638">
        <v>44418</v>
      </c>
      <c r="N28" s="627" t="s">
        <v>10</v>
      </c>
      <c r="O28" s="627" t="s">
        <v>1031</v>
      </c>
      <c r="P28" s="627"/>
      <c r="Q28" s="627"/>
    </row>
    <row r="29" spans="1:17" s="622" customFormat="1" ht="51" customHeight="1">
      <c r="A29" s="640">
        <v>16</v>
      </c>
      <c r="B29" s="627" t="s">
        <v>1206</v>
      </c>
      <c r="C29" s="627" t="s">
        <v>27</v>
      </c>
      <c r="D29" s="627" t="s">
        <v>1205</v>
      </c>
      <c r="E29" s="637" t="s">
        <v>1204</v>
      </c>
      <c r="F29" s="638">
        <v>44082</v>
      </c>
      <c r="G29" s="638"/>
      <c r="H29" s="627" t="s">
        <v>10</v>
      </c>
      <c r="I29" s="627"/>
      <c r="J29" s="639">
        <v>1</v>
      </c>
      <c r="K29" s="627">
        <v>12</v>
      </c>
      <c r="L29" s="627"/>
      <c r="M29" s="638">
        <v>44082</v>
      </c>
      <c r="N29" s="627" t="s">
        <v>10</v>
      </c>
      <c r="O29" s="627" t="s">
        <v>1203</v>
      </c>
      <c r="P29" s="627"/>
      <c r="Q29" s="627" t="s">
        <v>973</v>
      </c>
    </row>
    <row r="30" spans="1:17" s="622" customFormat="1" ht="63" customHeight="1">
      <c r="A30" s="640">
        <v>17</v>
      </c>
      <c r="B30" s="627" t="s">
        <v>1202</v>
      </c>
      <c r="C30" s="641" t="s">
        <v>27</v>
      </c>
      <c r="D30" s="627" t="s">
        <v>1201</v>
      </c>
      <c r="E30" s="637" t="s">
        <v>1200</v>
      </c>
      <c r="F30" s="642">
        <v>45411</v>
      </c>
      <c r="G30" s="638"/>
      <c r="H30" s="641" t="s">
        <v>10</v>
      </c>
      <c r="I30" s="1102"/>
      <c r="J30" s="643">
        <v>1</v>
      </c>
      <c r="K30" s="641">
        <v>6</v>
      </c>
      <c r="L30" s="641"/>
      <c r="M30" s="642">
        <v>44034</v>
      </c>
      <c r="N30" s="627" t="s">
        <v>10</v>
      </c>
      <c r="O30" s="641" t="s">
        <v>1199</v>
      </c>
      <c r="P30" s="641"/>
      <c r="Q30" s="641" t="s">
        <v>979</v>
      </c>
    </row>
    <row r="31" spans="1:17" s="622" customFormat="1" ht="63" customHeight="1">
      <c r="A31" s="624">
        <v>18</v>
      </c>
      <c r="B31" s="627" t="s">
        <v>1198</v>
      </c>
      <c r="C31" s="627" t="s">
        <v>27</v>
      </c>
      <c r="D31" s="627" t="s">
        <v>1197</v>
      </c>
      <c r="E31" s="637" t="s">
        <v>1196</v>
      </c>
      <c r="F31" s="638">
        <v>44205</v>
      </c>
      <c r="G31" s="638"/>
      <c r="H31" s="627" t="s">
        <v>10</v>
      </c>
      <c r="I31" s="627"/>
      <c r="J31" s="639">
        <v>1</v>
      </c>
      <c r="K31" s="627">
        <v>4</v>
      </c>
      <c r="L31" s="627"/>
      <c r="M31" s="638">
        <v>44205</v>
      </c>
      <c r="N31" s="627" t="s">
        <v>10</v>
      </c>
      <c r="O31" s="627" t="s">
        <v>1195</v>
      </c>
      <c r="P31" s="627"/>
      <c r="Q31" s="627" t="s">
        <v>973</v>
      </c>
    </row>
    <row r="32" spans="1:17" s="622" customFormat="1" ht="61.5" customHeight="1">
      <c r="A32" s="640">
        <v>19</v>
      </c>
      <c r="B32" s="627" t="s">
        <v>1194</v>
      </c>
      <c r="C32" s="627" t="s">
        <v>27</v>
      </c>
      <c r="D32" s="627" t="s">
        <v>1193</v>
      </c>
      <c r="E32" s="637" t="s">
        <v>1192</v>
      </c>
      <c r="F32" s="638">
        <v>44305</v>
      </c>
      <c r="G32" s="627"/>
      <c r="H32" s="627" t="s">
        <v>10</v>
      </c>
      <c r="I32" s="627"/>
      <c r="J32" s="639">
        <v>2</v>
      </c>
      <c r="K32" s="627">
        <v>8</v>
      </c>
      <c r="L32" s="627"/>
      <c r="M32" s="638">
        <v>44305</v>
      </c>
      <c r="N32" s="627" t="s">
        <v>10</v>
      </c>
      <c r="O32" s="627" t="s">
        <v>1191</v>
      </c>
      <c r="P32" s="627"/>
      <c r="Q32" s="627" t="s">
        <v>973</v>
      </c>
    </row>
    <row r="33" spans="1:17" s="622" customFormat="1" ht="65.25" customHeight="1">
      <c r="A33" s="640">
        <v>20</v>
      </c>
      <c r="B33" s="627" t="s">
        <v>1190</v>
      </c>
      <c r="C33" s="627" t="s">
        <v>27</v>
      </c>
      <c r="D33" s="627" t="s">
        <v>1189</v>
      </c>
      <c r="E33" s="637" t="s">
        <v>1188</v>
      </c>
      <c r="F33" s="638">
        <v>44659</v>
      </c>
      <c r="G33" s="638"/>
      <c r="H33" s="627" t="s">
        <v>10</v>
      </c>
      <c r="I33" s="627"/>
      <c r="J33" s="639">
        <v>1</v>
      </c>
      <c r="K33" s="627">
        <v>5</v>
      </c>
      <c r="L33" s="627"/>
      <c r="M33" s="638">
        <v>44659</v>
      </c>
      <c r="N33" s="627" t="s">
        <v>10</v>
      </c>
      <c r="O33" s="627" t="s">
        <v>1187</v>
      </c>
      <c r="P33" s="627"/>
      <c r="Q33" s="627" t="s">
        <v>973</v>
      </c>
    </row>
    <row r="34" spans="1:17" s="622" customFormat="1" ht="51.75" customHeight="1">
      <c r="A34" s="624">
        <v>21</v>
      </c>
      <c r="B34" s="627" t="s">
        <v>1186</v>
      </c>
      <c r="C34" s="627" t="s">
        <v>27</v>
      </c>
      <c r="D34" s="627" t="s">
        <v>1185</v>
      </c>
      <c r="E34" s="637" t="s">
        <v>1184</v>
      </c>
      <c r="F34" s="638">
        <v>44351</v>
      </c>
      <c r="G34" s="638"/>
      <c r="H34" s="627" t="s">
        <v>10</v>
      </c>
      <c r="I34" s="627"/>
      <c r="J34" s="639">
        <v>2</v>
      </c>
      <c r="K34" s="627">
        <v>14</v>
      </c>
      <c r="L34" s="627"/>
      <c r="M34" s="638">
        <v>44351</v>
      </c>
      <c r="N34" s="627" t="s">
        <v>10</v>
      </c>
      <c r="O34" s="627" t="s">
        <v>1183</v>
      </c>
      <c r="P34" s="627"/>
      <c r="Q34" s="627" t="s">
        <v>973</v>
      </c>
    </row>
    <row r="35" spans="1:17" s="622" customFormat="1" ht="75" customHeight="1">
      <c r="A35" s="640">
        <v>22</v>
      </c>
      <c r="B35" s="627" t="s">
        <v>1182</v>
      </c>
      <c r="C35" s="627" t="s">
        <v>27</v>
      </c>
      <c r="D35" s="627" t="s">
        <v>1181</v>
      </c>
      <c r="E35" s="637" t="s">
        <v>1180</v>
      </c>
      <c r="F35" s="638">
        <v>44070</v>
      </c>
      <c r="G35" s="627"/>
      <c r="H35" s="627" t="s">
        <v>10</v>
      </c>
      <c r="I35" s="627"/>
      <c r="J35" s="639">
        <v>4</v>
      </c>
      <c r="K35" s="627">
        <v>26</v>
      </c>
      <c r="L35" s="627"/>
      <c r="M35" s="638">
        <v>44070</v>
      </c>
      <c r="N35" s="627" t="s">
        <v>10</v>
      </c>
      <c r="O35" s="627" t="s">
        <v>1179</v>
      </c>
      <c r="P35" s="627"/>
      <c r="Q35" s="627" t="s">
        <v>973</v>
      </c>
    </row>
    <row r="36" spans="1:17" s="622" customFormat="1" ht="52.5" customHeight="1">
      <c r="A36" s="624">
        <v>23</v>
      </c>
      <c r="B36" s="627" t="s">
        <v>1178</v>
      </c>
      <c r="C36" s="627" t="s">
        <v>27</v>
      </c>
      <c r="D36" s="627" t="s">
        <v>1177</v>
      </c>
      <c r="E36" s="637"/>
      <c r="F36" s="638">
        <v>44102</v>
      </c>
      <c r="G36" s="638"/>
      <c r="H36" s="627" t="s">
        <v>10</v>
      </c>
      <c r="I36" s="627"/>
      <c r="J36" s="639">
        <v>9</v>
      </c>
      <c r="K36" s="627">
        <v>51</v>
      </c>
      <c r="L36" s="627"/>
      <c r="M36" s="638">
        <v>44102</v>
      </c>
      <c r="N36" s="627" t="s">
        <v>10</v>
      </c>
      <c r="O36" s="627" t="s">
        <v>1175</v>
      </c>
      <c r="P36" s="627"/>
      <c r="Q36" s="627" t="s">
        <v>979</v>
      </c>
    </row>
    <row r="37" spans="1:17" s="622" customFormat="1" ht="44.25" customHeight="1">
      <c r="A37" s="640">
        <v>24</v>
      </c>
      <c r="B37" s="627" t="s">
        <v>1174</v>
      </c>
      <c r="C37" s="627" t="s">
        <v>27</v>
      </c>
      <c r="D37" s="627" t="s">
        <v>1173</v>
      </c>
      <c r="E37" s="637" t="s">
        <v>1172</v>
      </c>
      <c r="F37" s="627" t="s">
        <v>1171</v>
      </c>
      <c r="G37" s="627"/>
      <c r="H37" s="627" t="s">
        <v>10</v>
      </c>
      <c r="I37" s="627"/>
      <c r="J37" s="639">
        <v>1</v>
      </c>
      <c r="K37" s="627">
        <v>2</v>
      </c>
      <c r="L37" s="627"/>
      <c r="M37" s="627" t="s">
        <v>1171</v>
      </c>
      <c r="N37" s="627" t="s">
        <v>10</v>
      </c>
      <c r="O37" s="627" t="s">
        <v>1031</v>
      </c>
      <c r="P37" s="627"/>
      <c r="Q37" s="627"/>
    </row>
    <row r="38" spans="1:17" s="622" customFormat="1" ht="78.75" customHeight="1">
      <c r="A38" s="640">
        <v>25</v>
      </c>
      <c r="B38" s="627" t="s">
        <v>4105</v>
      </c>
      <c r="C38" s="627" t="s">
        <v>179</v>
      </c>
      <c r="D38" s="627" t="s">
        <v>1170</v>
      </c>
      <c r="E38" s="637" t="s">
        <v>1169</v>
      </c>
      <c r="F38" s="638">
        <v>39177</v>
      </c>
      <c r="G38" s="638" t="s">
        <v>1168</v>
      </c>
      <c r="H38" s="627" t="s">
        <v>10</v>
      </c>
      <c r="I38" s="627"/>
      <c r="J38" s="639">
        <v>13</v>
      </c>
      <c r="K38" s="627">
        <v>55</v>
      </c>
      <c r="L38" s="627"/>
      <c r="M38" s="638">
        <v>39177</v>
      </c>
      <c r="N38" s="627" t="s">
        <v>10</v>
      </c>
      <c r="O38" s="627" t="s">
        <v>1166</v>
      </c>
      <c r="P38" s="627"/>
      <c r="Q38" s="627" t="s">
        <v>979</v>
      </c>
    </row>
    <row r="39" spans="1:17" s="622" customFormat="1" ht="76.5" customHeight="1">
      <c r="A39" s="624">
        <v>26</v>
      </c>
      <c r="B39" s="627" t="s">
        <v>1165</v>
      </c>
      <c r="C39" s="627" t="s">
        <v>179</v>
      </c>
      <c r="D39" s="627" t="s">
        <v>1164</v>
      </c>
      <c r="E39" s="637" t="s">
        <v>1163</v>
      </c>
      <c r="F39" s="638">
        <v>41352</v>
      </c>
      <c r="G39" s="638" t="s">
        <v>869</v>
      </c>
      <c r="H39" s="627" t="s">
        <v>10</v>
      </c>
      <c r="I39" s="627"/>
      <c r="J39" s="639">
        <v>5</v>
      </c>
      <c r="K39" s="627">
        <v>30</v>
      </c>
      <c r="L39" s="627"/>
      <c r="M39" s="638">
        <v>41352</v>
      </c>
      <c r="N39" s="627" t="s">
        <v>10</v>
      </c>
      <c r="O39" s="627" t="s">
        <v>1162</v>
      </c>
      <c r="P39" s="627"/>
      <c r="Q39" s="627" t="s">
        <v>979</v>
      </c>
    </row>
    <row r="40" spans="1:17" s="622" customFormat="1" ht="128.25" customHeight="1">
      <c r="A40" s="640">
        <v>27</v>
      </c>
      <c r="B40" s="627" t="s">
        <v>1161</v>
      </c>
      <c r="C40" s="627" t="s">
        <v>179</v>
      </c>
      <c r="D40" s="627" t="s">
        <v>1156</v>
      </c>
      <c r="E40" s="637" t="s">
        <v>1155</v>
      </c>
      <c r="F40" s="638">
        <v>37579</v>
      </c>
      <c r="G40" s="638" t="s">
        <v>63</v>
      </c>
      <c r="H40" s="649" t="s">
        <v>4154</v>
      </c>
      <c r="I40" s="649"/>
      <c r="J40" s="639">
        <v>23</v>
      </c>
      <c r="K40" s="627">
        <v>50</v>
      </c>
      <c r="L40" s="627"/>
      <c r="M40" s="638">
        <v>37579</v>
      </c>
      <c r="N40" s="627" t="s">
        <v>1159</v>
      </c>
      <c r="O40" s="627" t="s">
        <v>1158</v>
      </c>
      <c r="P40" s="627"/>
      <c r="Q40" s="627" t="s">
        <v>1151</v>
      </c>
    </row>
    <row r="41" spans="1:17" s="622" customFormat="1" ht="96" customHeight="1">
      <c r="A41" s="624">
        <v>28</v>
      </c>
      <c r="B41" s="627" t="s">
        <v>1157</v>
      </c>
      <c r="C41" s="627" t="s">
        <v>179</v>
      </c>
      <c r="D41" s="627" t="s">
        <v>1156</v>
      </c>
      <c r="E41" s="637" t="s">
        <v>1155</v>
      </c>
      <c r="F41" s="638">
        <v>37579</v>
      </c>
      <c r="G41" s="638" t="s">
        <v>63</v>
      </c>
      <c r="H41" s="627" t="s">
        <v>1154</v>
      </c>
      <c r="I41" s="627"/>
      <c r="J41" s="639">
        <v>67</v>
      </c>
      <c r="K41" s="627">
        <v>196</v>
      </c>
      <c r="L41" s="627"/>
      <c r="M41" s="638">
        <v>37579</v>
      </c>
      <c r="N41" s="627" t="s">
        <v>10</v>
      </c>
      <c r="O41" s="627" t="s">
        <v>1152</v>
      </c>
      <c r="P41" s="627"/>
      <c r="Q41" s="627" t="s">
        <v>1151</v>
      </c>
    </row>
    <row r="42" spans="1:17" s="622" customFormat="1" ht="134.25" customHeight="1">
      <c r="A42" s="640">
        <v>29</v>
      </c>
      <c r="B42" s="627" t="s">
        <v>4155</v>
      </c>
      <c r="C42" s="627" t="s">
        <v>179</v>
      </c>
      <c r="D42" s="627" t="s">
        <v>1150</v>
      </c>
      <c r="E42" s="637" t="s">
        <v>1149</v>
      </c>
      <c r="F42" s="638">
        <v>39007</v>
      </c>
      <c r="G42" s="627" t="s">
        <v>1148</v>
      </c>
      <c r="H42" s="649" t="s">
        <v>4156</v>
      </c>
      <c r="I42" s="649"/>
      <c r="J42" s="639">
        <v>29</v>
      </c>
      <c r="K42" s="627">
        <v>50</v>
      </c>
      <c r="L42" s="627"/>
      <c r="M42" s="638">
        <v>39007</v>
      </c>
      <c r="N42" s="627" t="s">
        <v>10</v>
      </c>
      <c r="O42" s="627" t="s">
        <v>1146</v>
      </c>
      <c r="P42" s="627"/>
      <c r="Q42" s="627" t="s">
        <v>1145</v>
      </c>
    </row>
    <row r="43" spans="1:17" s="622" customFormat="1" ht="58.5" customHeight="1">
      <c r="A43" s="624">
        <v>30</v>
      </c>
      <c r="B43" s="627" t="s">
        <v>1144</v>
      </c>
      <c r="C43" s="627" t="s">
        <v>179</v>
      </c>
      <c r="D43" s="627" t="s">
        <v>1143</v>
      </c>
      <c r="E43" s="637" t="s">
        <v>1142</v>
      </c>
      <c r="F43" s="638">
        <v>41778</v>
      </c>
      <c r="G43" s="627" t="s">
        <v>926</v>
      </c>
      <c r="H43" s="627" t="s">
        <v>10</v>
      </c>
      <c r="I43" s="627"/>
      <c r="J43" s="639">
        <v>10</v>
      </c>
      <c r="K43" s="627">
        <v>45</v>
      </c>
      <c r="L43" s="627"/>
      <c r="M43" s="638">
        <v>41778</v>
      </c>
      <c r="N43" s="627" t="s">
        <v>10</v>
      </c>
      <c r="O43" s="627" t="s">
        <v>1140</v>
      </c>
      <c r="P43" s="627"/>
      <c r="Q43" s="627" t="s">
        <v>979</v>
      </c>
    </row>
    <row r="44" spans="1:17" s="622" customFormat="1" ht="77.25" customHeight="1">
      <c r="A44" s="624">
        <v>31</v>
      </c>
      <c r="B44" s="627" t="s">
        <v>1139</v>
      </c>
      <c r="C44" s="627" t="s">
        <v>179</v>
      </c>
      <c r="D44" s="627" t="s">
        <v>1138</v>
      </c>
      <c r="E44" s="637" t="s">
        <v>1137</v>
      </c>
      <c r="F44" s="638" t="s">
        <v>1136</v>
      </c>
      <c r="G44" s="638" t="s">
        <v>204</v>
      </c>
      <c r="H44" s="627" t="s">
        <v>10</v>
      </c>
      <c r="I44" s="627"/>
      <c r="J44" s="639">
        <v>4</v>
      </c>
      <c r="K44" s="627">
        <v>38</v>
      </c>
      <c r="L44" s="627"/>
      <c r="M44" s="638">
        <v>43536</v>
      </c>
      <c r="N44" s="627" t="s">
        <v>10</v>
      </c>
      <c r="O44" s="627" t="s">
        <v>1135</v>
      </c>
      <c r="P44" s="627"/>
      <c r="Q44" s="627" t="s">
        <v>1134</v>
      </c>
    </row>
    <row r="45" spans="1:17" s="622" customFormat="1" ht="89.25" customHeight="1">
      <c r="A45" s="640">
        <v>32</v>
      </c>
      <c r="B45" s="641" t="s">
        <v>1133</v>
      </c>
      <c r="C45" s="641" t="s">
        <v>1132</v>
      </c>
      <c r="D45" s="641" t="s">
        <v>1131</v>
      </c>
      <c r="E45" s="650" t="s">
        <v>1130</v>
      </c>
      <c r="F45" s="642">
        <v>44543</v>
      </c>
      <c r="G45" s="641" t="s">
        <v>125</v>
      </c>
      <c r="H45" s="641" t="s">
        <v>10</v>
      </c>
      <c r="I45" s="1102"/>
      <c r="J45" s="643">
        <v>4</v>
      </c>
      <c r="K45" s="641">
        <v>12</v>
      </c>
      <c r="L45" s="641"/>
      <c r="M45" s="642">
        <v>44543</v>
      </c>
      <c r="N45" s="627" t="s">
        <v>10</v>
      </c>
      <c r="O45" s="641" t="s">
        <v>1129</v>
      </c>
      <c r="P45" s="641"/>
      <c r="Q45" s="641" t="s">
        <v>1128</v>
      </c>
    </row>
    <row r="46" spans="1:17" s="622" customFormat="1" ht="64.5" customHeight="1">
      <c r="A46" s="635">
        <v>33</v>
      </c>
      <c r="B46" s="627" t="s">
        <v>1127</v>
      </c>
      <c r="C46" s="627" t="s">
        <v>27</v>
      </c>
      <c r="D46" s="627" t="s">
        <v>1126</v>
      </c>
      <c r="E46" s="637" t="s">
        <v>1125</v>
      </c>
      <c r="F46" s="638">
        <v>44044</v>
      </c>
      <c r="G46" s="627"/>
      <c r="H46" s="627" t="s">
        <v>10</v>
      </c>
      <c r="I46" s="627"/>
      <c r="J46" s="639">
        <v>2</v>
      </c>
      <c r="K46" s="627">
        <v>12</v>
      </c>
      <c r="L46" s="627"/>
      <c r="M46" s="638">
        <v>44044</v>
      </c>
      <c r="N46" s="627" t="s">
        <v>10</v>
      </c>
      <c r="O46" s="627" t="s">
        <v>1124</v>
      </c>
      <c r="P46" s="627"/>
      <c r="Q46" s="627" t="s">
        <v>1123</v>
      </c>
    </row>
    <row r="47" spans="1:17" s="622" customFormat="1" ht="75.75" customHeight="1">
      <c r="A47" s="635">
        <v>34</v>
      </c>
      <c r="B47" s="627" t="s">
        <v>1122</v>
      </c>
      <c r="C47" s="627" t="s">
        <v>15</v>
      </c>
      <c r="D47" s="627" t="s">
        <v>1121</v>
      </c>
      <c r="E47" s="637" t="s">
        <v>1120</v>
      </c>
      <c r="F47" s="638">
        <v>44900</v>
      </c>
      <c r="G47" s="627" t="s">
        <v>1119</v>
      </c>
      <c r="H47" s="627" t="s">
        <v>10</v>
      </c>
      <c r="I47" s="627"/>
      <c r="J47" s="639">
        <v>1</v>
      </c>
      <c r="K47" s="627">
        <v>6</v>
      </c>
      <c r="L47" s="627">
        <v>0</v>
      </c>
      <c r="M47" s="638">
        <v>44927</v>
      </c>
      <c r="N47" s="627" t="s">
        <v>10</v>
      </c>
      <c r="O47" s="627" t="s">
        <v>1095</v>
      </c>
      <c r="P47" s="627" t="s">
        <v>732</v>
      </c>
      <c r="Q47" s="627" t="s">
        <v>1094</v>
      </c>
    </row>
    <row r="48" spans="1:17" s="622" customFormat="1" ht="84" customHeight="1">
      <c r="A48" s="635">
        <v>35</v>
      </c>
      <c r="B48" s="627" t="s">
        <v>1118</v>
      </c>
      <c r="C48" s="627" t="s">
        <v>15</v>
      </c>
      <c r="D48" s="627" t="s">
        <v>1117</v>
      </c>
      <c r="E48" s="637" t="s">
        <v>1116</v>
      </c>
      <c r="F48" s="638">
        <v>43892</v>
      </c>
      <c r="G48" s="627" t="s">
        <v>136</v>
      </c>
      <c r="H48" s="627" t="s">
        <v>10</v>
      </c>
      <c r="I48" s="627"/>
      <c r="J48" s="639">
        <v>1</v>
      </c>
      <c r="K48" s="627">
        <v>8</v>
      </c>
      <c r="L48" s="627"/>
      <c r="M48" s="638">
        <v>43892</v>
      </c>
      <c r="N48" s="627" t="s">
        <v>10</v>
      </c>
      <c r="O48" s="627"/>
      <c r="P48" s="627" t="s">
        <v>732</v>
      </c>
      <c r="Q48" s="627" t="s">
        <v>1094</v>
      </c>
    </row>
    <row r="49" spans="1:17" s="622" customFormat="1" ht="70.5" customHeight="1">
      <c r="A49" s="635">
        <v>36</v>
      </c>
      <c r="B49" s="627" t="s">
        <v>1115</v>
      </c>
      <c r="C49" s="627" t="s">
        <v>27</v>
      </c>
      <c r="D49" s="627" t="s">
        <v>1114</v>
      </c>
      <c r="E49" s="637" t="s">
        <v>1113</v>
      </c>
      <c r="F49" s="638">
        <v>44513</v>
      </c>
      <c r="G49" s="627"/>
      <c r="H49" s="627" t="s">
        <v>10</v>
      </c>
      <c r="I49" s="627"/>
      <c r="J49" s="639">
        <v>1</v>
      </c>
      <c r="K49" s="627">
        <v>4</v>
      </c>
      <c r="L49" s="627"/>
      <c r="M49" s="638" t="s">
        <v>1053</v>
      </c>
      <c r="N49" s="627" t="s">
        <v>10</v>
      </c>
      <c r="O49" s="627" t="s">
        <v>1095</v>
      </c>
      <c r="P49" s="627" t="s">
        <v>732</v>
      </c>
      <c r="Q49" s="627" t="s">
        <v>1094</v>
      </c>
    </row>
    <row r="50" spans="1:17" s="622" customFormat="1" ht="78" customHeight="1">
      <c r="A50" s="635">
        <v>37</v>
      </c>
      <c r="B50" s="627" t="s">
        <v>1112</v>
      </c>
      <c r="C50" s="627" t="s">
        <v>27</v>
      </c>
      <c r="D50" s="627" t="s">
        <v>1111</v>
      </c>
      <c r="E50" s="637" t="s">
        <v>1110</v>
      </c>
      <c r="F50" s="638">
        <v>45035</v>
      </c>
      <c r="G50" s="627"/>
      <c r="H50" s="627" t="s">
        <v>10</v>
      </c>
      <c r="I50" s="627"/>
      <c r="J50" s="639">
        <v>7</v>
      </c>
      <c r="K50" s="627">
        <v>24</v>
      </c>
      <c r="L50" s="627"/>
      <c r="M50" s="638" t="s">
        <v>1041</v>
      </c>
      <c r="N50" s="627" t="s">
        <v>10</v>
      </c>
      <c r="O50" s="627"/>
      <c r="P50" s="627" t="s">
        <v>1031</v>
      </c>
      <c r="Q50" s="627" t="s">
        <v>1094</v>
      </c>
    </row>
    <row r="51" spans="1:17" s="622" customFormat="1" ht="63.75" customHeight="1">
      <c r="A51" s="635">
        <v>38</v>
      </c>
      <c r="B51" s="627" t="s">
        <v>1108</v>
      </c>
      <c r="C51" s="627" t="s">
        <v>27</v>
      </c>
      <c r="D51" s="627" t="s">
        <v>1107</v>
      </c>
      <c r="E51" s="637" t="s">
        <v>1106</v>
      </c>
      <c r="F51" s="638">
        <v>45446</v>
      </c>
      <c r="G51" s="627"/>
      <c r="H51" s="627" t="s">
        <v>10</v>
      </c>
      <c r="I51" s="627"/>
      <c r="J51" s="639">
        <v>1</v>
      </c>
      <c r="K51" s="627">
        <v>4</v>
      </c>
      <c r="L51" s="627"/>
      <c r="M51" s="638" t="s">
        <v>1041</v>
      </c>
      <c r="N51" s="627" t="s">
        <v>10</v>
      </c>
      <c r="O51" s="627" t="s">
        <v>1095</v>
      </c>
      <c r="P51" s="627" t="s">
        <v>1031</v>
      </c>
      <c r="Q51" s="627" t="s">
        <v>1094</v>
      </c>
    </row>
    <row r="52" spans="1:17" s="622" customFormat="1" ht="80.25" customHeight="1">
      <c r="A52" s="635">
        <v>39</v>
      </c>
      <c r="B52" s="627" t="s">
        <v>1105</v>
      </c>
      <c r="C52" s="627" t="s">
        <v>27</v>
      </c>
      <c r="D52" s="627" t="s">
        <v>1104</v>
      </c>
      <c r="E52" s="637" t="s">
        <v>1103</v>
      </c>
      <c r="F52" s="638">
        <v>45097</v>
      </c>
      <c r="G52" s="627"/>
      <c r="H52" s="627" t="s">
        <v>10</v>
      </c>
      <c r="I52" s="627"/>
      <c r="J52" s="639">
        <v>1</v>
      </c>
      <c r="K52" s="627">
        <v>6</v>
      </c>
      <c r="L52" s="627"/>
      <c r="M52" s="638" t="s">
        <v>1041</v>
      </c>
      <c r="N52" s="627" t="s">
        <v>10</v>
      </c>
      <c r="O52" s="627" t="s">
        <v>1095</v>
      </c>
      <c r="P52" s="627" t="s">
        <v>1031</v>
      </c>
      <c r="Q52" s="627" t="s">
        <v>1094</v>
      </c>
    </row>
    <row r="53" spans="1:17" s="622" customFormat="1" ht="78.75">
      <c r="A53" s="635">
        <v>40</v>
      </c>
      <c r="B53" s="627" t="s">
        <v>1102</v>
      </c>
      <c r="C53" s="646" t="s">
        <v>27</v>
      </c>
      <c r="D53" s="627" t="s">
        <v>1101</v>
      </c>
      <c r="E53" s="651" t="s">
        <v>1100</v>
      </c>
      <c r="F53" s="638">
        <v>45055</v>
      </c>
      <c r="G53" s="646"/>
      <c r="H53" s="646" t="s">
        <v>10</v>
      </c>
      <c r="I53" s="646"/>
      <c r="J53" s="652">
        <v>1</v>
      </c>
      <c r="K53" s="646">
        <v>2</v>
      </c>
      <c r="L53" s="646"/>
      <c r="M53" s="646" t="s">
        <v>1041</v>
      </c>
      <c r="N53" s="646" t="s">
        <v>10</v>
      </c>
      <c r="O53" s="627" t="s">
        <v>1095</v>
      </c>
      <c r="P53" s="627" t="s">
        <v>1031</v>
      </c>
      <c r="Q53" s="627" t="s">
        <v>1099</v>
      </c>
    </row>
    <row r="54" spans="1:17" s="622" customFormat="1" ht="66" customHeight="1">
      <c r="A54" s="635">
        <v>41</v>
      </c>
      <c r="B54" s="627" t="s">
        <v>1098</v>
      </c>
      <c r="C54" s="627" t="s">
        <v>27</v>
      </c>
      <c r="D54" s="627" t="s">
        <v>1097</v>
      </c>
      <c r="E54" s="637" t="s">
        <v>1096</v>
      </c>
      <c r="F54" s="638">
        <v>45106</v>
      </c>
      <c r="G54" s="627"/>
      <c r="H54" s="627" t="s">
        <v>10</v>
      </c>
      <c r="I54" s="627"/>
      <c r="J54" s="639">
        <v>1</v>
      </c>
      <c r="K54" s="627">
        <v>6</v>
      </c>
      <c r="L54" s="627"/>
      <c r="M54" s="638" t="s">
        <v>1041</v>
      </c>
      <c r="N54" s="627" t="s">
        <v>10</v>
      </c>
      <c r="O54" s="627" t="s">
        <v>1095</v>
      </c>
      <c r="P54" s="627" t="s">
        <v>1031</v>
      </c>
      <c r="Q54" s="627" t="s">
        <v>1094</v>
      </c>
    </row>
    <row r="55" spans="1:17" s="622" customFormat="1" ht="66" customHeight="1">
      <c r="A55" s="635">
        <v>42</v>
      </c>
      <c r="B55" s="627" t="s">
        <v>1093</v>
      </c>
      <c r="C55" s="627" t="s">
        <v>15</v>
      </c>
      <c r="D55" s="627" t="s">
        <v>1092</v>
      </c>
      <c r="E55" s="637" t="s">
        <v>1091</v>
      </c>
      <c r="F55" s="638">
        <v>45020</v>
      </c>
      <c r="G55" s="627"/>
      <c r="H55" s="627"/>
      <c r="I55" s="627"/>
      <c r="J55" s="639">
        <v>1</v>
      </c>
      <c r="K55" s="627">
        <v>4</v>
      </c>
      <c r="L55" s="627"/>
      <c r="M55" s="627" t="s">
        <v>1041</v>
      </c>
      <c r="N55" s="627" t="s">
        <v>10</v>
      </c>
      <c r="O55" s="627" t="s">
        <v>1090</v>
      </c>
      <c r="P55" s="627" t="s">
        <v>1031</v>
      </c>
      <c r="Q55" s="627"/>
    </row>
    <row r="56" spans="1:17" s="622" customFormat="1" ht="66" customHeight="1">
      <c r="A56" s="635">
        <v>43</v>
      </c>
      <c r="B56" s="627" t="s">
        <v>1089</v>
      </c>
      <c r="C56" s="627" t="s">
        <v>15</v>
      </c>
      <c r="D56" s="627" t="s">
        <v>1088</v>
      </c>
      <c r="E56" s="637" t="s">
        <v>1050</v>
      </c>
      <c r="F56" s="638">
        <v>42055</v>
      </c>
      <c r="G56" s="627"/>
      <c r="H56" s="627" t="s">
        <v>10</v>
      </c>
      <c r="I56" s="627"/>
      <c r="J56" s="639">
        <v>1</v>
      </c>
      <c r="K56" s="627">
        <v>4</v>
      </c>
      <c r="L56" s="627"/>
      <c r="M56" s="627" t="s">
        <v>1087</v>
      </c>
      <c r="N56" s="627" t="s">
        <v>10</v>
      </c>
      <c r="O56" s="627" t="s">
        <v>1086</v>
      </c>
      <c r="P56" s="627" t="s">
        <v>1031</v>
      </c>
      <c r="Q56" s="627"/>
    </row>
    <row r="57" spans="1:17" s="622" customFormat="1" ht="66" customHeight="1">
      <c r="A57" s="635">
        <v>44</v>
      </c>
      <c r="B57" s="627" t="s">
        <v>1085</v>
      </c>
      <c r="C57" s="627" t="s">
        <v>27</v>
      </c>
      <c r="D57" s="627" t="s">
        <v>1084</v>
      </c>
      <c r="E57" s="637" t="s">
        <v>1083</v>
      </c>
      <c r="F57" s="638">
        <v>44389</v>
      </c>
      <c r="G57" s="627"/>
      <c r="H57" s="627" t="s">
        <v>10</v>
      </c>
      <c r="I57" s="627"/>
      <c r="J57" s="639">
        <v>1</v>
      </c>
      <c r="K57" s="627">
        <v>6</v>
      </c>
      <c r="L57" s="627"/>
      <c r="M57" s="627" t="s">
        <v>1078</v>
      </c>
      <c r="N57" s="627" t="s">
        <v>10</v>
      </c>
      <c r="O57" s="627" t="s">
        <v>1082</v>
      </c>
      <c r="P57" s="627" t="s">
        <v>1031</v>
      </c>
      <c r="Q57" s="627"/>
    </row>
    <row r="58" spans="1:17" s="622" customFormat="1" ht="66" customHeight="1">
      <c r="A58" s="635">
        <v>45</v>
      </c>
      <c r="B58" s="627" t="s">
        <v>1081</v>
      </c>
      <c r="C58" s="627" t="s">
        <v>27</v>
      </c>
      <c r="D58" s="627" t="s">
        <v>1080</v>
      </c>
      <c r="E58" s="637" t="s">
        <v>1079</v>
      </c>
      <c r="F58" s="638">
        <v>43882</v>
      </c>
      <c r="G58" s="627"/>
      <c r="H58" s="627" t="s">
        <v>10</v>
      </c>
      <c r="I58" s="627"/>
      <c r="J58" s="639">
        <v>1</v>
      </c>
      <c r="K58" s="627">
        <v>6</v>
      </c>
      <c r="L58" s="627"/>
      <c r="M58" s="627" t="s">
        <v>1078</v>
      </c>
      <c r="N58" s="627" t="s">
        <v>10</v>
      </c>
      <c r="O58" s="627" t="s">
        <v>993</v>
      </c>
      <c r="P58" s="627" t="s">
        <v>1031</v>
      </c>
      <c r="Q58" s="627"/>
    </row>
    <row r="59" spans="1:17" s="622" customFormat="1" ht="66" customHeight="1">
      <c r="A59" s="635">
        <v>46</v>
      </c>
      <c r="B59" s="627" t="s">
        <v>1077</v>
      </c>
      <c r="C59" s="627" t="s">
        <v>15</v>
      </c>
      <c r="D59" s="627" t="s">
        <v>1076</v>
      </c>
      <c r="E59" s="637" t="s">
        <v>1075</v>
      </c>
      <c r="F59" s="638">
        <v>44588</v>
      </c>
      <c r="G59" s="627"/>
      <c r="H59" s="627" t="s">
        <v>10</v>
      </c>
      <c r="I59" s="627"/>
      <c r="J59" s="639">
        <v>8</v>
      </c>
      <c r="K59" s="627">
        <v>24</v>
      </c>
      <c r="L59" s="627">
        <v>1</v>
      </c>
      <c r="M59" s="627" t="s">
        <v>1041</v>
      </c>
      <c r="N59" s="627" t="s">
        <v>10</v>
      </c>
      <c r="O59" s="627"/>
      <c r="P59" s="627" t="s">
        <v>1031</v>
      </c>
      <c r="Q59" s="627" t="s">
        <v>1074</v>
      </c>
    </row>
    <row r="60" spans="1:17" s="622" customFormat="1" ht="79.5" customHeight="1">
      <c r="A60" s="635">
        <v>47</v>
      </c>
      <c r="B60" s="627" t="s">
        <v>1073</v>
      </c>
      <c r="C60" s="627" t="s">
        <v>15</v>
      </c>
      <c r="D60" s="627" t="s">
        <v>1072</v>
      </c>
      <c r="E60" s="637" t="s">
        <v>1071</v>
      </c>
      <c r="F60" s="638">
        <v>44999</v>
      </c>
      <c r="G60" s="627" t="s">
        <v>1070</v>
      </c>
      <c r="H60" s="627" t="s">
        <v>10</v>
      </c>
      <c r="I60" s="627"/>
      <c r="J60" s="639">
        <v>5</v>
      </c>
      <c r="K60" s="627">
        <v>16</v>
      </c>
      <c r="L60" s="627">
        <v>0</v>
      </c>
      <c r="M60" s="627" t="s">
        <v>1068</v>
      </c>
      <c r="N60" s="627" t="s">
        <v>10</v>
      </c>
      <c r="O60" s="627"/>
      <c r="P60" s="627" t="s">
        <v>1031</v>
      </c>
      <c r="Q60" s="627"/>
    </row>
    <row r="61" spans="1:17" s="622" customFormat="1" ht="53.25" customHeight="1">
      <c r="A61" s="635">
        <v>48</v>
      </c>
      <c r="B61" s="627" t="s">
        <v>1067</v>
      </c>
      <c r="C61" s="646" t="s">
        <v>15</v>
      </c>
      <c r="D61" s="627" t="s">
        <v>1066</v>
      </c>
      <c r="E61" s="653">
        <v>100501523195</v>
      </c>
      <c r="F61" s="654">
        <v>45083</v>
      </c>
      <c r="G61" s="627" t="s">
        <v>1063</v>
      </c>
      <c r="H61" s="646" t="s">
        <v>10</v>
      </c>
      <c r="I61" s="646"/>
      <c r="J61" s="646">
        <v>1</v>
      </c>
      <c r="K61" s="646">
        <v>4</v>
      </c>
      <c r="L61" s="646">
        <v>0</v>
      </c>
      <c r="M61" s="646" t="s">
        <v>1041</v>
      </c>
      <c r="N61" s="646" t="s">
        <v>10</v>
      </c>
      <c r="O61" s="646"/>
      <c r="P61" s="627" t="s">
        <v>1031</v>
      </c>
      <c r="Q61" s="627" t="s">
        <v>1065</v>
      </c>
    </row>
    <row r="62" spans="1:17" s="622" customFormat="1" ht="47.25" customHeight="1">
      <c r="A62" s="635">
        <v>49</v>
      </c>
      <c r="B62" s="627" t="s">
        <v>4677</v>
      </c>
      <c r="C62" s="646" t="s">
        <v>15</v>
      </c>
      <c r="D62" s="627" t="s">
        <v>1064</v>
      </c>
      <c r="E62" s="653">
        <v>100500757842</v>
      </c>
      <c r="F62" s="654">
        <v>44694</v>
      </c>
      <c r="G62" s="627" t="s">
        <v>1063</v>
      </c>
      <c r="H62" s="646" t="s">
        <v>10</v>
      </c>
      <c r="I62" s="646"/>
      <c r="J62" s="646">
        <v>2</v>
      </c>
      <c r="K62" s="646">
        <v>8</v>
      </c>
      <c r="L62" s="646">
        <v>0</v>
      </c>
      <c r="M62" s="646" t="s">
        <v>1041</v>
      </c>
      <c r="N62" s="646" t="s">
        <v>10</v>
      </c>
      <c r="O62" s="646"/>
      <c r="P62" s="627" t="s">
        <v>1031</v>
      </c>
      <c r="Q62" s="627" t="s">
        <v>1059</v>
      </c>
    </row>
    <row r="63" spans="1:17" s="622" customFormat="1" ht="62.25" customHeight="1">
      <c r="A63" s="635">
        <v>50</v>
      </c>
      <c r="B63" s="627" t="s">
        <v>1062</v>
      </c>
      <c r="C63" s="627" t="s">
        <v>15</v>
      </c>
      <c r="D63" s="627" t="s">
        <v>1061</v>
      </c>
      <c r="E63" s="637" t="s">
        <v>1060</v>
      </c>
      <c r="F63" s="638">
        <v>44698</v>
      </c>
      <c r="G63" s="627" t="s">
        <v>495</v>
      </c>
      <c r="H63" s="627" t="s">
        <v>10</v>
      </c>
      <c r="I63" s="627"/>
      <c r="J63" s="639">
        <v>1</v>
      </c>
      <c r="K63" s="627">
        <v>4</v>
      </c>
      <c r="L63" s="627">
        <v>0</v>
      </c>
      <c r="M63" s="627" t="s">
        <v>1053</v>
      </c>
      <c r="N63" s="627" t="s">
        <v>10</v>
      </c>
      <c r="O63" s="627"/>
      <c r="P63" s="627" t="s">
        <v>1031</v>
      </c>
      <c r="Q63" s="627" t="s">
        <v>1059</v>
      </c>
    </row>
    <row r="64" spans="1:17" s="622" customFormat="1" ht="37.5" customHeight="1">
      <c r="A64" s="635">
        <v>21</v>
      </c>
      <c r="B64" s="627" t="s">
        <v>1058</v>
      </c>
      <c r="C64" s="627" t="s">
        <v>15</v>
      </c>
      <c r="D64" s="627" t="s">
        <v>1057</v>
      </c>
      <c r="E64" s="655">
        <v>100000674813</v>
      </c>
      <c r="F64" s="638">
        <v>45336</v>
      </c>
      <c r="G64" s="655" t="s">
        <v>1056</v>
      </c>
      <c r="H64" s="627" t="str">
        <f>'[4]01.10.2023'!H69</f>
        <v>нет</v>
      </c>
      <c r="I64" s="627"/>
      <c r="J64" s="637">
        <f>'[4]01.10.2023'!I69</f>
        <v>2</v>
      </c>
      <c r="K64" s="627">
        <f>'[4]01.10.2023'!J69</f>
        <v>8</v>
      </c>
      <c r="L64" s="627">
        <f>'[4]01.10.2023'!K69</f>
        <v>0</v>
      </c>
      <c r="M64" s="627" t="str">
        <f>'[4]01.10.2023'!L69</f>
        <v>2023 год</v>
      </c>
      <c r="N64" s="627" t="str">
        <f>'[4]01.10.2023'!M69</f>
        <v>нет</v>
      </c>
      <c r="O64" s="627"/>
      <c r="P64" s="627" t="s">
        <v>1031</v>
      </c>
      <c r="Q64" s="627" t="str">
        <f>'[4]01.10.2023'!P69</f>
        <v>работают только в сезон с мая по сентябрь</v>
      </c>
    </row>
    <row r="65" spans="1:17" s="622" customFormat="1" ht="49.5" customHeight="1">
      <c r="A65" s="635">
        <v>52</v>
      </c>
      <c r="B65" s="627" t="s">
        <v>1055</v>
      </c>
      <c r="C65" s="627" t="s">
        <v>27</v>
      </c>
      <c r="D65" s="627" t="s">
        <v>1054</v>
      </c>
      <c r="E65" s="655">
        <v>100500049776</v>
      </c>
      <c r="F65" s="638">
        <v>44872</v>
      </c>
      <c r="G65" s="627"/>
      <c r="H65" s="627" t="s">
        <v>10</v>
      </c>
      <c r="I65" s="627"/>
      <c r="J65" s="639">
        <v>2</v>
      </c>
      <c r="K65" s="627">
        <v>8</v>
      </c>
      <c r="L65" s="627">
        <v>0</v>
      </c>
      <c r="M65" s="627" t="s">
        <v>1053</v>
      </c>
      <c r="N65" s="627" t="s">
        <v>10</v>
      </c>
      <c r="O65" s="627" t="s">
        <v>993</v>
      </c>
      <c r="P65" s="627" t="s">
        <v>1031</v>
      </c>
      <c r="Q65" s="627" t="s">
        <v>1039</v>
      </c>
    </row>
    <row r="66" spans="1:17" s="622" customFormat="1" ht="49.5" customHeight="1">
      <c r="A66" s="635">
        <v>53</v>
      </c>
      <c r="B66" s="627" t="s">
        <v>1052</v>
      </c>
      <c r="C66" s="627" t="s">
        <v>27</v>
      </c>
      <c r="D66" s="627" t="s">
        <v>1051</v>
      </c>
      <c r="E66" s="637" t="s">
        <v>1050</v>
      </c>
      <c r="F66" s="638">
        <v>45231</v>
      </c>
      <c r="G66" s="627"/>
      <c r="H66" s="627" t="s">
        <v>10</v>
      </c>
      <c r="I66" s="627"/>
      <c r="J66" s="639">
        <v>2</v>
      </c>
      <c r="K66" s="627">
        <v>10</v>
      </c>
      <c r="L66" s="639">
        <v>0</v>
      </c>
      <c r="M66" s="639" t="s">
        <v>1041</v>
      </c>
      <c r="N66" s="627" t="s">
        <v>1049</v>
      </c>
      <c r="O66" s="627" t="s">
        <v>1048</v>
      </c>
      <c r="P66" s="627" t="s">
        <v>1031</v>
      </c>
      <c r="Q66" s="627" t="s">
        <v>1047</v>
      </c>
    </row>
    <row r="67" spans="1:17" s="622" customFormat="1" ht="83.25" customHeight="1">
      <c r="A67" s="635">
        <v>54</v>
      </c>
      <c r="B67" s="627" t="s">
        <v>1046</v>
      </c>
      <c r="C67" s="627" t="s">
        <v>15</v>
      </c>
      <c r="D67" s="627" t="s">
        <v>1045</v>
      </c>
      <c r="E67" s="637" t="s">
        <v>1044</v>
      </c>
      <c r="F67" s="638">
        <v>44944</v>
      </c>
      <c r="G67" s="627" t="s">
        <v>1043</v>
      </c>
      <c r="H67" s="627" t="s">
        <v>10</v>
      </c>
      <c r="I67" s="627"/>
      <c r="J67" s="639">
        <v>8</v>
      </c>
      <c r="K67" s="627">
        <v>16</v>
      </c>
      <c r="L67" s="639">
        <v>0</v>
      </c>
      <c r="M67" s="639" t="s">
        <v>1041</v>
      </c>
      <c r="N67" s="627" t="s">
        <v>10</v>
      </c>
      <c r="O67" s="627" t="s">
        <v>1040</v>
      </c>
      <c r="P67" s="627" t="s">
        <v>1031</v>
      </c>
      <c r="Q67" s="627" t="s">
        <v>1039</v>
      </c>
    </row>
    <row r="68" spans="1:17" s="622" customFormat="1" ht="83.25" customHeight="1">
      <c r="A68" s="635">
        <v>55</v>
      </c>
      <c r="B68" s="627" t="s">
        <v>1038</v>
      </c>
      <c r="C68" s="627" t="s">
        <v>27</v>
      </c>
      <c r="D68" s="627" t="s">
        <v>1037</v>
      </c>
      <c r="E68" s="637" t="s">
        <v>1036</v>
      </c>
      <c r="F68" s="638">
        <v>44231</v>
      </c>
      <c r="G68" s="627"/>
      <c r="H68" s="627" t="s">
        <v>10</v>
      </c>
      <c r="I68" s="627"/>
      <c r="J68" s="639">
        <v>1</v>
      </c>
      <c r="K68" s="627">
        <v>6</v>
      </c>
      <c r="L68" s="639"/>
      <c r="M68" s="639" t="s">
        <v>1035</v>
      </c>
      <c r="N68" s="627" t="s">
        <v>10</v>
      </c>
      <c r="O68" s="627"/>
      <c r="P68" s="627" t="s">
        <v>1031</v>
      </c>
      <c r="Q68" s="627" t="s">
        <v>1034</v>
      </c>
    </row>
    <row r="69" spans="1:17" s="622" customFormat="1" ht="27.75" customHeight="1">
      <c r="A69" s="635"/>
      <c r="B69" s="656"/>
      <c r="C69" s="657"/>
      <c r="D69" s="657"/>
      <c r="E69" s="658"/>
      <c r="F69" s="659"/>
      <c r="G69" s="657"/>
      <c r="H69" s="657"/>
      <c r="I69" s="1103"/>
      <c r="J69" s="660"/>
      <c r="K69" s="657"/>
      <c r="L69" s="657"/>
      <c r="M69" s="657"/>
      <c r="N69" s="657"/>
      <c r="O69" s="657"/>
      <c r="P69" s="657"/>
      <c r="Q69" s="661"/>
    </row>
    <row r="70" spans="1:17" s="622" customFormat="1" ht="18.75" customHeight="1">
      <c r="A70" s="635"/>
      <c r="B70" s="1237" t="s">
        <v>503</v>
      </c>
      <c r="C70" s="1238"/>
      <c r="D70" s="1238"/>
      <c r="E70" s="1238"/>
      <c r="F70" s="1238"/>
      <c r="G70" s="1238"/>
      <c r="H70" s="1238"/>
      <c r="I70" s="1239"/>
      <c r="J70" s="1238"/>
      <c r="K70" s="1238"/>
      <c r="L70" s="1238"/>
      <c r="M70" s="1238"/>
      <c r="N70" s="1238"/>
      <c r="O70" s="1238"/>
      <c r="P70" s="1238"/>
      <c r="Q70" s="1240"/>
    </row>
    <row r="71" spans="1:17" s="622" customFormat="1" ht="60.75" customHeight="1">
      <c r="A71" s="662">
        <v>1</v>
      </c>
      <c r="B71" s="662" t="s">
        <v>1033</v>
      </c>
      <c r="C71" s="624"/>
      <c r="D71" s="624" t="s">
        <v>1031</v>
      </c>
      <c r="E71" s="623"/>
      <c r="F71" s="624" t="s">
        <v>1032</v>
      </c>
      <c r="G71" s="624"/>
      <c r="H71" s="624"/>
      <c r="I71" s="1101"/>
      <c r="J71" s="623">
        <v>1</v>
      </c>
      <c r="K71" s="624">
        <v>6</v>
      </c>
      <c r="L71" s="624"/>
      <c r="M71" s="624"/>
      <c r="N71" s="624"/>
      <c r="O71" s="624" t="s">
        <v>1031</v>
      </c>
      <c r="P71" s="624"/>
      <c r="Q71" s="624" t="s">
        <v>1030</v>
      </c>
    </row>
    <row r="72" spans="1:17" s="622" customFormat="1" ht="80.25" customHeight="1">
      <c r="A72" s="662">
        <v>2</v>
      </c>
      <c r="B72" s="663" t="s">
        <v>1029</v>
      </c>
      <c r="C72" s="635"/>
      <c r="D72" s="664" t="s">
        <v>1028</v>
      </c>
      <c r="E72" s="665"/>
      <c r="F72" s="666" t="s">
        <v>1027</v>
      </c>
      <c r="G72" s="667"/>
      <c r="H72" s="664"/>
      <c r="I72" s="645"/>
      <c r="J72" s="665"/>
      <c r="K72" s="664"/>
      <c r="L72" s="664"/>
      <c r="M72" s="664"/>
      <c r="N72" s="664"/>
      <c r="O72" s="664" t="s">
        <v>1026</v>
      </c>
      <c r="P72" s="624"/>
      <c r="Q72" s="624"/>
    </row>
    <row r="73" spans="1:17" s="622" customFormat="1" ht="67.5" customHeight="1">
      <c r="A73" s="662">
        <v>3</v>
      </c>
      <c r="B73" s="663" t="s">
        <v>1025</v>
      </c>
      <c r="C73" s="635"/>
      <c r="D73" s="664" t="s">
        <v>1024</v>
      </c>
      <c r="E73" s="665"/>
      <c r="F73" s="666" t="s">
        <v>1023</v>
      </c>
      <c r="G73" s="668"/>
      <c r="H73" s="664"/>
      <c r="I73" s="645"/>
      <c r="J73" s="665"/>
      <c r="K73" s="664"/>
      <c r="L73" s="664"/>
      <c r="M73" s="664"/>
      <c r="N73" s="664"/>
      <c r="O73" s="664" t="s">
        <v>1022</v>
      </c>
      <c r="P73" s="624"/>
      <c r="Q73" s="624"/>
    </row>
    <row r="74" spans="1:17" s="622" customFormat="1" ht="63.75" customHeight="1">
      <c r="A74" s="662"/>
      <c r="B74" s="663"/>
      <c r="C74" s="664"/>
      <c r="D74" s="664"/>
      <c r="E74" s="665"/>
      <c r="F74" s="666"/>
      <c r="G74" s="667"/>
      <c r="H74" s="635"/>
      <c r="I74" s="1104"/>
      <c r="J74" s="665"/>
      <c r="K74" s="664"/>
      <c r="L74" s="664"/>
      <c r="M74" s="664"/>
      <c r="N74" s="664"/>
      <c r="O74" s="664"/>
      <c r="P74" s="624"/>
      <c r="Q74" s="624"/>
    </row>
    <row r="75" spans="1:17" s="622" customFormat="1" ht="76.5" customHeight="1">
      <c r="A75" s="662">
        <v>5</v>
      </c>
      <c r="B75" s="663" t="s">
        <v>1021</v>
      </c>
      <c r="C75" s="664"/>
      <c r="D75" s="664"/>
      <c r="E75" s="665"/>
      <c r="F75" s="666" t="s">
        <v>1020</v>
      </c>
      <c r="G75" s="667"/>
      <c r="H75" s="635"/>
      <c r="I75" s="1104"/>
      <c r="J75" s="665"/>
      <c r="K75" s="664"/>
      <c r="L75" s="664"/>
      <c r="M75" s="664"/>
      <c r="N75" s="664"/>
      <c r="O75" s="664" t="s">
        <v>1019</v>
      </c>
      <c r="P75" s="624" t="s">
        <v>1018</v>
      </c>
      <c r="Q75" s="624"/>
    </row>
    <row r="76" spans="1:17" s="622" customFormat="1" ht="110.25" customHeight="1">
      <c r="A76" s="662">
        <v>6</v>
      </c>
      <c r="B76" s="662" t="s">
        <v>1017</v>
      </c>
      <c r="C76" s="624"/>
      <c r="D76" s="624" t="s">
        <v>1016</v>
      </c>
      <c r="E76" s="623"/>
      <c r="F76" s="624"/>
      <c r="G76" s="624"/>
      <c r="H76" s="624"/>
      <c r="I76" s="1101"/>
      <c r="J76" s="623" t="s">
        <v>975</v>
      </c>
      <c r="K76" s="624">
        <v>6</v>
      </c>
      <c r="L76" s="624"/>
      <c r="M76" s="624"/>
      <c r="N76" s="624"/>
      <c r="O76" s="624" t="s">
        <v>1015</v>
      </c>
      <c r="P76" s="624"/>
      <c r="Q76" s="624" t="s">
        <v>1014</v>
      </c>
    </row>
    <row r="77" spans="1:17" s="622" customFormat="1" ht="63">
      <c r="A77" s="669">
        <v>7</v>
      </c>
      <c r="B77" s="662" t="s">
        <v>1013</v>
      </c>
      <c r="C77" s="624" t="s">
        <v>27</v>
      </c>
      <c r="D77" s="635"/>
      <c r="E77" s="624" t="s">
        <v>1012</v>
      </c>
      <c r="F77" s="636"/>
      <c r="G77" s="624" t="s">
        <v>1011</v>
      </c>
      <c r="H77" s="635"/>
      <c r="I77" s="1104"/>
      <c r="J77" s="635"/>
      <c r="K77" s="636"/>
      <c r="L77" s="635"/>
      <c r="M77" s="635"/>
      <c r="N77" s="635"/>
      <c r="O77" s="635"/>
      <c r="P77" s="635"/>
      <c r="Q77" s="624"/>
    </row>
    <row r="78" spans="1:17" s="622" customFormat="1" ht="47.25">
      <c r="A78" s="669">
        <v>8</v>
      </c>
      <c r="B78" s="662" t="s">
        <v>1010</v>
      </c>
      <c r="C78" s="624"/>
      <c r="D78" s="624" t="s">
        <v>1009</v>
      </c>
      <c r="E78" s="624"/>
      <c r="F78" s="636"/>
      <c r="G78" s="624"/>
      <c r="H78" s="635"/>
      <c r="I78" s="1104"/>
      <c r="J78" s="635">
        <v>2</v>
      </c>
      <c r="K78" s="636" t="s">
        <v>1008</v>
      </c>
      <c r="L78" s="635">
        <v>0</v>
      </c>
      <c r="M78" s="635"/>
      <c r="N78" s="635"/>
      <c r="O78" s="635"/>
      <c r="P78" s="635"/>
      <c r="Q78" s="624"/>
    </row>
    <row r="79" spans="1:17" s="622" customFormat="1" ht="15.75">
      <c r="B79" s="670"/>
      <c r="C79" s="671"/>
      <c r="D79" s="670"/>
      <c r="E79" s="671"/>
      <c r="F79" s="672"/>
      <c r="G79" s="671"/>
      <c r="H79" s="670"/>
      <c r="I79" s="670"/>
      <c r="J79" s="670"/>
      <c r="K79" s="672"/>
      <c r="L79" s="670"/>
      <c r="M79" s="670"/>
      <c r="N79" s="670"/>
      <c r="O79" s="670"/>
      <c r="P79" s="670"/>
      <c r="Q79" s="671"/>
    </row>
    <row r="80" spans="1:17" s="622" customFormat="1" ht="15.75">
      <c r="A80" s="670"/>
      <c r="B80" s="671"/>
      <c r="C80" s="670"/>
      <c r="D80" s="671"/>
      <c r="E80" s="672"/>
      <c r="F80" s="671"/>
      <c r="G80" s="670"/>
      <c r="H80" s="670"/>
      <c r="I80" s="670"/>
      <c r="J80" s="672"/>
      <c r="K80" s="670"/>
      <c r="L80" s="670"/>
      <c r="M80" s="670"/>
      <c r="N80" s="670"/>
      <c r="O80" s="670"/>
      <c r="P80" s="671"/>
      <c r="Q80" s="671"/>
    </row>
    <row r="81" spans="1:17" s="622" customFormat="1" ht="15.75">
      <c r="A81" s="673"/>
      <c r="B81" s="674"/>
      <c r="C81" s="674"/>
      <c r="D81" s="674"/>
      <c r="E81" s="1235" t="s">
        <v>728</v>
      </c>
      <c r="F81" s="1235"/>
      <c r="G81" s="1235"/>
      <c r="H81" s="1235"/>
      <c r="I81" s="1236"/>
      <c r="J81" s="1235"/>
      <c r="K81" s="1235"/>
      <c r="L81" s="1235"/>
      <c r="M81" s="1235"/>
      <c r="N81" s="674"/>
      <c r="O81" s="674"/>
      <c r="P81" s="657"/>
      <c r="Q81" s="675"/>
    </row>
    <row r="82" spans="1:17" s="622" customFormat="1" ht="63.75" customHeight="1">
      <c r="A82" s="635">
        <v>1</v>
      </c>
      <c r="B82" s="627" t="s">
        <v>1007</v>
      </c>
      <c r="C82" s="627" t="s">
        <v>60</v>
      </c>
      <c r="D82" s="627" t="s">
        <v>1006</v>
      </c>
      <c r="E82" s="646">
        <v>1005080700</v>
      </c>
      <c r="F82" s="638">
        <v>37606</v>
      </c>
      <c r="G82" s="627" t="s">
        <v>142</v>
      </c>
      <c r="H82" s="646"/>
      <c r="I82" s="646"/>
      <c r="J82" s="651"/>
      <c r="K82" s="646"/>
      <c r="L82" s="652"/>
      <c r="M82" s="652"/>
      <c r="N82" s="646"/>
      <c r="O82" s="627" t="s">
        <v>1005</v>
      </c>
      <c r="P82" s="627"/>
      <c r="Q82" s="627" t="s">
        <v>1004</v>
      </c>
    </row>
    <row r="83" spans="1:17" s="622" customFormat="1" ht="78.75">
      <c r="A83" s="635">
        <v>2</v>
      </c>
      <c r="B83" s="627" t="s">
        <v>1003</v>
      </c>
      <c r="C83" s="627" t="s">
        <v>27</v>
      </c>
      <c r="D83" s="627" t="s">
        <v>1002</v>
      </c>
      <c r="E83" s="637" t="s">
        <v>1001</v>
      </c>
      <c r="F83" s="638">
        <v>44447</v>
      </c>
      <c r="G83" s="627"/>
      <c r="H83" s="627" t="s">
        <v>10</v>
      </c>
      <c r="I83" s="627"/>
      <c r="J83" s="637" t="s">
        <v>1000</v>
      </c>
      <c r="K83" s="627">
        <v>2</v>
      </c>
      <c r="L83" s="639"/>
      <c r="M83" s="639" t="s">
        <v>999</v>
      </c>
      <c r="N83" s="627"/>
      <c r="O83" s="627" t="s">
        <v>998</v>
      </c>
      <c r="P83" s="627"/>
      <c r="Q83" s="627" t="s">
        <v>997</v>
      </c>
    </row>
    <row r="84" spans="1:17" s="622" customFormat="1" ht="78.75">
      <c r="A84" s="624">
        <v>3</v>
      </c>
      <c r="B84" s="627" t="s">
        <v>996</v>
      </c>
      <c r="C84" s="646"/>
      <c r="D84" s="627" t="s">
        <v>995</v>
      </c>
      <c r="E84" s="651"/>
      <c r="F84" s="646"/>
      <c r="G84" s="646"/>
      <c r="H84" s="646"/>
      <c r="I84" s="646"/>
      <c r="J84" s="651" t="s">
        <v>975</v>
      </c>
      <c r="K84" s="646">
        <v>6</v>
      </c>
      <c r="L84" s="652"/>
      <c r="M84" s="639" t="s">
        <v>994</v>
      </c>
      <c r="N84" s="646"/>
      <c r="O84" s="646" t="s">
        <v>993</v>
      </c>
      <c r="P84" s="627"/>
      <c r="Q84" s="627" t="s">
        <v>992</v>
      </c>
    </row>
    <row r="85" spans="1:17" s="622" customFormat="1" ht="78.75">
      <c r="A85" s="624">
        <v>4</v>
      </c>
      <c r="B85" s="627" t="s">
        <v>991</v>
      </c>
      <c r="C85" s="646" t="s">
        <v>15</v>
      </c>
      <c r="D85" s="627" t="s">
        <v>990</v>
      </c>
      <c r="E85" s="651" t="s">
        <v>989</v>
      </c>
      <c r="F85" s="654">
        <v>43089</v>
      </c>
      <c r="G85" s="627" t="s">
        <v>988</v>
      </c>
      <c r="H85" s="646"/>
      <c r="I85" s="646"/>
      <c r="J85" s="651" t="s">
        <v>966</v>
      </c>
      <c r="K85" s="646"/>
      <c r="L85" s="652"/>
      <c r="M85" s="652"/>
      <c r="N85" s="646"/>
      <c r="O85" s="646" t="s">
        <v>987</v>
      </c>
      <c r="P85" s="627"/>
      <c r="Q85" s="627" t="s">
        <v>986</v>
      </c>
    </row>
    <row r="86" spans="1:17" s="622" customFormat="1" ht="78.75">
      <c r="A86" s="624">
        <v>5</v>
      </c>
      <c r="B86" s="627" t="s">
        <v>985</v>
      </c>
      <c r="C86" s="627" t="s">
        <v>27</v>
      </c>
      <c r="D86" s="627" t="s">
        <v>984</v>
      </c>
      <c r="E86" s="637" t="s">
        <v>983</v>
      </c>
      <c r="F86" s="638" t="s">
        <v>982</v>
      </c>
      <c r="G86" s="638" t="s">
        <v>981</v>
      </c>
      <c r="H86" s="627" t="s">
        <v>10</v>
      </c>
      <c r="I86" s="627"/>
      <c r="J86" s="637" t="s">
        <v>975</v>
      </c>
      <c r="K86" s="627">
        <v>4</v>
      </c>
      <c r="L86" s="627"/>
      <c r="M86" s="638">
        <v>44656</v>
      </c>
      <c r="N86" s="627" t="s">
        <v>10</v>
      </c>
      <c r="O86" s="627" t="s">
        <v>980</v>
      </c>
      <c r="P86" s="627"/>
      <c r="Q86" s="627" t="s">
        <v>979</v>
      </c>
    </row>
    <row r="87" spans="1:17" s="622" customFormat="1" ht="66.75" customHeight="1">
      <c r="A87" s="624">
        <v>6</v>
      </c>
      <c r="B87" s="627" t="s">
        <v>978</v>
      </c>
      <c r="C87" s="627"/>
      <c r="D87" s="627" t="s">
        <v>4678</v>
      </c>
      <c r="E87" s="637" t="s">
        <v>977</v>
      </c>
      <c r="F87" s="638" t="s">
        <v>976</v>
      </c>
      <c r="G87" s="638" t="s">
        <v>4679</v>
      </c>
      <c r="H87" s="627" t="s">
        <v>10</v>
      </c>
      <c r="I87" s="627"/>
      <c r="J87" s="637" t="s">
        <v>975</v>
      </c>
      <c r="K87" s="627">
        <v>6</v>
      </c>
      <c r="L87" s="627"/>
      <c r="M87" s="638">
        <v>44130</v>
      </c>
      <c r="N87" s="627" t="s">
        <v>10</v>
      </c>
      <c r="O87" s="627" t="s">
        <v>974</v>
      </c>
      <c r="P87" s="627"/>
      <c r="Q87" s="627" t="s">
        <v>973</v>
      </c>
    </row>
    <row r="88" spans="1:17" s="622" customFormat="1" ht="35.25" customHeight="1">
      <c r="A88" s="671"/>
      <c r="B88" s="671"/>
      <c r="C88" s="671"/>
      <c r="D88" s="671"/>
      <c r="E88" s="676"/>
      <c r="F88" s="677"/>
      <c r="G88" s="677"/>
      <c r="H88" s="671"/>
      <c r="I88" s="671"/>
      <c r="J88" s="676"/>
      <c r="K88" s="671"/>
      <c r="L88" s="671"/>
      <c r="M88" s="677"/>
      <c r="N88" s="671"/>
      <c r="O88" s="671"/>
      <c r="P88" s="671"/>
      <c r="Q88" s="671"/>
    </row>
    <row r="89" spans="1:17" s="622" customFormat="1" ht="78.75">
      <c r="E89" s="678" t="s">
        <v>972</v>
      </c>
      <c r="F89" s="635" t="s">
        <v>971</v>
      </c>
      <c r="G89" s="624" t="s">
        <v>970</v>
      </c>
      <c r="H89" s="624" t="s">
        <v>969</v>
      </c>
      <c r="I89" s="1101"/>
      <c r="J89" s="623" t="s">
        <v>968</v>
      </c>
      <c r="K89" s="635"/>
      <c r="P89" s="621"/>
    </row>
    <row r="90" spans="1:17" s="622" customFormat="1" ht="15.75">
      <c r="E90" s="623" t="s">
        <v>967</v>
      </c>
      <c r="F90" s="635">
        <v>3</v>
      </c>
      <c r="G90" s="635">
        <v>1</v>
      </c>
      <c r="H90" s="635">
        <v>0</v>
      </c>
      <c r="I90" s="1104"/>
      <c r="J90" s="636" t="s">
        <v>966</v>
      </c>
      <c r="K90" s="635"/>
    </row>
    <row r="91" spans="1:17" s="622" customFormat="1" ht="15.75">
      <c r="E91" s="679">
        <v>45470</v>
      </c>
      <c r="F91" s="635">
        <v>3</v>
      </c>
      <c r="G91" s="635">
        <v>2</v>
      </c>
      <c r="H91" s="635">
        <v>0</v>
      </c>
      <c r="I91" s="1104"/>
      <c r="J91" s="635">
        <v>1</v>
      </c>
      <c r="K91" s="635"/>
    </row>
    <row r="92" spans="1:17" s="622" customFormat="1" ht="15.75">
      <c r="E92" s="679">
        <v>45547</v>
      </c>
      <c r="F92" s="635">
        <v>5</v>
      </c>
      <c r="G92" s="636" t="s">
        <v>965</v>
      </c>
      <c r="H92" s="635">
        <v>0</v>
      </c>
      <c r="I92" s="1104"/>
      <c r="J92" s="635">
        <v>1</v>
      </c>
      <c r="K92" s="635"/>
    </row>
    <row r="93" spans="1:17" s="622" customFormat="1" ht="15.75">
      <c r="E93" s="680" t="s">
        <v>964</v>
      </c>
      <c r="F93" s="680">
        <f>SUM(F90:F92)</f>
        <v>11</v>
      </c>
      <c r="G93" s="680">
        <v>7</v>
      </c>
      <c r="H93" s="680">
        <f>SUM(H90:H92)</f>
        <v>0</v>
      </c>
      <c r="I93" s="1105"/>
      <c r="J93" s="680">
        <v>4</v>
      </c>
      <c r="K93" s="680">
        <f>SUM(K90:K92)</f>
        <v>0</v>
      </c>
    </row>
    <row r="94" spans="1:17" s="622" customFormat="1" ht="15.75"/>
    <row r="95" spans="1:17" s="622" customFormat="1" ht="15.75"/>
    <row r="96" spans="1:17" s="622" customFormat="1" ht="15.75"/>
    <row r="97" s="622" customFormat="1" ht="15.75"/>
    <row r="98" s="622" customFormat="1" ht="15.75"/>
    <row r="99" s="622" customFormat="1" ht="15.75"/>
    <row r="100" s="622" customFormat="1" ht="15.75"/>
    <row r="101" s="622" customFormat="1" ht="15.75"/>
    <row r="102" s="622" customFormat="1" ht="15.75"/>
    <row r="103" s="622" customFormat="1" ht="15.75"/>
    <row r="104" s="622" customFormat="1" ht="15.75"/>
    <row r="105" s="622" customFormat="1" ht="15.75"/>
    <row r="106" s="622" customFormat="1" ht="15.75"/>
    <row r="107" s="622" customFormat="1" ht="15.75"/>
    <row r="108" s="622" customFormat="1" ht="15.75"/>
    <row r="109" s="622" customFormat="1" ht="15.75"/>
    <row r="110" s="622" customFormat="1" ht="15.75"/>
    <row r="111" s="622" customFormat="1" ht="15.75"/>
    <row r="112" s="622" customFormat="1" ht="15.75"/>
    <row r="113" s="622" customFormat="1" ht="15.75"/>
    <row r="114" s="622" customFormat="1" ht="15.75"/>
    <row r="115" s="622" customFormat="1" ht="15.75"/>
    <row r="116" s="622" customFormat="1" ht="15.75"/>
    <row r="117" s="622" customFormat="1" ht="15.75"/>
    <row r="118" s="622" customFormat="1" ht="15.75"/>
    <row r="119" s="622" customFormat="1" ht="15.75"/>
    <row r="120" s="622" customFormat="1" ht="15.75"/>
    <row r="121" s="622" customFormat="1" ht="15.75"/>
    <row r="122" s="622" customFormat="1" ht="15.75"/>
    <row r="123" s="622" customFormat="1" ht="15.75"/>
    <row r="124" s="622" customFormat="1" ht="15.75"/>
    <row r="125" s="622" customFormat="1" ht="15.75"/>
    <row r="126" s="622" customFormat="1" ht="15.75"/>
    <row r="127" s="622" customFormat="1" ht="15.75"/>
    <row r="128" s="622" customFormat="1" ht="15.75"/>
    <row r="129" s="622" customFormat="1" ht="15.75"/>
    <row r="130" s="622" customFormat="1" ht="15.75"/>
    <row r="131" s="622" customFormat="1" ht="15.75"/>
    <row r="132" s="622" customFormat="1" ht="15.75"/>
    <row r="133" s="622" customFormat="1" ht="15.75"/>
    <row r="134" s="622" customFormat="1" ht="15.75"/>
    <row r="135" s="622" customFormat="1" ht="15.75"/>
    <row r="136" s="622" customFormat="1" ht="15.75"/>
    <row r="137" s="622" customFormat="1" ht="15.75"/>
    <row r="138" s="622" customFormat="1" ht="15.75"/>
    <row r="139" s="622" customFormat="1" ht="15.75"/>
    <row r="140" s="622" customFormat="1" ht="15.75"/>
    <row r="141" s="622" customFormat="1" ht="15.75"/>
    <row r="142" s="622" customFormat="1" ht="15.75"/>
    <row r="143" s="622" customFormat="1" ht="15.75"/>
    <row r="144" s="622" customFormat="1" ht="15.75"/>
    <row r="145" s="622" customFormat="1" ht="15.75"/>
    <row r="146" s="622" customFormat="1" ht="15.75"/>
    <row r="147" s="622" customFormat="1" ht="15.75"/>
    <row r="148" s="622" customFormat="1" ht="15.75"/>
    <row r="149" s="622" customFormat="1" ht="15.75"/>
    <row r="150" s="622" customFormat="1" ht="15.75"/>
    <row r="151" s="622" customFormat="1" ht="15.75"/>
    <row r="152" s="622" customFormat="1" ht="15.75"/>
    <row r="153" s="622" customFormat="1" ht="15.75"/>
    <row r="154" s="622" customFormat="1" ht="15.75"/>
    <row r="155" s="622" customFormat="1" ht="15.75"/>
    <row r="156" s="622" customFormat="1" ht="15.75"/>
    <row r="157" s="622" customFormat="1" ht="15.75"/>
    <row r="158" s="622" customFormat="1" ht="15.75"/>
    <row r="159" s="622" customFormat="1" ht="15.75"/>
    <row r="160" s="622" customFormat="1" ht="15.75"/>
    <row r="161" s="622" customFormat="1" ht="15.75"/>
    <row r="162" s="622" customFormat="1" ht="15.75"/>
    <row r="163" s="622" customFormat="1" ht="15.75"/>
    <row r="164" s="622" customFormat="1" ht="15.75"/>
    <row r="165" s="622" customFormat="1" ht="15.75"/>
    <row r="166" s="622" customFormat="1" ht="15.75"/>
    <row r="167" s="622" customFormat="1" ht="15.75"/>
    <row r="168" s="622" customFormat="1" ht="15.75"/>
    <row r="169" s="622" customFormat="1" ht="15.75"/>
    <row r="170" s="622" customFormat="1" ht="15.75"/>
    <row r="171" s="622" customFormat="1" ht="15.75"/>
    <row r="172" s="622" customFormat="1" ht="15.75"/>
    <row r="173" s="622" customFormat="1" ht="15.75"/>
    <row r="174" s="622" customFormat="1" ht="15.75"/>
    <row r="175" s="622" customFormat="1" ht="15.75"/>
    <row r="176" s="622" customFormat="1" ht="15.75"/>
    <row r="177" s="622" customFormat="1" ht="15.75"/>
    <row r="178" s="622" customFormat="1" ht="15.75"/>
    <row r="179" s="622" customFormat="1" ht="15.75"/>
    <row r="180" s="622" customFormat="1" ht="15.75"/>
    <row r="181" s="622" customFormat="1" ht="15.75"/>
    <row r="182" s="622" customFormat="1" ht="15.75"/>
    <row r="183" s="622" customFormat="1" ht="15.75"/>
    <row r="184" s="622" customFormat="1" ht="15.75"/>
    <row r="185" s="622" customFormat="1" ht="15.75"/>
    <row r="186" s="622" customFormat="1" ht="15.75"/>
    <row r="187" s="622" customFormat="1" ht="15.75"/>
    <row r="188" s="622" customFormat="1" ht="15.75"/>
    <row r="189" s="622" customFormat="1" ht="15.75"/>
    <row r="190" s="622" customFormat="1" ht="15.75"/>
    <row r="191" s="622" customFormat="1" ht="15.75"/>
    <row r="192" s="622" customFormat="1" ht="15.75"/>
    <row r="193" spans="1:16" s="622" customFormat="1" ht="15.75"/>
    <row r="194" spans="1:16" s="622" customFormat="1" ht="15.75"/>
    <row r="195" spans="1:16" s="622" customFormat="1" ht="15.75"/>
    <row r="196" spans="1:16" s="622" customFormat="1" ht="15.75"/>
    <row r="197" spans="1:16" s="622" customFormat="1" ht="15.75"/>
    <row r="198" spans="1:16" s="622" customFormat="1" ht="15.75"/>
    <row r="199" spans="1:16" s="622" customFormat="1" ht="15.75"/>
    <row r="200" spans="1:16" s="622" customFormat="1" ht="15.75"/>
    <row r="201" spans="1:16">
      <c r="A201" s="37"/>
      <c r="B201" s="37"/>
      <c r="C201" s="37"/>
      <c r="D201" s="37"/>
      <c r="E201" s="37"/>
      <c r="F201" s="37"/>
      <c r="G201" s="37"/>
      <c r="H201" s="37"/>
      <c r="I201" s="37"/>
      <c r="J201" s="37"/>
      <c r="K201" s="37"/>
      <c r="L201" s="37"/>
      <c r="M201" s="37"/>
      <c r="N201" s="37"/>
      <c r="O201" s="37"/>
      <c r="P201" s="37"/>
    </row>
    <row r="202" spans="1:16">
      <c r="A202" s="37"/>
      <c r="B202" s="37"/>
      <c r="C202" s="37"/>
      <c r="D202" s="37"/>
      <c r="E202" s="37"/>
      <c r="F202" s="37"/>
      <c r="G202" s="37"/>
      <c r="H202" s="37"/>
      <c r="I202" s="37"/>
      <c r="J202" s="37"/>
      <c r="K202" s="37"/>
      <c r="L202" s="37"/>
      <c r="M202" s="37"/>
      <c r="N202" s="37"/>
      <c r="O202" s="37"/>
      <c r="P202" s="37"/>
    </row>
    <row r="203" spans="1:16">
      <c r="A203" s="37"/>
      <c r="B203" s="37"/>
      <c r="C203" s="37"/>
      <c r="D203" s="37"/>
      <c r="E203" s="37"/>
      <c r="F203" s="37"/>
      <c r="G203" s="37"/>
      <c r="H203" s="37"/>
      <c r="I203" s="37"/>
      <c r="J203" s="37"/>
      <c r="K203" s="37"/>
      <c r="L203" s="37"/>
      <c r="M203" s="37"/>
      <c r="N203" s="37"/>
      <c r="O203" s="37"/>
      <c r="P203" s="37"/>
    </row>
    <row r="204" spans="1:16">
      <c r="A204" s="37"/>
      <c r="B204" s="37"/>
      <c r="C204" s="37"/>
      <c r="D204" s="37"/>
      <c r="E204" s="37"/>
      <c r="F204" s="37"/>
      <c r="G204" s="37"/>
      <c r="H204" s="37"/>
      <c r="I204" s="37"/>
      <c r="J204" s="37"/>
      <c r="K204" s="37"/>
      <c r="L204" s="37"/>
      <c r="M204" s="37"/>
      <c r="N204" s="37"/>
      <c r="O204" s="37"/>
      <c r="P204" s="37"/>
    </row>
    <row r="205" spans="1:16">
      <c r="A205" s="37"/>
      <c r="B205" s="37"/>
      <c r="C205" s="37"/>
      <c r="D205" s="37"/>
      <c r="E205" s="37"/>
      <c r="F205" s="37"/>
      <c r="G205" s="37"/>
      <c r="H205" s="37"/>
      <c r="I205" s="37"/>
      <c r="J205" s="37"/>
      <c r="K205" s="37"/>
      <c r="L205" s="37"/>
      <c r="M205" s="37"/>
      <c r="N205" s="37"/>
      <c r="O205" s="37"/>
      <c r="P205" s="37"/>
    </row>
    <row r="206" spans="1:16">
      <c r="A206" s="37"/>
      <c r="B206" s="37"/>
      <c r="C206" s="37"/>
      <c r="D206" s="37"/>
      <c r="E206" s="37"/>
      <c r="F206" s="37"/>
      <c r="G206" s="37"/>
      <c r="H206" s="37"/>
      <c r="I206" s="37"/>
      <c r="J206" s="37"/>
      <c r="K206" s="37"/>
      <c r="L206" s="37"/>
      <c r="M206" s="37"/>
      <c r="N206" s="37"/>
      <c r="O206" s="37"/>
      <c r="P206" s="37"/>
    </row>
    <row r="207" spans="1:16">
      <c r="A207" s="37"/>
      <c r="B207" s="37"/>
      <c r="C207" s="37"/>
      <c r="D207" s="37"/>
      <c r="E207" s="37"/>
      <c r="F207" s="37"/>
      <c r="G207" s="37"/>
      <c r="H207" s="37"/>
      <c r="I207" s="37"/>
      <c r="J207" s="37"/>
      <c r="K207" s="37"/>
      <c r="L207" s="37"/>
      <c r="M207" s="37"/>
      <c r="N207" s="37"/>
      <c r="O207" s="37"/>
      <c r="P207" s="37"/>
    </row>
    <row r="208" spans="1:16">
      <c r="A208" s="37"/>
      <c r="B208" s="37"/>
      <c r="C208" s="37"/>
      <c r="D208" s="37"/>
      <c r="E208" s="37"/>
      <c r="F208" s="37"/>
      <c r="G208" s="37"/>
      <c r="H208" s="37"/>
      <c r="I208" s="37"/>
      <c r="J208" s="37"/>
      <c r="K208" s="37"/>
      <c r="L208" s="37"/>
      <c r="M208" s="37"/>
      <c r="N208" s="37"/>
      <c r="O208" s="37"/>
      <c r="P208" s="37"/>
    </row>
    <row r="209" spans="1:16">
      <c r="A209" s="37"/>
      <c r="B209" s="37"/>
      <c r="C209" s="37"/>
      <c r="D209" s="37"/>
      <c r="E209" s="37"/>
      <c r="F209" s="37"/>
      <c r="G209" s="37"/>
      <c r="H209" s="37"/>
      <c r="I209" s="37"/>
      <c r="J209" s="37"/>
      <c r="K209" s="37"/>
      <c r="L209" s="37"/>
      <c r="M209" s="37"/>
      <c r="N209" s="37"/>
      <c r="O209" s="37"/>
      <c r="P209" s="37"/>
    </row>
    <row r="210" spans="1:16">
      <c r="A210" s="37"/>
      <c r="B210" s="37"/>
      <c r="C210" s="37"/>
      <c r="D210" s="37"/>
      <c r="E210" s="37"/>
      <c r="F210" s="37"/>
      <c r="G210" s="37"/>
      <c r="H210" s="37"/>
      <c r="I210" s="37"/>
      <c r="J210" s="37"/>
      <c r="K210" s="37"/>
      <c r="L210" s="37"/>
      <c r="M210" s="37"/>
      <c r="N210" s="37"/>
      <c r="O210" s="37"/>
      <c r="P210" s="37"/>
    </row>
    <row r="211" spans="1:16">
      <c r="A211" s="37"/>
      <c r="B211" s="37"/>
      <c r="C211" s="37"/>
      <c r="D211" s="37"/>
      <c r="E211" s="37"/>
      <c r="F211" s="37"/>
      <c r="G211" s="37"/>
      <c r="H211" s="37"/>
      <c r="I211" s="37"/>
      <c r="J211" s="37"/>
      <c r="K211" s="37"/>
      <c r="L211" s="37"/>
      <c r="M211" s="37"/>
      <c r="N211" s="37"/>
      <c r="O211" s="37"/>
      <c r="P211" s="37"/>
    </row>
    <row r="212" spans="1:16">
      <c r="A212" s="37"/>
      <c r="B212" s="37"/>
      <c r="C212" s="37"/>
      <c r="D212" s="37"/>
      <c r="E212" s="37"/>
      <c r="F212" s="37"/>
      <c r="G212" s="37"/>
      <c r="H212" s="37"/>
      <c r="I212" s="37"/>
      <c r="J212" s="37"/>
      <c r="K212" s="37"/>
      <c r="L212" s="37"/>
      <c r="M212" s="37"/>
      <c r="N212" s="37"/>
      <c r="O212" s="37"/>
      <c r="P212" s="37"/>
    </row>
    <row r="213" spans="1:16">
      <c r="A213" s="37"/>
      <c r="B213" s="37"/>
      <c r="C213" s="37"/>
      <c r="D213" s="37"/>
      <c r="E213" s="37"/>
      <c r="F213" s="37"/>
      <c r="G213" s="37"/>
      <c r="H213" s="37"/>
      <c r="I213" s="37"/>
      <c r="J213" s="37"/>
      <c r="K213" s="37"/>
      <c r="L213" s="37"/>
      <c r="M213" s="37"/>
      <c r="N213" s="37"/>
      <c r="O213" s="37"/>
      <c r="P213" s="37"/>
    </row>
    <row r="214" spans="1:16">
      <c r="A214" s="37"/>
      <c r="B214" s="37"/>
      <c r="C214" s="37"/>
      <c r="D214" s="37"/>
      <c r="E214" s="37"/>
      <c r="F214" s="37"/>
      <c r="G214" s="37"/>
      <c r="H214" s="37"/>
      <c r="I214" s="37"/>
      <c r="J214" s="37"/>
      <c r="K214" s="37"/>
      <c r="L214" s="37"/>
      <c r="M214" s="37"/>
      <c r="N214" s="37"/>
      <c r="O214" s="37"/>
      <c r="P214" s="37"/>
    </row>
    <row r="215" spans="1:16">
      <c r="A215" s="37"/>
      <c r="B215" s="37"/>
      <c r="C215" s="37"/>
      <c r="D215" s="37"/>
      <c r="E215" s="37"/>
      <c r="F215" s="37"/>
      <c r="G215" s="37"/>
      <c r="H215" s="37"/>
      <c r="I215" s="37"/>
      <c r="J215" s="37"/>
      <c r="K215" s="37"/>
      <c r="L215" s="37"/>
      <c r="M215" s="37"/>
      <c r="N215" s="37"/>
      <c r="O215" s="37"/>
      <c r="P215" s="37"/>
    </row>
    <row r="216" spans="1:16">
      <c r="A216" s="37"/>
      <c r="B216" s="37"/>
      <c r="C216" s="37"/>
      <c r="D216" s="37"/>
      <c r="E216" s="37"/>
      <c r="F216" s="37"/>
      <c r="G216" s="37"/>
      <c r="H216" s="37"/>
      <c r="I216" s="37"/>
      <c r="J216" s="37"/>
      <c r="K216" s="37"/>
      <c r="L216" s="37"/>
      <c r="M216" s="37"/>
      <c r="N216" s="37"/>
      <c r="O216" s="37"/>
      <c r="P216" s="37"/>
    </row>
    <row r="217" spans="1:16">
      <c r="A217" s="37"/>
      <c r="B217" s="37"/>
      <c r="C217" s="37"/>
      <c r="D217" s="37"/>
      <c r="E217" s="37"/>
      <c r="F217" s="37"/>
      <c r="G217" s="37"/>
      <c r="H217" s="37"/>
      <c r="I217" s="37"/>
      <c r="J217" s="37"/>
      <c r="K217" s="37"/>
      <c r="L217" s="37"/>
      <c r="M217" s="37"/>
      <c r="N217" s="37"/>
      <c r="O217" s="37"/>
      <c r="P217" s="37"/>
    </row>
    <row r="218" spans="1:16">
      <c r="A218" s="37"/>
      <c r="B218" s="37"/>
      <c r="C218" s="37"/>
      <c r="D218" s="37"/>
      <c r="E218" s="37"/>
      <c r="F218" s="37"/>
      <c r="G218" s="37"/>
      <c r="H218" s="37"/>
      <c r="I218" s="37"/>
      <c r="J218" s="37"/>
      <c r="K218" s="37"/>
      <c r="L218" s="37"/>
      <c r="M218" s="37"/>
      <c r="N218" s="37"/>
      <c r="O218" s="37"/>
      <c r="P218" s="37"/>
    </row>
    <row r="219" spans="1:16">
      <c r="A219" s="37"/>
      <c r="B219" s="37"/>
      <c r="C219" s="37"/>
      <c r="D219" s="37"/>
      <c r="E219" s="37"/>
      <c r="F219" s="37"/>
      <c r="G219" s="37"/>
      <c r="H219" s="37"/>
      <c r="I219" s="37"/>
      <c r="J219" s="37"/>
      <c r="K219" s="37"/>
      <c r="L219" s="37"/>
      <c r="M219" s="37"/>
      <c r="N219" s="37"/>
      <c r="O219" s="37"/>
      <c r="P219" s="37"/>
    </row>
    <row r="220" spans="1:16">
      <c r="A220" s="37"/>
      <c r="B220" s="37"/>
      <c r="C220" s="37"/>
      <c r="D220" s="37"/>
      <c r="E220" s="37"/>
      <c r="F220" s="37"/>
      <c r="G220" s="37"/>
      <c r="H220" s="37"/>
      <c r="I220" s="37"/>
      <c r="J220" s="37"/>
      <c r="K220" s="37"/>
      <c r="L220" s="37"/>
      <c r="M220" s="37"/>
      <c r="N220" s="37"/>
      <c r="O220" s="37"/>
      <c r="P220" s="37"/>
    </row>
    <row r="221" spans="1:16">
      <c r="A221" s="37"/>
      <c r="B221" s="37"/>
      <c r="C221" s="37"/>
      <c r="D221" s="37"/>
      <c r="E221" s="37"/>
      <c r="F221" s="37"/>
      <c r="G221" s="37"/>
      <c r="H221" s="37"/>
      <c r="I221" s="37"/>
      <c r="J221" s="37"/>
      <c r="K221" s="37"/>
      <c r="L221" s="37"/>
      <c r="M221" s="37"/>
      <c r="N221" s="37"/>
      <c r="O221" s="37"/>
      <c r="P221" s="37"/>
    </row>
    <row r="222" spans="1:16">
      <c r="A222" s="37"/>
      <c r="B222" s="37"/>
      <c r="C222" s="37"/>
      <c r="D222" s="37"/>
      <c r="E222" s="37"/>
      <c r="F222" s="37"/>
      <c r="G222" s="37"/>
      <c r="H222" s="37"/>
      <c r="I222" s="37"/>
      <c r="J222" s="37"/>
      <c r="K222" s="37"/>
      <c r="L222" s="37"/>
      <c r="M222" s="37"/>
      <c r="N222" s="37"/>
      <c r="O222" s="37"/>
      <c r="P222" s="37"/>
    </row>
    <row r="223" spans="1:16">
      <c r="A223" s="37"/>
      <c r="B223" s="37"/>
      <c r="C223" s="37"/>
      <c r="D223" s="37"/>
      <c r="E223" s="37"/>
      <c r="F223" s="37"/>
      <c r="G223" s="37"/>
      <c r="H223" s="37"/>
      <c r="I223" s="37"/>
      <c r="J223" s="37"/>
      <c r="K223" s="37"/>
      <c r="L223" s="37"/>
      <c r="M223" s="37"/>
      <c r="N223" s="37"/>
      <c r="O223" s="37"/>
      <c r="P223" s="37"/>
    </row>
    <row r="224" spans="1:16">
      <c r="A224" s="37"/>
      <c r="B224" s="37"/>
      <c r="C224" s="37"/>
      <c r="D224" s="37"/>
      <c r="E224" s="37"/>
      <c r="F224" s="37"/>
      <c r="G224" s="37"/>
      <c r="H224" s="37"/>
      <c r="I224" s="37"/>
      <c r="J224" s="37"/>
      <c r="K224" s="37"/>
      <c r="L224" s="37"/>
      <c r="M224" s="37"/>
      <c r="N224" s="37"/>
      <c r="O224" s="37"/>
      <c r="P224" s="37"/>
    </row>
    <row r="225" spans="1:16">
      <c r="A225" s="37"/>
      <c r="B225" s="37"/>
      <c r="C225" s="37"/>
      <c r="D225" s="37"/>
      <c r="E225" s="37"/>
      <c r="F225" s="37"/>
      <c r="G225" s="37"/>
      <c r="H225" s="37"/>
      <c r="I225" s="37"/>
      <c r="J225" s="37"/>
      <c r="K225" s="37"/>
      <c r="L225" s="37"/>
      <c r="M225" s="37"/>
      <c r="N225" s="37"/>
      <c r="O225" s="37"/>
      <c r="P225" s="37"/>
    </row>
    <row r="226" spans="1:16">
      <c r="A226" s="37"/>
      <c r="B226" s="37"/>
      <c r="C226" s="37"/>
      <c r="D226" s="37"/>
      <c r="E226" s="37"/>
      <c r="F226" s="37"/>
      <c r="G226" s="37"/>
      <c r="H226" s="37"/>
      <c r="I226" s="37"/>
      <c r="J226" s="37"/>
      <c r="K226" s="37"/>
      <c r="L226" s="37"/>
      <c r="M226" s="37"/>
      <c r="N226" s="37"/>
      <c r="O226" s="37"/>
      <c r="P226" s="37"/>
    </row>
    <row r="227" spans="1:16">
      <c r="A227" s="37"/>
      <c r="B227" s="37"/>
      <c r="C227" s="37"/>
      <c r="D227" s="37"/>
      <c r="E227" s="37"/>
      <c r="F227" s="37"/>
      <c r="G227" s="37"/>
      <c r="H227" s="37"/>
      <c r="I227" s="37"/>
      <c r="J227" s="37"/>
      <c r="K227" s="37"/>
      <c r="L227" s="37"/>
      <c r="M227" s="37"/>
      <c r="N227" s="37"/>
      <c r="O227" s="37"/>
      <c r="P227" s="37"/>
    </row>
    <row r="228" spans="1:16">
      <c r="A228" s="37"/>
      <c r="B228" s="37"/>
      <c r="C228" s="37"/>
      <c r="D228" s="37"/>
      <c r="E228" s="37"/>
      <c r="F228" s="37"/>
      <c r="G228" s="37"/>
      <c r="H228" s="37"/>
      <c r="I228" s="37"/>
      <c r="J228" s="37"/>
      <c r="K228" s="37"/>
      <c r="L228" s="37"/>
      <c r="M228" s="37"/>
      <c r="N228" s="37"/>
      <c r="O228" s="37"/>
      <c r="P228" s="37"/>
    </row>
    <row r="229" spans="1:16">
      <c r="A229" s="37"/>
      <c r="B229" s="37"/>
      <c r="C229" s="37"/>
      <c r="D229" s="37"/>
      <c r="E229" s="37"/>
      <c r="F229" s="37"/>
      <c r="G229" s="37"/>
      <c r="H229" s="37"/>
      <c r="I229" s="37"/>
      <c r="J229" s="37"/>
      <c r="K229" s="37"/>
      <c r="L229" s="37"/>
      <c r="M229" s="37"/>
      <c r="N229" s="37"/>
      <c r="O229" s="37"/>
      <c r="P229" s="37"/>
    </row>
    <row r="230" spans="1:16">
      <c r="A230" s="37"/>
      <c r="B230" s="37"/>
      <c r="C230" s="37"/>
      <c r="D230" s="37"/>
      <c r="E230" s="37"/>
      <c r="F230" s="37"/>
      <c r="G230" s="37"/>
      <c r="H230" s="37"/>
      <c r="I230" s="37"/>
      <c r="J230" s="37"/>
      <c r="K230" s="37"/>
      <c r="L230" s="37"/>
      <c r="M230" s="37"/>
      <c r="N230" s="37"/>
      <c r="O230" s="37"/>
      <c r="P230" s="37"/>
    </row>
    <row r="231" spans="1:16">
      <c r="A231" s="37"/>
      <c r="B231" s="37"/>
      <c r="C231" s="37"/>
      <c r="D231" s="37"/>
      <c r="E231" s="37"/>
      <c r="F231" s="37"/>
      <c r="G231" s="37"/>
      <c r="H231" s="37"/>
      <c r="I231" s="37"/>
      <c r="J231" s="37"/>
      <c r="K231" s="37"/>
      <c r="L231" s="37"/>
      <c r="M231" s="37"/>
      <c r="N231" s="37"/>
      <c r="O231" s="37"/>
      <c r="P231" s="37"/>
    </row>
    <row r="232" spans="1:16">
      <c r="A232" s="37"/>
      <c r="B232" s="37"/>
      <c r="C232" s="37"/>
      <c r="D232" s="37"/>
      <c r="E232" s="37"/>
      <c r="F232" s="37"/>
      <c r="G232" s="37"/>
      <c r="H232" s="37"/>
      <c r="I232" s="37"/>
      <c r="J232" s="37"/>
      <c r="K232" s="37"/>
      <c r="L232" s="37"/>
      <c r="M232" s="37"/>
      <c r="N232" s="37"/>
      <c r="O232" s="37"/>
      <c r="P232" s="37"/>
    </row>
    <row r="233" spans="1:16">
      <c r="A233" s="37"/>
      <c r="B233" s="37"/>
      <c r="C233" s="37"/>
      <c r="D233" s="37"/>
      <c r="E233" s="37"/>
      <c r="F233" s="37"/>
      <c r="G233" s="37"/>
      <c r="H233" s="37"/>
      <c r="I233" s="37"/>
      <c r="J233" s="37"/>
      <c r="K233" s="37"/>
      <c r="L233" s="37"/>
      <c r="M233" s="37"/>
      <c r="N233" s="37"/>
      <c r="O233" s="37"/>
      <c r="P233" s="37"/>
    </row>
    <row r="234" spans="1:16">
      <c r="A234" s="37"/>
      <c r="B234" s="37"/>
      <c r="C234" s="37"/>
      <c r="D234" s="37"/>
      <c r="E234" s="37"/>
      <c r="F234" s="37"/>
      <c r="G234" s="37"/>
      <c r="H234" s="37"/>
      <c r="I234" s="37"/>
      <c r="J234" s="37"/>
      <c r="K234" s="37"/>
      <c r="L234" s="37"/>
      <c r="M234" s="37"/>
      <c r="N234" s="37"/>
      <c r="O234" s="37"/>
      <c r="P234" s="37"/>
    </row>
    <row r="235" spans="1:16">
      <c r="A235" s="37"/>
      <c r="B235" s="37"/>
      <c r="C235" s="37"/>
      <c r="D235" s="37"/>
      <c r="E235" s="37"/>
      <c r="F235" s="37"/>
      <c r="G235" s="37"/>
      <c r="H235" s="37"/>
      <c r="I235" s="37"/>
      <c r="J235" s="37"/>
      <c r="K235" s="37"/>
      <c r="L235" s="37"/>
      <c r="M235" s="37"/>
      <c r="N235" s="37"/>
      <c r="O235" s="37"/>
      <c r="P235" s="37"/>
    </row>
    <row r="236" spans="1:16">
      <c r="A236" s="37"/>
      <c r="B236" s="37"/>
      <c r="C236" s="37"/>
      <c r="D236" s="37"/>
      <c r="E236" s="37"/>
      <c r="F236" s="37"/>
      <c r="G236" s="37"/>
      <c r="H236" s="37"/>
      <c r="I236" s="37"/>
      <c r="J236" s="37"/>
      <c r="K236" s="37"/>
      <c r="L236" s="37"/>
      <c r="M236" s="37"/>
      <c r="N236" s="37"/>
      <c r="O236" s="37"/>
      <c r="P236" s="37"/>
    </row>
    <row r="237" spans="1:16">
      <c r="A237" s="37"/>
      <c r="B237" s="37"/>
      <c r="C237" s="37"/>
      <c r="D237" s="37"/>
      <c r="E237" s="37"/>
      <c r="F237" s="37"/>
      <c r="G237" s="37"/>
      <c r="H237" s="37"/>
      <c r="I237" s="37"/>
      <c r="J237" s="37"/>
      <c r="K237" s="37"/>
      <c r="L237" s="37"/>
      <c r="M237" s="37"/>
      <c r="N237" s="37"/>
      <c r="O237" s="37"/>
      <c r="P237" s="37"/>
    </row>
    <row r="238" spans="1:16">
      <c r="A238" s="37"/>
      <c r="B238" s="37"/>
      <c r="C238" s="37"/>
      <c r="D238" s="37"/>
      <c r="E238" s="37"/>
      <c r="F238" s="37"/>
      <c r="G238" s="37"/>
      <c r="H238" s="37"/>
      <c r="I238" s="37"/>
      <c r="J238" s="37"/>
      <c r="K238" s="37"/>
      <c r="L238" s="37"/>
      <c r="M238" s="37"/>
      <c r="N238" s="37"/>
      <c r="O238" s="37"/>
      <c r="P238" s="37"/>
    </row>
    <row r="239" spans="1:16">
      <c r="A239" s="37"/>
      <c r="B239" s="37"/>
      <c r="C239" s="37"/>
      <c r="D239" s="37"/>
      <c r="E239" s="37"/>
      <c r="F239" s="37"/>
      <c r="G239" s="37"/>
      <c r="H239" s="37"/>
      <c r="I239" s="37"/>
      <c r="J239" s="37"/>
      <c r="K239" s="37"/>
      <c r="L239" s="37"/>
      <c r="M239" s="37"/>
      <c r="N239" s="37"/>
      <c r="O239" s="37"/>
      <c r="P239" s="37"/>
    </row>
    <row r="240" spans="1:16">
      <c r="A240" s="37"/>
      <c r="B240" s="37"/>
      <c r="C240" s="37"/>
      <c r="D240" s="37"/>
      <c r="E240" s="37"/>
      <c r="F240" s="37"/>
      <c r="G240" s="37"/>
      <c r="H240" s="37"/>
      <c r="I240" s="37"/>
      <c r="J240" s="37"/>
      <c r="K240" s="37"/>
      <c r="L240" s="37"/>
      <c r="M240" s="37"/>
      <c r="N240" s="37"/>
      <c r="O240" s="37"/>
      <c r="P240" s="37"/>
    </row>
    <row r="241" spans="1:16">
      <c r="A241" s="37"/>
      <c r="B241" s="37"/>
      <c r="C241" s="37"/>
      <c r="D241" s="37"/>
      <c r="E241" s="37"/>
      <c r="F241" s="37"/>
      <c r="G241" s="37"/>
      <c r="H241" s="37"/>
      <c r="I241" s="37"/>
      <c r="J241" s="37"/>
      <c r="K241" s="37"/>
      <c r="L241" s="37"/>
      <c r="M241" s="37"/>
      <c r="N241" s="37"/>
      <c r="O241" s="37"/>
      <c r="P241" s="37"/>
    </row>
    <row r="242" spans="1:16">
      <c r="A242" s="37"/>
      <c r="B242" s="37"/>
      <c r="C242" s="37"/>
      <c r="D242" s="37"/>
      <c r="E242" s="37"/>
      <c r="F242" s="37"/>
      <c r="G242" s="37"/>
      <c r="H242" s="37"/>
      <c r="I242" s="37"/>
      <c r="J242" s="37"/>
      <c r="K242" s="37"/>
      <c r="L242" s="37"/>
      <c r="M242" s="37"/>
      <c r="N242" s="37"/>
      <c r="O242" s="37"/>
      <c r="P242" s="37"/>
    </row>
    <row r="243" spans="1:16">
      <c r="A243" s="37"/>
      <c r="B243" s="37"/>
      <c r="C243" s="37"/>
      <c r="D243" s="37"/>
      <c r="E243" s="37"/>
      <c r="F243" s="37"/>
      <c r="G243" s="37"/>
      <c r="H243" s="37"/>
      <c r="I243" s="37"/>
      <c r="J243" s="37"/>
      <c r="K243" s="37"/>
      <c r="L243" s="37"/>
      <c r="M243" s="37"/>
      <c r="N243" s="37"/>
      <c r="O243" s="37"/>
      <c r="P243" s="37"/>
    </row>
    <row r="244" spans="1:16">
      <c r="A244" s="37"/>
      <c r="B244" s="37"/>
      <c r="C244" s="37"/>
      <c r="D244" s="37"/>
      <c r="E244" s="37"/>
      <c r="F244" s="37"/>
      <c r="G244" s="37"/>
      <c r="H244" s="37"/>
      <c r="I244" s="37"/>
      <c r="J244" s="37"/>
      <c r="K244" s="37"/>
      <c r="L244" s="37"/>
      <c r="M244" s="37"/>
      <c r="N244" s="37"/>
      <c r="O244" s="37"/>
      <c r="P244" s="37"/>
    </row>
    <row r="245" spans="1:16">
      <c r="A245" s="37"/>
      <c r="B245" s="37"/>
      <c r="C245" s="37"/>
      <c r="D245" s="37"/>
      <c r="E245" s="37"/>
      <c r="F245" s="37"/>
      <c r="G245" s="37"/>
      <c r="H245" s="37"/>
      <c r="I245" s="37"/>
      <c r="J245" s="37"/>
      <c r="K245" s="37"/>
      <c r="L245" s="37"/>
      <c r="M245" s="37"/>
      <c r="N245" s="37"/>
      <c r="O245" s="37"/>
      <c r="P245" s="37"/>
    </row>
    <row r="246" spans="1:16">
      <c r="A246" s="37"/>
      <c r="B246" s="37"/>
      <c r="C246" s="37"/>
      <c r="D246" s="37"/>
      <c r="E246" s="37"/>
      <c r="F246" s="37"/>
      <c r="G246" s="37"/>
      <c r="H246" s="37"/>
      <c r="I246" s="37"/>
      <c r="J246" s="37"/>
      <c r="K246" s="37"/>
      <c r="L246" s="37"/>
      <c r="M246" s="37"/>
      <c r="N246" s="37"/>
      <c r="O246" s="37"/>
      <c r="P246" s="37"/>
    </row>
    <row r="247" spans="1:16">
      <c r="A247" s="37"/>
      <c r="B247" s="37"/>
      <c r="C247" s="37"/>
      <c r="D247" s="37"/>
      <c r="E247" s="37"/>
      <c r="F247" s="37"/>
      <c r="G247" s="37"/>
      <c r="H247" s="37"/>
      <c r="I247" s="37"/>
      <c r="J247" s="37"/>
      <c r="K247" s="37"/>
      <c r="L247" s="37"/>
      <c r="M247" s="37"/>
      <c r="N247" s="37"/>
      <c r="O247" s="37"/>
      <c r="P247" s="37"/>
    </row>
    <row r="248" spans="1:16">
      <c r="A248" s="37"/>
      <c r="B248" s="37"/>
      <c r="C248" s="37"/>
      <c r="D248" s="37"/>
      <c r="E248" s="37"/>
      <c r="F248" s="37"/>
      <c r="G248" s="37"/>
      <c r="H248" s="37"/>
      <c r="I248" s="37"/>
      <c r="J248" s="37"/>
      <c r="K248" s="37"/>
      <c r="L248" s="37"/>
      <c r="M248" s="37"/>
      <c r="N248" s="37"/>
      <c r="O248" s="37"/>
      <c r="P248" s="37"/>
    </row>
    <row r="249" spans="1:16">
      <c r="A249" s="37"/>
      <c r="B249" s="37"/>
      <c r="C249" s="37"/>
      <c r="D249" s="37"/>
      <c r="E249" s="37"/>
      <c r="F249" s="37"/>
      <c r="G249" s="37"/>
      <c r="H249" s="37"/>
      <c r="I249" s="37"/>
      <c r="J249" s="37"/>
      <c r="K249" s="37"/>
      <c r="L249" s="37"/>
      <c r="M249" s="37"/>
      <c r="N249" s="37"/>
      <c r="O249" s="37"/>
      <c r="P249" s="37"/>
    </row>
    <row r="250" spans="1:16">
      <c r="A250" s="37"/>
      <c r="B250" s="37"/>
      <c r="C250" s="37"/>
      <c r="D250" s="37"/>
      <c r="E250" s="37"/>
      <c r="F250" s="37"/>
      <c r="G250" s="37"/>
      <c r="H250" s="37"/>
      <c r="I250" s="37"/>
      <c r="J250" s="37"/>
      <c r="K250" s="37"/>
      <c r="L250" s="37"/>
      <c r="M250" s="37"/>
      <c r="N250" s="37"/>
      <c r="O250" s="37"/>
      <c r="P250" s="37"/>
    </row>
    <row r="251" spans="1:16">
      <c r="A251" s="37"/>
      <c r="B251" s="37"/>
      <c r="C251" s="37"/>
      <c r="D251" s="37"/>
      <c r="E251" s="37"/>
      <c r="F251" s="37"/>
      <c r="G251" s="37"/>
      <c r="H251" s="37"/>
      <c r="I251" s="37"/>
      <c r="J251" s="37"/>
      <c r="K251" s="37"/>
      <c r="L251" s="37"/>
      <c r="M251" s="37"/>
      <c r="N251" s="37"/>
      <c r="O251" s="37"/>
      <c r="P251" s="37"/>
    </row>
    <row r="252" spans="1:16">
      <c r="A252" s="37"/>
      <c r="B252" s="37"/>
      <c r="C252" s="37"/>
      <c r="D252" s="37"/>
      <c r="E252" s="37"/>
      <c r="F252" s="37"/>
      <c r="G252" s="37"/>
      <c r="H252" s="37"/>
      <c r="I252" s="37"/>
      <c r="J252" s="37"/>
      <c r="K252" s="37"/>
      <c r="L252" s="37"/>
      <c r="M252" s="37"/>
      <c r="N252" s="37"/>
      <c r="O252" s="37"/>
      <c r="P252" s="37"/>
    </row>
    <row r="253" spans="1:16">
      <c r="A253" s="37"/>
      <c r="B253" s="37"/>
      <c r="C253" s="37"/>
      <c r="D253" s="37"/>
      <c r="E253" s="37"/>
      <c r="F253" s="37"/>
      <c r="G253" s="37"/>
      <c r="H253" s="37"/>
      <c r="I253" s="37"/>
      <c r="J253" s="37"/>
      <c r="K253" s="37"/>
      <c r="L253" s="37"/>
      <c r="M253" s="37"/>
      <c r="N253" s="37"/>
      <c r="O253" s="37"/>
      <c r="P253" s="37"/>
    </row>
    <row r="254" spans="1:16">
      <c r="A254" s="37"/>
      <c r="B254" s="37"/>
      <c r="C254" s="37"/>
      <c r="D254" s="37"/>
      <c r="E254" s="37"/>
      <c r="F254" s="37"/>
      <c r="G254" s="37"/>
      <c r="H254" s="37"/>
      <c r="I254" s="37"/>
      <c r="J254" s="37"/>
      <c r="K254" s="37"/>
      <c r="L254" s="37"/>
      <c r="M254" s="37"/>
      <c r="N254" s="37"/>
      <c r="O254" s="37"/>
      <c r="P254" s="37"/>
    </row>
    <row r="255" spans="1:16">
      <c r="A255" s="37"/>
      <c r="B255" s="37"/>
      <c r="C255" s="37"/>
      <c r="D255" s="37"/>
      <c r="E255" s="37"/>
      <c r="F255" s="37"/>
      <c r="G255" s="37"/>
      <c r="H255" s="37"/>
      <c r="I255" s="37"/>
      <c r="J255" s="37"/>
      <c r="K255" s="37"/>
      <c r="L255" s="37"/>
      <c r="M255" s="37"/>
      <c r="N255" s="37"/>
      <c r="O255" s="37"/>
      <c r="P255" s="37"/>
    </row>
    <row r="256" spans="1:16">
      <c r="A256" s="37"/>
      <c r="B256" s="37"/>
      <c r="C256" s="37"/>
      <c r="D256" s="37"/>
      <c r="E256" s="37"/>
      <c r="F256" s="37"/>
      <c r="G256" s="37"/>
      <c r="H256" s="37"/>
      <c r="I256" s="37"/>
      <c r="J256" s="37"/>
      <c r="K256" s="37"/>
      <c r="L256" s="37"/>
      <c r="M256" s="37"/>
      <c r="N256" s="37"/>
      <c r="O256" s="37"/>
      <c r="P256" s="37"/>
    </row>
    <row r="257" spans="1:16">
      <c r="A257" s="37"/>
      <c r="B257" s="37"/>
      <c r="C257" s="37"/>
      <c r="D257" s="37"/>
      <c r="E257" s="37"/>
      <c r="F257" s="37"/>
      <c r="G257" s="37"/>
      <c r="H257" s="37"/>
      <c r="I257" s="37"/>
      <c r="J257" s="37"/>
      <c r="K257" s="37"/>
      <c r="L257" s="37"/>
      <c r="M257" s="37"/>
      <c r="N257" s="37"/>
      <c r="O257" s="37"/>
      <c r="P257" s="37"/>
    </row>
    <row r="258" spans="1:16">
      <c r="A258" s="37"/>
      <c r="B258" s="37"/>
      <c r="C258" s="37"/>
      <c r="D258" s="37"/>
      <c r="E258" s="37"/>
      <c r="F258" s="37"/>
      <c r="G258" s="37"/>
      <c r="H258" s="37"/>
      <c r="I258" s="37"/>
      <c r="J258" s="37"/>
      <c r="K258" s="37"/>
      <c r="L258" s="37"/>
      <c r="M258" s="37"/>
      <c r="N258" s="37"/>
      <c r="O258" s="37"/>
      <c r="P258" s="37"/>
    </row>
    <row r="259" spans="1:16">
      <c r="A259" s="37"/>
      <c r="B259" s="37"/>
      <c r="C259" s="37"/>
      <c r="D259" s="37"/>
      <c r="E259" s="37"/>
      <c r="F259" s="37"/>
      <c r="G259" s="37"/>
      <c r="H259" s="37"/>
      <c r="I259" s="37"/>
      <c r="J259" s="37"/>
      <c r="K259" s="37"/>
      <c r="L259" s="37"/>
      <c r="M259" s="37"/>
      <c r="N259" s="37"/>
      <c r="O259" s="37"/>
      <c r="P259" s="37"/>
    </row>
    <row r="260" spans="1:16">
      <c r="A260" s="37"/>
      <c r="B260" s="37"/>
      <c r="C260" s="37"/>
      <c r="D260" s="37"/>
      <c r="E260" s="37"/>
      <c r="F260" s="37"/>
      <c r="G260" s="37"/>
      <c r="H260" s="37"/>
      <c r="I260" s="37"/>
      <c r="J260" s="37"/>
      <c r="K260" s="37"/>
      <c r="L260" s="37"/>
      <c r="M260" s="37"/>
      <c r="N260" s="37"/>
      <c r="O260" s="37"/>
      <c r="P260" s="37"/>
    </row>
    <row r="261" spans="1:16">
      <c r="A261" s="37"/>
      <c r="B261" s="37"/>
      <c r="C261" s="37"/>
      <c r="D261" s="37"/>
      <c r="E261" s="37"/>
      <c r="F261" s="37"/>
      <c r="G261" s="37"/>
      <c r="H261" s="37"/>
      <c r="I261" s="37"/>
      <c r="J261" s="37"/>
      <c r="K261" s="37"/>
      <c r="L261" s="37"/>
      <c r="M261" s="37"/>
      <c r="N261" s="37"/>
      <c r="O261" s="37"/>
      <c r="P261" s="37"/>
    </row>
    <row r="262" spans="1:16">
      <c r="A262" s="37"/>
      <c r="B262" s="37"/>
      <c r="C262" s="37"/>
      <c r="D262" s="37"/>
      <c r="E262" s="37"/>
      <c r="F262" s="37"/>
      <c r="G262" s="37"/>
      <c r="H262" s="37"/>
      <c r="I262" s="37"/>
      <c r="J262" s="37"/>
      <c r="K262" s="37"/>
      <c r="L262" s="37"/>
      <c r="M262" s="37"/>
      <c r="N262" s="37"/>
      <c r="O262" s="37"/>
      <c r="P262" s="37"/>
    </row>
    <row r="263" spans="1:16">
      <c r="A263" s="37"/>
      <c r="B263" s="37"/>
      <c r="C263" s="37"/>
      <c r="D263" s="37"/>
      <c r="E263" s="37"/>
      <c r="F263" s="37"/>
      <c r="G263" s="37"/>
      <c r="H263" s="37"/>
      <c r="I263" s="37"/>
      <c r="J263" s="37"/>
      <c r="K263" s="37"/>
      <c r="L263" s="37"/>
      <c r="M263" s="37"/>
      <c r="N263" s="37"/>
      <c r="O263" s="37"/>
      <c r="P263" s="37"/>
    </row>
    <row r="264" spans="1:16">
      <c r="A264" s="37"/>
      <c r="B264" s="37"/>
      <c r="C264" s="37"/>
      <c r="D264" s="37"/>
      <c r="E264" s="37"/>
      <c r="F264" s="37"/>
      <c r="G264" s="37"/>
      <c r="H264" s="37"/>
      <c r="I264" s="37"/>
      <c r="J264" s="37"/>
      <c r="K264" s="37"/>
      <c r="L264" s="37"/>
      <c r="M264" s="37"/>
      <c r="N264" s="37"/>
      <c r="O264" s="37"/>
      <c r="P264" s="37"/>
    </row>
    <row r="265" spans="1:16">
      <c r="A265" s="37"/>
      <c r="B265" s="37"/>
      <c r="C265" s="37"/>
      <c r="D265" s="37"/>
      <c r="E265" s="37"/>
      <c r="F265" s="37"/>
      <c r="G265" s="37"/>
      <c r="H265" s="37"/>
      <c r="I265" s="37"/>
      <c r="J265" s="37"/>
      <c r="K265" s="37"/>
      <c r="L265" s="37"/>
      <c r="M265" s="37"/>
      <c r="N265" s="37"/>
      <c r="O265" s="37"/>
      <c r="P265" s="37"/>
    </row>
    <row r="266" spans="1:16">
      <c r="A266" s="37"/>
      <c r="B266" s="37"/>
      <c r="C266" s="37"/>
      <c r="D266" s="37"/>
      <c r="E266" s="37"/>
      <c r="F266" s="37"/>
      <c r="G266" s="37"/>
      <c r="H266" s="37"/>
      <c r="I266" s="37"/>
      <c r="J266" s="37"/>
      <c r="K266" s="37"/>
      <c r="L266" s="37"/>
      <c r="M266" s="37"/>
      <c r="N266" s="37"/>
      <c r="O266" s="37"/>
      <c r="P266" s="37"/>
    </row>
    <row r="267" spans="1:16">
      <c r="A267" s="37"/>
      <c r="B267" s="37"/>
      <c r="C267" s="37"/>
      <c r="D267" s="37"/>
      <c r="E267" s="37"/>
      <c r="F267" s="37"/>
      <c r="G267" s="37"/>
      <c r="H267" s="37"/>
      <c r="I267" s="37"/>
      <c r="J267" s="37"/>
      <c r="K267" s="37"/>
      <c r="L267" s="37"/>
      <c r="M267" s="37"/>
      <c r="N267" s="37"/>
      <c r="O267" s="37"/>
      <c r="P267" s="37"/>
    </row>
    <row r="268" spans="1:16">
      <c r="A268" s="37"/>
      <c r="B268" s="37"/>
      <c r="C268" s="37"/>
      <c r="D268" s="37"/>
      <c r="E268" s="37"/>
      <c r="F268" s="37"/>
      <c r="G268" s="37"/>
      <c r="H268" s="37"/>
      <c r="I268" s="37"/>
      <c r="J268" s="37"/>
      <c r="K268" s="37"/>
      <c r="L268" s="37"/>
      <c r="M268" s="37"/>
      <c r="N268" s="37"/>
      <c r="O268" s="37"/>
      <c r="P268" s="37"/>
    </row>
    <row r="269" spans="1:16">
      <c r="A269" s="37"/>
      <c r="B269" s="37"/>
      <c r="C269" s="37"/>
      <c r="D269" s="37"/>
      <c r="E269" s="37"/>
      <c r="F269" s="37"/>
      <c r="G269" s="37"/>
      <c r="H269" s="37"/>
      <c r="I269" s="37"/>
      <c r="J269" s="37"/>
      <c r="K269" s="37"/>
      <c r="L269" s="37"/>
      <c r="M269" s="37"/>
      <c r="N269" s="37"/>
      <c r="O269" s="37"/>
      <c r="P269" s="37"/>
    </row>
    <row r="270" spans="1:16">
      <c r="A270" s="37"/>
      <c r="B270" s="37"/>
      <c r="C270" s="37"/>
      <c r="D270" s="37"/>
      <c r="E270" s="37"/>
      <c r="F270" s="37"/>
      <c r="G270" s="37"/>
      <c r="H270" s="37"/>
      <c r="I270" s="37"/>
      <c r="J270" s="37"/>
      <c r="K270" s="37"/>
      <c r="L270" s="37"/>
      <c r="M270" s="37"/>
      <c r="N270" s="37"/>
      <c r="O270" s="37"/>
      <c r="P270" s="37"/>
    </row>
    <row r="271" spans="1:16">
      <c r="A271" s="37"/>
      <c r="B271" s="37"/>
      <c r="C271" s="37"/>
      <c r="D271" s="37"/>
      <c r="E271" s="37"/>
      <c r="F271" s="37"/>
      <c r="G271" s="37"/>
      <c r="H271" s="37"/>
      <c r="I271" s="37"/>
      <c r="J271" s="37"/>
      <c r="K271" s="37"/>
      <c r="L271" s="37"/>
      <c r="M271" s="37"/>
      <c r="N271" s="37"/>
      <c r="O271" s="37"/>
      <c r="P271" s="37"/>
    </row>
    <row r="272" spans="1:16">
      <c r="A272" s="37"/>
      <c r="B272" s="37"/>
      <c r="C272" s="37"/>
      <c r="D272" s="37"/>
      <c r="E272" s="37"/>
      <c r="F272" s="37"/>
      <c r="G272" s="37"/>
      <c r="H272" s="37"/>
      <c r="I272" s="37"/>
      <c r="J272" s="37"/>
      <c r="K272" s="37"/>
      <c r="L272" s="37"/>
      <c r="M272" s="37"/>
      <c r="N272" s="37"/>
      <c r="O272" s="37"/>
      <c r="P272" s="37"/>
    </row>
    <row r="273" spans="1:16">
      <c r="A273" s="37"/>
      <c r="B273" s="37"/>
      <c r="C273" s="37"/>
      <c r="D273" s="37"/>
      <c r="E273" s="37"/>
      <c r="F273" s="37"/>
      <c r="G273" s="37"/>
      <c r="H273" s="37"/>
      <c r="I273" s="37"/>
      <c r="J273" s="37"/>
      <c r="K273" s="37"/>
      <c r="L273" s="37"/>
      <c r="M273" s="37"/>
      <c r="N273" s="37"/>
      <c r="O273" s="37"/>
      <c r="P273" s="37"/>
    </row>
    <row r="274" spans="1:16">
      <c r="A274" s="37"/>
      <c r="B274" s="37"/>
      <c r="C274" s="37"/>
      <c r="D274" s="37"/>
      <c r="E274" s="37"/>
      <c r="F274" s="37"/>
      <c r="G274" s="37"/>
      <c r="H274" s="37"/>
      <c r="I274" s="37"/>
      <c r="J274" s="37"/>
      <c r="K274" s="37"/>
      <c r="L274" s="37"/>
      <c r="M274" s="37"/>
      <c r="N274" s="37"/>
      <c r="O274" s="37"/>
      <c r="P274" s="37"/>
    </row>
    <row r="275" spans="1:16">
      <c r="A275" s="37"/>
      <c r="B275" s="37"/>
      <c r="C275" s="37"/>
      <c r="D275" s="37"/>
      <c r="E275" s="37"/>
      <c r="F275" s="37"/>
      <c r="G275" s="37"/>
      <c r="H275" s="37"/>
      <c r="I275" s="37"/>
      <c r="J275" s="37"/>
      <c r="K275" s="37"/>
      <c r="L275" s="37"/>
      <c r="M275" s="37"/>
      <c r="N275" s="37"/>
      <c r="O275" s="37"/>
      <c r="P275" s="37"/>
    </row>
    <row r="276" spans="1:16">
      <c r="A276" s="37"/>
      <c r="B276" s="37"/>
      <c r="C276" s="37"/>
      <c r="D276" s="37"/>
      <c r="E276" s="37"/>
      <c r="F276" s="37"/>
      <c r="G276" s="37"/>
      <c r="H276" s="37"/>
      <c r="I276" s="37"/>
      <c r="J276" s="37"/>
      <c r="K276" s="37"/>
      <c r="L276" s="37"/>
      <c r="M276" s="37"/>
      <c r="N276" s="37"/>
      <c r="O276" s="37"/>
      <c r="P276" s="37"/>
    </row>
    <row r="277" spans="1:16">
      <c r="A277" s="37"/>
      <c r="B277" s="37"/>
      <c r="C277" s="37"/>
      <c r="D277" s="37"/>
      <c r="E277" s="37"/>
      <c r="F277" s="37"/>
      <c r="G277" s="37"/>
      <c r="H277" s="37"/>
      <c r="I277" s="37"/>
      <c r="J277" s="37"/>
      <c r="K277" s="37"/>
      <c r="L277" s="37"/>
      <c r="M277" s="37"/>
      <c r="N277" s="37"/>
      <c r="O277" s="37"/>
      <c r="P277" s="37"/>
    </row>
    <row r="278" spans="1:16">
      <c r="A278" s="37"/>
      <c r="B278" s="37"/>
      <c r="C278" s="37"/>
      <c r="D278" s="37"/>
      <c r="E278" s="37"/>
      <c r="F278" s="37"/>
      <c r="G278" s="37"/>
      <c r="H278" s="37"/>
      <c r="I278" s="37"/>
      <c r="J278" s="37"/>
      <c r="K278" s="37"/>
      <c r="L278" s="37"/>
      <c r="M278" s="37"/>
      <c r="N278" s="37"/>
      <c r="O278" s="37"/>
      <c r="P278" s="37"/>
    </row>
    <row r="279" spans="1:16">
      <c r="A279" s="37"/>
      <c r="B279" s="37"/>
      <c r="C279" s="37"/>
      <c r="D279" s="37"/>
      <c r="E279" s="37"/>
      <c r="F279" s="37"/>
      <c r="G279" s="37"/>
      <c r="H279" s="37"/>
      <c r="I279" s="37"/>
      <c r="J279" s="37"/>
      <c r="K279" s="37"/>
      <c r="L279" s="37"/>
      <c r="M279" s="37"/>
      <c r="N279" s="37"/>
      <c r="O279" s="37"/>
      <c r="P279" s="37"/>
    </row>
    <row r="280" spans="1:16">
      <c r="A280" s="37"/>
      <c r="B280" s="37"/>
      <c r="C280" s="37"/>
      <c r="D280" s="37"/>
      <c r="E280" s="37"/>
      <c r="F280" s="37"/>
      <c r="G280" s="37"/>
      <c r="H280" s="37"/>
      <c r="I280" s="37"/>
      <c r="J280" s="37"/>
      <c r="K280" s="37"/>
      <c r="L280" s="37"/>
      <c r="M280" s="37"/>
      <c r="N280" s="37"/>
      <c r="O280" s="37"/>
      <c r="P280" s="37"/>
    </row>
    <row r="281" spans="1:16">
      <c r="A281" s="37"/>
      <c r="B281" s="37"/>
      <c r="C281" s="37"/>
      <c r="D281" s="37"/>
      <c r="E281" s="37"/>
      <c r="F281" s="37"/>
      <c r="G281" s="37"/>
      <c r="H281" s="37"/>
      <c r="I281" s="37"/>
      <c r="J281" s="37"/>
      <c r="K281" s="37"/>
      <c r="L281" s="37"/>
      <c r="M281" s="37"/>
      <c r="N281" s="37"/>
      <c r="O281" s="37"/>
      <c r="P281" s="37"/>
    </row>
    <row r="282" spans="1:16">
      <c r="A282" s="37"/>
      <c r="B282" s="37"/>
      <c r="C282" s="37"/>
      <c r="D282" s="37"/>
      <c r="E282" s="37"/>
      <c r="F282" s="37"/>
      <c r="G282" s="37"/>
      <c r="H282" s="37"/>
      <c r="I282" s="37"/>
      <c r="J282" s="37"/>
      <c r="K282" s="37"/>
      <c r="L282" s="37"/>
      <c r="M282" s="37"/>
      <c r="N282" s="37"/>
      <c r="O282" s="37"/>
      <c r="P282" s="37"/>
    </row>
    <row r="283" spans="1:16">
      <c r="A283" s="37"/>
      <c r="B283" s="37"/>
      <c r="C283" s="37"/>
      <c r="D283" s="37"/>
      <c r="E283" s="37"/>
      <c r="F283" s="37"/>
      <c r="G283" s="37"/>
      <c r="H283" s="37"/>
      <c r="I283" s="37"/>
      <c r="J283" s="37"/>
      <c r="K283" s="37"/>
      <c r="L283" s="37"/>
      <c r="M283" s="37"/>
      <c r="N283" s="37"/>
      <c r="O283" s="37"/>
      <c r="P283" s="37"/>
    </row>
    <row r="284" spans="1:16">
      <c r="A284" s="37"/>
      <c r="B284" s="37"/>
      <c r="C284" s="37"/>
      <c r="D284" s="37"/>
      <c r="E284" s="37"/>
      <c r="F284" s="37"/>
      <c r="G284" s="37"/>
      <c r="H284" s="37"/>
      <c r="I284" s="37"/>
      <c r="J284" s="37"/>
      <c r="K284" s="37"/>
      <c r="L284" s="37"/>
      <c r="M284" s="37"/>
      <c r="N284" s="37"/>
      <c r="O284" s="37"/>
      <c r="P284" s="37"/>
    </row>
    <row r="285" spans="1:16">
      <c r="A285" s="37"/>
      <c r="B285" s="37"/>
      <c r="C285" s="37"/>
      <c r="D285" s="37"/>
      <c r="E285" s="37"/>
      <c r="F285" s="37"/>
      <c r="G285" s="37"/>
      <c r="H285" s="37"/>
      <c r="I285" s="37"/>
      <c r="J285" s="37"/>
      <c r="K285" s="37"/>
      <c r="L285" s="37"/>
      <c r="M285" s="37"/>
      <c r="N285" s="37"/>
      <c r="O285" s="37"/>
      <c r="P285" s="37"/>
    </row>
    <row r="286" spans="1:16">
      <c r="A286" s="37"/>
      <c r="B286" s="37"/>
      <c r="C286" s="37"/>
      <c r="D286" s="37"/>
      <c r="E286" s="37"/>
      <c r="F286" s="37"/>
      <c r="G286" s="37"/>
      <c r="H286" s="37"/>
      <c r="I286" s="37"/>
      <c r="J286" s="37"/>
      <c r="K286" s="37"/>
      <c r="L286" s="37"/>
      <c r="M286" s="37"/>
      <c r="N286" s="37"/>
      <c r="O286" s="37"/>
      <c r="P286" s="37"/>
    </row>
    <row r="287" spans="1:16">
      <c r="A287" s="37"/>
      <c r="B287" s="37"/>
      <c r="C287" s="37"/>
      <c r="D287" s="37"/>
      <c r="E287" s="37"/>
      <c r="F287" s="37"/>
      <c r="G287" s="37"/>
      <c r="H287" s="37"/>
      <c r="I287" s="37"/>
      <c r="J287" s="37"/>
      <c r="K287" s="37"/>
      <c r="L287" s="37"/>
      <c r="M287" s="37"/>
      <c r="N287" s="37"/>
      <c r="O287" s="37"/>
      <c r="P287" s="37"/>
    </row>
    <row r="288" spans="1:16">
      <c r="A288" s="37"/>
      <c r="B288" s="37"/>
      <c r="C288" s="37"/>
      <c r="D288" s="37"/>
      <c r="E288" s="37"/>
      <c r="F288" s="37"/>
      <c r="G288" s="37"/>
      <c r="H288" s="37"/>
      <c r="I288" s="37"/>
      <c r="J288" s="37"/>
      <c r="K288" s="37"/>
      <c r="L288" s="37"/>
      <c r="M288" s="37"/>
      <c r="N288" s="37"/>
      <c r="O288" s="37"/>
      <c r="P288" s="37"/>
    </row>
    <row r="289" spans="1:16">
      <c r="A289" s="37"/>
      <c r="B289" s="37"/>
      <c r="C289" s="37"/>
      <c r="D289" s="37"/>
      <c r="E289" s="37"/>
      <c r="F289" s="37"/>
      <c r="G289" s="37"/>
      <c r="H289" s="37"/>
      <c r="I289" s="37"/>
      <c r="J289" s="37"/>
      <c r="K289" s="37"/>
      <c r="L289" s="37"/>
      <c r="M289" s="37"/>
      <c r="N289" s="37"/>
      <c r="O289" s="37"/>
      <c r="P289" s="37"/>
    </row>
    <row r="290" spans="1:16">
      <c r="A290" s="37"/>
      <c r="B290" s="37"/>
      <c r="C290" s="37"/>
      <c r="D290" s="37"/>
      <c r="E290" s="37"/>
      <c r="F290" s="37"/>
      <c r="G290" s="37"/>
      <c r="H290" s="37"/>
      <c r="I290" s="37"/>
      <c r="J290" s="37"/>
      <c r="K290" s="37"/>
      <c r="L290" s="37"/>
      <c r="M290" s="37"/>
      <c r="N290" s="37"/>
      <c r="O290" s="37"/>
      <c r="P290" s="37"/>
    </row>
    <row r="291" spans="1:16">
      <c r="A291" s="37"/>
      <c r="B291" s="37"/>
      <c r="C291" s="37"/>
      <c r="D291" s="37"/>
      <c r="E291" s="37"/>
      <c r="F291" s="37"/>
      <c r="G291" s="37"/>
      <c r="H291" s="37"/>
      <c r="I291" s="37"/>
      <c r="J291" s="37"/>
      <c r="K291" s="37"/>
      <c r="L291" s="37"/>
      <c r="M291" s="37"/>
      <c r="N291" s="37"/>
      <c r="O291" s="37"/>
      <c r="P291" s="37"/>
    </row>
    <row r="292" spans="1:16">
      <c r="A292" s="37"/>
      <c r="B292" s="37"/>
      <c r="C292" s="37"/>
      <c r="D292" s="37"/>
      <c r="E292" s="37"/>
      <c r="F292" s="37"/>
      <c r="G292" s="37"/>
      <c r="H292" s="37"/>
      <c r="I292" s="37"/>
      <c r="J292" s="37"/>
      <c r="K292" s="37"/>
      <c r="L292" s="37"/>
      <c r="M292" s="37"/>
      <c r="N292" s="37"/>
      <c r="O292" s="37"/>
      <c r="P292" s="37"/>
    </row>
    <row r="293" spans="1:16">
      <c r="A293" s="37"/>
      <c r="B293" s="37"/>
      <c r="C293" s="37"/>
      <c r="D293" s="37"/>
      <c r="E293" s="37"/>
      <c r="F293" s="37"/>
      <c r="G293" s="37"/>
      <c r="H293" s="37"/>
      <c r="I293" s="37"/>
      <c r="J293" s="37"/>
      <c r="K293" s="37"/>
      <c r="L293" s="37"/>
      <c r="M293" s="37"/>
      <c r="N293" s="37"/>
      <c r="O293" s="37"/>
      <c r="P293" s="37"/>
    </row>
    <row r="294" spans="1:16">
      <c r="A294" s="37"/>
      <c r="B294" s="37"/>
      <c r="C294" s="37"/>
      <c r="D294" s="37"/>
      <c r="E294" s="37"/>
      <c r="F294" s="37"/>
      <c r="G294" s="37"/>
      <c r="H294" s="37"/>
      <c r="I294" s="37"/>
      <c r="J294" s="37"/>
      <c r="K294" s="37"/>
      <c r="L294" s="37"/>
      <c r="M294" s="37"/>
      <c r="N294" s="37"/>
      <c r="O294" s="37"/>
      <c r="P294" s="37"/>
    </row>
    <row r="295" spans="1:16">
      <c r="A295" s="37"/>
      <c r="B295" s="37"/>
      <c r="C295" s="37"/>
      <c r="D295" s="37"/>
      <c r="E295" s="37"/>
      <c r="F295" s="37"/>
      <c r="G295" s="37"/>
      <c r="H295" s="37"/>
      <c r="I295" s="37"/>
      <c r="J295" s="37"/>
      <c r="K295" s="37"/>
      <c r="L295" s="37"/>
      <c r="M295" s="37"/>
      <c r="N295" s="37"/>
      <c r="O295" s="37"/>
      <c r="P295" s="37"/>
    </row>
    <row r="296" spans="1:16">
      <c r="A296" s="37"/>
      <c r="B296" s="37"/>
      <c r="C296" s="37"/>
      <c r="D296" s="37"/>
      <c r="E296" s="37"/>
      <c r="F296" s="37"/>
      <c r="G296" s="37"/>
      <c r="H296" s="37"/>
      <c r="I296" s="37"/>
      <c r="J296" s="37"/>
      <c r="K296" s="37"/>
      <c r="L296" s="37"/>
      <c r="M296" s="37"/>
      <c r="N296" s="37"/>
      <c r="O296" s="37"/>
      <c r="P296" s="37"/>
    </row>
    <row r="297" spans="1:16">
      <c r="A297" s="37"/>
      <c r="B297" s="37"/>
      <c r="C297" s="37"/>
      <c r="D297" s="37"/>
      <c r="E297" s="37"/>
      <c r="F297" s="37"/>
      <c r="G297" s="37"/>
      <c r="H297" s="37"/>
      <c r="I297" s="37"/>
      <c r="J297" s="37"/>
      <c r="K297" s="37"/>
      <c r="L297" s="37"/>
      <c r="M297" s="37"/>
      <c r="N297" s="37"/>
      <c r="O297" s="37"/>
      <c r="P297" s="37"/>
    </row>
    <row r="298" spans="1:16">
      <c r="A298" s="37"/>
      <c r="B298" s="37"/>
      <c r="C298" s="37"/>
      <c r="D298" s="37"/>
      <c r="E298" s="37"/>
      <c r="F298" s="37"/>
      <c r="G298" s="37"/>
      <c r="H298" s="37"/>
      <c r="I298" s="37"/>
      <c r="J298" s="37"/>
      <c r="K298" s="37"/>
      <c r="L298" s="37"/>
      <c r="M298" s="37"/>
      <c r="N298" s="37"/>
      <c r="O298" s="37"/>
      <c r="P298" s="37"/>
    </row>
    <row r="299" spans="1:16">
      <c r="A299" s="37"/>
      <c r="B299" s="37"/>
      <c r="C299" s="37"/>
      <c r="D299" s="37"/>
      <c r="E299" s="37"/>
      <c r="F299" s="37"/>
      <c r="G299" s="37"/>
      <c r="H299" s="37"/>
      <c r="I299" s="37"/>
      <c r="J299" s="37"/>
      <c r="K299" s="37"/>
      <c r="L299" s="37"/>
      <c r="M299" s="37"/>
      <c r="N299" s="37"/>
      <c r="O299" s="37"/>
      <c r="P299" s="37"/>
    </row>
    <row r="300" spans="1:16">
      <c r="A300" s="37"/>
      <c r="B300" s="37"/>
      <c r="C300" s="37"/>
      <c r="D300" s="37"/>
      <c r="E300" s="37"/>
      <c r="F300" s="37"/>
      <c r="G300" s="37"/>
      <c r="H300" s="37"/>
      <c r="I300" s="37"/>
      <c r="J300" s="37"/>
      <c r="K300" s="37"/>
      <c r="L300" s="37"/>
      <c r="M300" s="37"/>
      <c r="N300" s="37"/>
      <c r="O300" s="37"/>
      <c r="P300" s="37"/>
    </row>
    <row r="301" spans="1:16">
      <c r="A301" s="37"/>
      <c r="B301" s="37"/>
      <c r="C301" s="37"/>
      <c r="D301" s="37"/>
      <c r="E301" s="37"/>
      <c r="F301" s="37"/>
      <c r="G301" s="37"/>
      <c r="H301" s="37"/>
      <c r="I301" s="37"/>
      <c r="J301" s="37"/>
      <c r="K301" s="37"/>
      <c r="L301" s="37"/>
      <c r="M301" s="37"/>
      <c r="N301" s="37"/>
      <c r="O301" s="37"/>
      <c r="P301" s="37"/>
    </row>
    <row r="302" spans="1:16">
      <c r="A302" s="37"/>
      <c r="B302" s="37"/>
      <c r="C302" s="37"/>
      <c r="D302" s="37"/>
      <c r="E302" s="37"/>
      <c r="F302" s="37"/>
      <c r="G302" s="37"/>
      <c r="H302" s="37"/>
      <c r="I302" s="37"/>
      <c r="J302" s="37"/>
      <c r="K302" s="37"/>
      <c r="L302" s="37"/>
      <c r="M302" s="37"/>
      <c r="N302" s="37"/>
      <c r="O302" s="37"/>
      <c r="P302" s="37"/>
    </row>
    <row r="303" spans="1:16">
      <c r="A303" s="37"/>
      <c r="B303" s="37"/>
      <c r="C303" s="37"/>
      <c r="D303" s="37"/>
      <c r="E303" s="37"/>
      <c r="F303" s="37"/>
      <c r="G303" s="37"/>
      <c r="H303" s="37"/>
      <c r="I303" s="37"/>
      <c r="J303" s="37"/>
      <c r="K303" s="37"/>
      <c r="L303" s="37"/>
      <c r="M303" s="37"/>
      <c r="N303" s="37"/>
      <c r="O303" s="37"/>
      <c r="P303" s="37"/>
    </row>
    <row r="304" spans="1:16">
      <c r="A304" s="37"/>
      <c r="B304" s="37"/>
      <c r="C304" s="37"/>
      <c r="D304" s="37"/>
      <c r="E304" s="37"/>
      <c r="F304" s="37"/>
      <c r="G304" s="37"/>
      <c r="H304" s="37"/>
      <c r="I304" s="37"/>
      <c r="J304" s="37"/>
      <c r="K304" s="37"/>
      <c r="L304" s="37"/>
      <c r="M304" s="37"/>
      <c r="N304" s="37"/>
      <c r="O304" s="37"/>
      <c r="P304" s="37"/>
    </row>
    <row r="305" spans="1:16">
      <c r="A305" s="37"/>
      <c r="B305" s="37"/>
      <c r="C305" s="37"/>
      <c r="D305" s="37"/>
      <c r="E305" s="37"/>
      <c r="F305" s="37"/>
      <c r="G305" s="37"/>
      <c r="H305" s="37"/>
      <c r="I305" s="37"/>
      <c r="J305" s="37"/>
      <c r="K305" s="37"/>
      <c r="L305" s="37"/>
      <c r="M305" s="37"/>
      <c r="N305" s="37"/>
      <c r="O305" s="37"/>
      <c r="P305" s="37"/>
    </row>
    <row r="306" spans="1:16">
      <c r="A306" s="37"/>
      <c r="B306" s="37"/>
      <c r="C306" s="37"/>
      <c r="D306" s="37"/>
      <c r="E306" s="37"/>
      <c r="F306" s="37"/>
      <c r="G306" s="37"/>
      <c r="H306" s="37"/>
      <c r="I306" s="37"/>
      <c r="J306" s="37"/>
      <c r="K306" s="37"/>
      <c r="L306" s="37"/>
      <c r="M306" s="37"/>
      <c r="N306" s="37"/>
      <c r="O306" s="37"/>
      <c r="P306" s="37"/>
    </row>
    <row r="307" spans="1:16">
      <c r="A307" s="37"/>
      <c r="B307" s="37"/>
      <c r="C307" s="37"/>
      <c r="D307" s="37"/>
      <c r="E307" s="37"/>
      <c r="F307" s="37"/>
      <c r="G307" s="37"/>
      <c r="H307" s="37"/>
      <c r="I307" s="37"/>
      <c r="J307" s="37"/>
      <c r="K307" s="37"/>
      <c r="L307" s="37"/>
      <c r="M307" s="37"/>
      <c r="N307" s="37"/>
      <c r="O307" s="37"/>
      <c r="P307" s="37"/>
    </row>
    <row r="308" spans="1:16">
      <c r="A308" s="37"/>
      <c r="B308" s="37"/>
      <c r="C308" s="37"/>
      <c r="D308" s="37"/>
      <c r="E308" s="37"/>
      <c r="F308" s="37"/>
      <c r="G308" s="37"/>
      <c r="H308" s="37"/>
      <c r="I308" s="37"/>
      <c r="J308" s="37"/>
      <c r="K308" s="37"/>
      <c r="L308" s="37"/>
      <c r="M308" s="37"/>
      <c r="N308" s="37"/>
      <c r="O308" s="37"/>
      <c r="P308" s="37"/>
    </row>
    <row r="309" spans="1:16">
      <c r="A309" s="37"/>
      <c r="B309" s="37"/>
      <c r="C309" s="37"/>
      <c r="D309" s="37"/>
      <c r="E309" s="37"/>
      <c r="F309" s="37"/>
      <c r="G309" s="37"/>
      <c r="H309" s="37"/>
      <c r="I309" s="37"/>
      <c r="J309" s="37"/>
      <c r="K309" s="37"/>
      <c r="L309" s="37"/>
      <c r="M309" s="37"/>
      <c r="N309" s="37"/>
      <c r="O309" s="37"/>
      <c r="P309" s="37"/>
    </row>
    <row r="310" spans="1:16">
      <c r="A310" s="37"/>
      <c r="B310" s="37"/>
      <c r="C310" s="37"/>
      <c r="D310" s="37"/>
      <c r="E310" s="37"/>
      <c r="F310" s="37"/>
      <c r="G310" s="37"/>
      <c r="H310" s="37"/>
      <c r="I310" s="37"/>
      <c r="J310" s="37"/>
      <c r="K310" s="37"/>
      <c r="L310" s="37"/>
      <c r="M310" s="37"/>
      <c r="N310" s="37"/>
      <c r="O310" s="37"/>
      <c r="P310" s="37"/>
    </row>
    <row r="311" spans="1:16">
      <c r="A311" s="37"/>
      <c r="B311" s="37"/>
      <c r="C311" s="37"/>
      <c r="D311" s="37"/>
      <c r="E311" s="37"/>
      <c r="F311" s="37"/>
      <c r="G311" s="37"/>
      <c r="H311" s="37"/>
      <c r="I311" s="37"/>
      <c r="J311" s="37"/>
      <c r="K311" s="37"/>
      <c r="L311" s="37"/>
      <c r="M311" s="37"/>
      <c r="N311" s="37"/>
      <c r="O311" s="37"/>
      <c r="P311" s="37"/>
    </row>
    <row r="312" spans="1:16">
      <c r="A312" s="37"/>
      <c r="B312" s="37"/>
      <c r="C312" s="37"/>
      <c r="D312" s="37"/>
      <c r="E312" s="37"/>
      <c r="F312" s="37"/>
      <c r="G312" s="37"/>
      <c r="H312" s="37"/>
      <c r="I312" s="37"/>
      <c r="J312" s="37"/>
      <c r="K312" s="37"/>
      <c r="L312" s="37"/>
      <c r="M312" s="37"/>
      <c r="N312" s="37"/>
      <c r="O312" s="37"/>
      <c r="P312" s="37"/>
    </row>
    <row r="313" spans="1:16">
      <c r="A313" s="37"/>
      <c r="B313" s="37"/>
      <c r="C313" s="37"/>
      <c r="D313" s="37"/>
      <c r="E313" s="37"/>
      <c r="F313" s="37"/>
      <c r="G313" s="37"/>
      <c r="H313" s="37"/>
      <c r="I313" s="37"/>
      <c r="J313" s="37"/>
      <c r="K313" s="37"/>
      <c r="L313" s="37"/>
      <c r="M313" s="37"/>
      <c r="N313" s="37"/>
      <c r="O313" s="37"/>
      <c r="P313" s="37"/>
    </row>
    <row r="314" spans="1:16">
      <c r="A314" s="37"/>
      <c r="B314" s="37"/>
      <c r="C314" s="37"/>
      <c r="D314" s="37"/>
      <c r="E314" s="37"/>
      <c r="F314" s="37"/>
      <c r="G314" s="37"/>
      <c r="H314" s="37"/>
      <c r="I314" s="37"/>
      <c r="J314" s="37"/>
      <c r="K314" s="37"/>
      <c r="L314" s="37"/>
      <c r="M314" s="37"/>
      <c r="N314" s="37"/>
      <c r="O314" s="37"/>
      <c r="P314" s="37"/>
    </row>
    <row r="315" spans="1:16">
      <c r="A315" s="37"/>
      <c r="B315" s="37"/>
      <c r="C315" s="37"/>
      <c r="D315" s="37"/>
      <c r="E315" s="37"/>
      <c r="F315" s="37"/>
      <c r="G315" s="37"/>
      <c r="H315" s="37"/>
      <c r="I315" s="37"/>
      <c r="J315" s="37"/>
      <c r="K315" s="37"/>
      <c r="L315" s="37"/>
      <c r="M315" s="37"/>
      <c r="N315" s="37"/>
      <c r="O315" s="37"/>
      <c r="P315" s="37"/>
    </row>
    <row r="316" spans="1:16">
      <c r="A316" s="37"/>
      <c r="B316" s="37"/>
      <c r="C316" s="37"/>
      <c r="D316" s="37"/>
      <c r="E316" s="37"/>
      <c r="F316" s="37"/>
      <c r="G316" s="37"/>
      <c r="H316" s="37"/>
      <c r="I316" s="37"/>
      <c r="J316" s="37"/>
      <c r="K316" s="37"/>
      <c r="L316" s="37"/>
      <c r="M316" s="37"/>
      <c r="N316" s="37"/>
      <c r="O316" s="37"/>
      <c r="P316" s="37"/>
    </row>
    <row r="317" spans="1:16">
      <c r="A317" s="37"/>
      <c r="B317" s="37"/>
      <c r="C317" s="37"/>
      <c r="D317" s="37"/>
      <c r="E317" s="37"/>
      <c r="F317" s="37"/>
      <c r="G317" s="37"/>
      <c r="H317" s="37"/>
      <c r="I317" s="37"/>
      <c r="J317" s="37"/>
      <c r="K317" s="37"/>
      <c r="L317" s="37"/>
      <c r="M317" s="37"/>
      <c r="N317" s="37"/>
      <c r="O317" s="37"/>
      <c r="P317" s="37"/>
    </row>
    <row r="318" spans="1:16">
      <c r="A318" s="37"/>
      <c r="B318" s="37"/>
      <c r="C318" s="37"/>
      <c r="D318" s="37"/>
      <c r="E318" s="37"/>
      <c r="F318" s="37"/>
      <c r="G318" s="37"/>
      <c r="H318" s="37"/>
      <c r="I318" s="37"/>
      <c r="J318" s="37"/>
      <c r="K318" s="37"/>
      <c r="L318" s="37"/>
      <c r="M318" s="37"/>
      <c r="N318" s="37"/>
      <c r="O318" s="37"/>
      <c r="P318" s="37"/>
    </row>
    <row r="319" spans="1:16">
      <c r="A319" s="37"/>
      <c r="B319" s="37"/>
      <c r="C319" s="37"/>
      <c r="D319" s="37"/>
      <c r="E319" s="37"/>
      <c r="F319" s="37"/>
      <c r="G319" s="37"/>
      <c r="H319" s="37"/>
      <c r="I319" s="37"/>
      <c r="J319" s="37"/>
      <c r="K319" s="37"/>
      <c r="L319" s="37"/>
      <c r="M319" s="37"/>
      <c r="N319" s="37"/>
      <c r="O319" s="37"/>
      <c r="P319" s="37"/>
    </row>
    <row r="320" spans="1:16">
      <c r="A320" s="37"/>
      <c r="B320" s="37"/>
      <c r="C320" s="37"/>
      <c r="D320" s="37"/>
      <c r="E320" s="37"/>
      <c r="F320" s="37"/>
      <c r="G320" s="37"/>
      <c r="H320" s="37"/>
      <c r="I320" s="37"/>
      <c r="J320" s="37"/>
      <c r="K320" s="37"/>
      <c r="L320" s="37"/>
      <c r="M320" s="37"/>
      <c r="N320" s="37"/>
      <c r="O320" s="37"/>
      <c r="P320" s="37"/>
    </row>
    <row r="321" spans="1:16">
      <c r="A321" s="37"/>
      <c r="B321" s="37"/>
      <c r="C321" s="37"/>
      <c r="D321" s="37"/>
      <c r="E321" s="37"/>
      <c r="F321" s="37"/>
      <c r="G321" s="37"/>
      <c r="H321" s="37"/>
      <c r="I321" s="37"/>
      <c r="J321" s="37"/>
      <c r="K321" s="37"/>
      <c r="L321" s="37"/>
      <c r="M321" s="37"/>
      <c r="N321" s="37"/>
      <c r="O321" s="37"/>
      <c r="P321" s="37"/>
    </row>
    <row r="322" spans="1:16">
      <c r="A322" s="37"/>
      <c r="B322" s="37"/>
      <c r="C322" s="37"/>
      <c r="D322" s="37"/>
      <c r="E322" s="37"/>
      <c r="F322" s="37"/>
      <c r="G322" s="37"/>
      <c r="H322" s="37"/>
      <c r="I322" s="37"/>
      <c r="J322" s="37"/>
      <c r="K322" s="37"/>
      <c r="L322" s="37"/>
      <c r="M322" s="37"/>
      <c r="N322" s="37"/>
      <c r="O322" s="37"/>
      <c r="P322" s="37"/>
    </row>
    <row r="323" spans="1:16">
      <c r="A323" s="37"/>
      <c r="B323" s="37"/>
      <c r="C323" s="37"/>
      <c r="D323" s="37"/>
      <c r="E323" s="37"/>
      <c r="F323" s="37"/>
      <c r="G323" s="37"/>
      <c r="H323" s="37"/>
      <c r="I323" s="37"/>
      <c r="J323" s="37"/>
      <c r="K323" s="37"/>
      <c r="L323" s="37"/>
      <c r="M323" s="37"/>
      <c r="N323" s="37"/>
      <c r="O323" s="37"/>
      <c r="P323" s="37"/>
    </row>
    <row r="324" spans="1:16">
      <c r="A324" s="37"/>
      <c r="B324" s="37"/>
      <c r="C324" s="37"/>
      <c r="D324" s="37"/>
      <c r="E324" s="37"/>
      <c r="F324" s="37"/>
      <c r="G324" s="37"/>
      <c r="H324" s="37"/>
      <c r="I324" s="37"/>
      <c r="J324" s="37"/>
      <c r="K324" s="37"/>
      <c r="L324" s="37"/>
      <c r="M324" s="37"/>
      <c r="N324" s="37"/>
      <c r="O324" s="37"/>
      <c r="P324" s="37"/>
    </row>
    <row r="325" spans="1:16">
      <c r="A325" s="37"/>
      <c r="B325" s="37"/>
      <c r="C325" s="37"/>
      <c r="D325" s="37"/>
      <c r="E325" s="37"/>
      <c r="F325" s="37"/>
      <c r="G325" s="37"/>
      <c r="H325" s="37"/>
      <c r="I325" s="37"/>
      <c r="J325" s="37"/>
      <c r="K325" s="37"/>
      <c r="L325" s="37"/>
      <c r="M325" s="37"/>
      <c r="N325" s="37"/>
      <c r="O325" s="37"/>
      <c r="P325" s="37"/>
    </row>
    <row r="326" spans="1:16">
      <c r="A326" s="37"/>
      <c r="B326" s="37"/>
      <c r="C326" s="37"/>
      <c r="D326" s="37"/>
      <c r="E326" s="37"/>
      <c r="F326" s="37"/>
      <c r="G326" s="37"/>
      <c r="H326" s="37"/>
      <c r="I326" s="37"/>
      <c r="J326" s="37"/>
      <c r="K326" s="37"/>
      <c r="L326" s="37"/>
      <c r="M326" s="37"/>
      <c r="N326" s="37"/>
      <c r="O326" s="37"/>
      <c r="P326" s="37"/>
    </row>
    <row r="327" spans="1:16">
      <c r="A327" s="37"/>
      <c r="B327" s="37"/>
      <c r="C327" s="37"/>
      <c r="D327" s="37"/>
      <c r="E327" s="37"/>
      <c r="F327" s="37"/>
      <c r="G327" s="37"/>
      <c r="H327" s="37"/>
      <c r="I327" s="37"/>
      <c r="J327" s="37"/>
      <c r="K327" s="37"/>
      <c r="L327" s="37"/>
      <c r="M327" s="37"/>
      <c r="N327" s="37"/>
      <c r="O327" s="37"/>
      <c r="P327" s="37"/>
    </row>
    <row r="328" spans="1:16">
      <c r="A328" s="37"/>
      <c r="B328" s="37"/>
      <c r="C328" s="37"/>
      <c r="D328" s="37"/>
      <c r="E328" s="37"/>
      <c r="F328" s="37"/>
      <c r="G328" s="37"/>
      <c r="H328" s="37"/>
      <c r="I328" s="37"/>
      <c r="J328" s="37"/>
      <c r="K328" s="37"/>
      <c r="L328" s="37"/>
      <c r="M328" s="37"/>
      <c r="N328" s="37"/>
      <c r="O328" s="37"/>
      <c r="P328" s="37"/>
    </row>
    <row r="329" spans="1:16">
      <c r="A329" s="37"/>
      <c r="B329" s="37"/>
      <c r="C329" s="37"/>
      <c r="D329" s="37"/>
      <c r="E329" s="37"/>
      <c r="F329" s="37"/>
      <c r="G329" s="37"/>
      <c r="H329" s="37"/>
      <c r="I329" s="37"/>
      <c r="J329" s="37"/>
      <c r="K329" s="37"/>
      <c r="L329" s="37"/>
      <c r="M329" s="37"/>
      <c r="N329" s="37"/>
      <c r="O329" s="37"/>
      <c r="P329" s="37"/>
    </row>
    <row r="330" spans="1:16">
      <c r="A330" s="37"/>
      <c r="B330" s="37"/>
      <c r="C330" s="37"/>
      <c r="D330" s="37"/>
      <c r="E330" s="37"/>
      <c r="F330" s="37"/>
      <c r="G330" s="37"/>
      <c r="H330" s="37"/>
      <c r="I330" s="37"/>
      <c r="J330" s="37"/>
      <c r="K330" s="37"/>
      <c r="L330" s="37"/>
      <c r="M330" s="37"/>
      <c r="N330" s="37"/>
      <c r="O330" s="37"/>
      <c r="P330" s="37"/>
    </row>
    <row r="331" spans="1:16">
      <c r="A331" s="37"/>
      <c r="B331" s="37"/>
      <c r="C331" s="37"/>
      <c r="D331" s="37"/>
      <c r="E331" s="37"/>
      <c r="F331" s="37"/>
      <c r="G331" s="37"/>
      <c r="H331" s="37"/>
      <c r="I331" s="37"/>
      <c r="J331" s="37"/>
      <c r="K331" s="37"/>
      <c r="L331" s="37"/>
      <c r="M331" s="37"/>
      <c r="N331" s="37"/>
      <c r="O331" s="37"/>
      <c r="P331" s="37"/>
    </row>
    <row r="332" spans="1:16">
      <c r="A332" s="37"/>
      <c r="B332" s="37"/>
      <c r="C332" s="37"/>
      <c r="D332" s="37"/>
      <c r="E332" s="37"/>
      <c r="F332" s="37"/>
      <c r="G332" s="37"/>
      <c r="H332" s="37"/>
      <c r="I332" s="37"/>
      <c r="J332" s="37"/>
      <c r="K332" s="37"/>
      <c r="L332" s="37"/>
      <c r="M332" s="37"/>
      <c r="N332" s="37"/>
      <c r="O332" s="37"/>
      <c r="P332" s="37"/>
    </row>
    <row r="333" spans="1:16">
      <c r="A333" s="37"/>
      <c r="B333" s="37"/>
      <c r="C333" s="37"/>
      <c r="D333" s="37"/>
      <c r="E333" s="37"/>
      <c r="F333" s="37"/>
      <c r="G333" s="37"/>
      <c r="H333" s="37"/>
      <c r="I333" s="37"/>
      <c r="J333" s="37"/>
      <c r="K333" s="37"/>
      <c r="L333" s="37"/>
      <c r="M333" s="37"/>
      <c r="N333" s="37"/>
      <c r="O333" s="37"/>
      <c r="P333" s="37"/>
    </row>
    <row r="334" spans="1:16">
      <c r="A334" s="37"/>
      <c r="B334" s="37"/>
      <c r="C334" s="37"/>
      <c r="D334" s="37"/>
      <c r="E334" s="37"/>
      <c r="F334" s="37"/>
      <c r="G334" s="37"/>
      <c r="H334" s="37"/>
      <c r="I334" s="37"/>
      <c r="J334" s="37"/>
      <c r="K334" s="37"/>
      <c r="L334" s="37"/>
      <c r="M334" s="37"/>
      <c r="N334" s="37"/>
      <c r="O334" s="37"/>
      <c r="P334" s="37"/>
    </row>
    <row r="335" spans="1:16">
      <c r="A335" s="37"/>
      <c r="B335" s="37"/>
      <c r="C335" s="37"/>
      <c r="D335" s="37"/>
      <c r="E335" s="37"/>
      <c r="F335" s="37"/>
      <c r="G335" s="37"/>
      <c r="H335" s="37"/>
      <c r="I335" s="37"/>
      <c r="J335" s="37"/>
      <c r="K335" s="37"/>
      <c r="L335" s="37"/>
      <c r="M335" s="37"/>
      <c r="N335" s="37"/>
      <c r="O335" s="37"/>
      <c r="P335" s="37"/>
    </row>
    <row r="336" spans="1:16">
      <c r="A336" s="37"/>
      <c r="B336" s="37"/>
      <c r="C336" s="37"/>
      <c r="D336" s="37"/>
      <c r="E336" s="37"/>
      <c r="F336" s="37"/>
      <c r="G336" s="37"/>
      <c r="H336" s="37"/>
      <c r="I336" s="37"/>
      <c r="J336" s="37"/>
      <c r="K336" s="37"/>
      <c r="L336" s="37"/>
      <c r="M336" s="37"/>
      <c r="N336" s="37"/>
      <c r="O336" s="37"/>
      <c r="P336" s="37"/>
    </row>
    <row r="337" spans="1:16">
      <c r="A337" s="37"/>
      <c r="B337" s="37"/>
      <c r="C337" s="37"/>
      <c r="D337" s="37"/>
      <c r="E337" s="37"/>
      <c r="F337" s="37"/>
      <c r="G337" s="37"/>
      <c r="H337" s="37"/>
      <c r="I337" s="37"/>
      <c r="J337" s="37"/>
      <c r="K337" s="37"/>
      <c r="L337" s="37"/>
      <c r="M337" s="37"/>
      <c r="N337" s="37"/>
      <c r="O337" s="37"/>
      <c r="P337" s="37"/>
    </row>
    <row r="338" spans="1:16">
      <c r="A338" s="37"/>
      <c r="B338" s="37"/>
      <c r="C338" s="37"/>
      <c r="D338" s="37"/>
      <c r="E338" s="37"/>
      <c r="F338" s="37"/>
      <c r="G338" s="37"/>
      <c r="H338" s="37"/>
      <c r="I338" s="37"/>
      <c r="J338" s="37"/>
      <c r="K338" s="37"/>
      <c r="L338" s="37"/>
      <c r="M338" s="37"/>
      <c r="N338" s="37"/>
      <c r="O338" s="37"/>
      <c r="P338" s="37"/>
    </row>
    <row r="339" spans="1:16">
      <c r="A339" s="37"/>
      <c r="B339" s="37"/>
      <c r="C339" s="37"/>
      <c r="D339" s="37"/>
      <c r="E339" s="37"/>
      <c r="F339" s="37"/>
      <c r="G339" s="37"/>
      <c r="H339" s="37"/>
      <c r="I339" s="37"/>
      <c r="J339" s="37"/>
      <c r="K339" s="37"/>
      <c r="L339" s="37"/>
      <c r="M339" s="37"/>
      <c r="N339" s="37"/>
      <c r="O339" s="37"/>
      <c r="P339" s="37"/>
    </row>
    <row r="340" spans="1:16">
      <c r="A340" s="37"/>
      <c r="B340" s="37"/>
      <c r="C340" s="37"/>
      <c r="D340" s="37"/>
      <c r="E340" s="37"/>
      <c r="F340" s="37"/>
      <c r="G340" s="37"/>
      <c r="H340" s="37"/>
      <c r="I340" s="37"/>
      <c r="J340" s="37"/>
      <c r="K340" s="37"/>
      <c r="L340" s="37"/>
      <c r="M340" s="37"/>
      <c r="N340" s="37"/>
      <c r="O340" s="37"/>
      <c r="P340" s="37"/>
    </row>
    <row r="341" spans="1:16">
      <c r="A341" s="37"/>
      <c r="B341" s="37"/>
      <c r="C341" s="37"/>
      <c r="D341" s="37"/>
      <c r="E341" s="37"/>
      <c r="F341" s="37"/>
      <c r="G341" s="37"/>
      <c r="H341" s="37"/>
      <c r="I341" s="37"/>
      <c r="J341" s="37"/>
      <c r="K341" s="37"/>
      <c r="L341" s="37"/>
      <c r="M341" s="37"/>
      <c r="N341" s="37"/>
      <c r="O341" s="37"/>
      <c r="P341" s="37"/>
    </row>
    <row r="342" spans="1:16">
      <c r="A342" s="37"/>
      <c r="B342" s="37"/>
      <c r="C342" s="37"/>
      <c r="D342" s="37"/>
      <c r="E342" s="37"/>
      <c r="F342" s="37"/>
      <c r="G342" s="37"/>
      <c r="H342" s="37"/>
      <c r="I342" s="37"/>
      <c r="J342" s="37"/>
      <c r="K342" s="37"/>
      <c r="L342" s="37"/>
      <c r="M342" s="37"/>
      <c r="N342" s="37"/>
      <c r="O342" s="37"/>
      <c r="P342" s="37"/>
    </row>
    <row r="343" spans="1:16">
      <c r="A343" s="37"/>
      <c r="B343" s="37"/>
      <c r="C343" s="37"/>
      <c r="D343" s="37"/>
      <c r="E343" s="37"/>
      <c r="F343" s="37"/>
      <c r="G343" s="37"/>
      <c r="H343" s="37"/>
      <c r="I343" s="37"/>
      <c r="J343" s="37"/>
      <c r="K343" s="37"/>
      <c r="L343" s="37"/>
      <c r="M343" s="37"/>
      <c r="N343" s="37"/>
      <c r="O343" s="37"/>
      <c r="P343" s="37"/>
    </row>
    <row r="344" spans="1:16">
      <c r="A344" s="37"/>
      <c r="B344" s="37"/>
      <c r="C344" s="37"/>
      <c r="D344" s="37"/>
      <c r="E344" s="37"/>
      <c r="F344" s="37"/>
      <c r="G344" s="37"/>
      <c r="H344" s="37"/>
      <c r="I344" s="37"/>
      <c r="J344" s="37"/>
      <c r="K344" s="37"/>
      <c r="L344" s="37"/>
      <c r="M344" s="37"/>
      <c r="N344" s="37"/>
      <c r="O344" s="37"/>
      <c r="P344" s="37"/>
    </row>
    <row r="345" spans="1:16">
      <c r="A345" s="37"/>
      <c r="B345" s="37"/>
      <c r="C345" s="37"/>
      <c r="D345" s="37"/>
      <c r="E345" s="37"/>
      <c r="F345" s="37"/>
      <c r="G345" s="37"/>
      <c r="H345" s="37"/>
      <c r="I345" s="37"/>
      <c r="J345" s="37"/>
      <c r="K345" s="37"/>
      <c r="L345" s="37"/>
      <c r="M345" s="37"/>
      <c r="N345" s="37"/>
      <c r="O345" s="37"/>
      <c r="P345" s="37"/>
    </row>
    <row r="346" spans="1:16">
      <c r="A346" s="37"/>
      <c r="B346" s="37"/>
      <c r="C346" s="37"/>
      <c r="D346" s="37"/>
      <c r="E346" s="37"/>
      <c r="F346" s="37"/>
      <c r="G346" s="37"/>
      <c r="H346" s="37"/>
      <c r="I346" s="37"/>
      <c r="J346" s="37"/>
      <c r="K346" s="37"/>
      <c r="L346" s="37"/>
      <c r="M346" s="37"/>
      <c r="N346" s="37"/>
      <c r="O346" s="37"/>
      <c r="P346" s="37"/>
    </row>
    <row r="347" spans="1:16">
      <c r="A347" s="37"/>
      <c r="B347" s="37"/>
      <c r="C347" s="37"/>
      <c r="D347" s="37"/>
      <c r="E347" s="37"/>
      <c r="F347" s="37"/>
      <c r="G347" s="37"/>
      <c r="H347" s="37"/>
      <c r="I347" s="37"/>
      <c r="J347" s="37"/>
      <c r="K347" s="37"/>
      <c r="L347" s="37"/>
      <c r="M347" s="37"/>
      <c r="N347" s="37"/>
      <c r="O347" s="37"/>
      <c r="P347" s="37"/>
    </row>
    <row r="348" spans="1:16">
      <c r="A348" s="37"/>
      <c r="B348" s="37"/>
      <c r="C348" s="37"/>
      <c r="D348" s="37"/>
      <c r="E348" s="37"/>
      <c r="F348" s="37"/>
      <c r="G348" s="37"/>
      <c r="H348" s="37"/>
      <c r="I348" s="37"/>
      <c r="J348" s="37"/>
      <c r="K348" s="37"/>
      <c r="L348" s="37"/>
      <c r="M348" s="37"/>
      <c r="N348" s="37"/>
      <c r="O348" s="37"/>
      <c r="P348" s="37"/>
    </row>
    <row r="349" spans="1:16">
      <c r="A349" s="37"/>
      <c r="B349" s="37"/>
      <c r="C349" s="37"/>
      <c r="D349" s="37"/>
      <c r="E349" s="37"/>
      <c r="F349" s="37"/>
      <c r="G349" s="37"/>
      <c r="H349" s="37"/>
      <c r="I349" s="37"/>
      <c r="J349" s="37"/>
      <c r="K349" s="37"/>
      <c r="L349" s="37"/>
      <c r="M349" s="37"/>
      <c r="N349" s="37"/>
      <c r="O349" s="37"/>
      <c r="P349" s="37"/>
    </row>
    <row r="350" spans="1:16">
      <c r="A350" s="37"/>
      <c r="B350" s="37"/>
      <c r="C350" s="37"/>
      <c r="D350" s="37"/>
      <c r="E350" s="37"/>
      <c r="F350" s="37"/>
      <c r="G350" s="37"/>
      <c r="H350" s="37"/>
      <c r="I350" s="37"/>
      <c r="J350" s="37"/>
      <c r="K350" s="37"/>
      <c r="L350" s="37"/>
      <c r="M350" s="37"/>
      <c r="N350" s="37"/>
      <c r="O350" s="37"/>
      <c r="P350" s="37"/>
    </row>
    <row r="351" spans="1:16">
      <c r="A351" s="37"/>
      <c r="B351" s="37"/>
      <c r="C351" s="37"/>
      <c r="D351" s="37"/>
      <c r="E351" s="37"/>
      <c r="F351" s="37"/>
      <c r="G351" s="37"/>
      <c r="H351" s="37"/>
      <c r="I351" s="37"/>
      <c r="J351" s="37"/>
      <c r="K351" s="37"/>
      <c r="L351" s="37"/>
      <c r="M351" s="37"/>
      <c r="N351" s="37"/>
      <c r="O351" s="37"/>
      <c r="P351" s="37"/>
    </row>
    <row r="352" spans="1:16">
      <c r="A352" s="37"/>
      <c r="B352" s="37"/>
      <c r="C352" s="37"/>
      <c r="D352" s="37"/>
      <c r="E352" s="37"/>
      <c r="F352" s="37"/>
      <c r="G352" s="37"/>
      <c r="H352" s="37"/>
      <c r="I352" s="37"/>
      <c r="J352" s="37"/>
      <c r="K352" s="37"/>
      <c r="L352" s="37"/>
      <c r="M352" s="37"/>
      <c r="N352" s="37"/>
      <c r="O352" s="37"/>
      <c r="P352" s="37"/>
    </row>
    <row r="353" spans="1:16">
      <c r="A353" s="37"/>
      <c r="B353" s="37"/>
      <c r="C353" s="37"/>
      <c r="D353" s="37"/>
      <c r="E353" s="37"/>
      <c r="F353" s="37"/>
      <c r="G353" s="37"/>
      <c r="H353" s="37"/>
      <c r="I353" s="37"/>
      <c r="J353" s="37"/>
      <c r="K353" s="37"/>
      <c r="L353" s="37"/>
      <c r="M353" s="37"/>
      <c r="N353" s="37"/>
      <c r="O353" s="37"/>
      <c r="P353" s="37"/>
    </row>
    <row r="354" spans="1:16">
      <c r="A354" s="37"/>
      <c r="B354" s="37"/>
      <c r="C354" s="37"/>
      <c r="D354" s="37"/>
      <c r="E354" s="37"/>
      <c r="F354" s="37"/>
      <c r="G354" s="37"/>
      <c r="H354" s="37"/>
      <c r="I354" s="37"/>
      <c r="J354" s="37"/>
      <c r="K354" s="37"/>
      <c r="L354" s="37"/>
      <c r="M354" s="37"/>
      <c r="N354" s="37"/>
      <c r="O354" s="37"/>
      <c r="P354" s="37"/>
    </row>
    <row r="355" spans="1:16">
      <c r="A355" s="37"/>
      <c r="B355" s="37"/>
      <c r="C355" s="37"/>
      <c r="D355" s="37"/>
      <c r="E355" s="37"/>
      <c r="F355" s="37"/>
      <c r="G355" s="37"/>
      <c r="H355" s="37"/>
      <c r="I355" s="37"/>
      <c r="J355" s="37"/>
      <c r="K355" s="37"/>
      <c r="L355" s="37"/>
      <c r="M355" s="37"/>
      <c r="N355" s="37"/>
      <c r="O355" s="37"/>
      <c r="P355" s="37"/>
    </row>
    <row r="356" spans="1:16">
      <c r="A356" s="37"/>
      <c r="B356" s="37"/>
      <c r="C356" s="37"/>
      <c r="D356" s="37"/>
      <c r="E356" s="37"/>
      <c r="F356" s="37"/>
      <c r="G356" s="37"/>
      <c r="H356" s="37"/>
      <c r="I356" s="37"/>
      <c r="J356" s="37"/>
      <c r="K356" s="37"/>
      <c r="L356" s="37"/>
      <c r="M356" s="37"/>
      <c r="N356" s="37"/>
      <c r="O356" s="37"/>
      <c r="P356" s="37"/>
    </row>
    <row r="357" spans="1:16">
      <c r="A357" s="37"/>
      <c r="B357" s="37"/>
      <c r="C357" s="37"/>
      <c r="D357" s="37"/>
      <c r="E357" s="37"/>
      <c r="F357" s="37"/>
      <c r="G357" s="37"/>
      <c r="H357" s="37"/>
      <c r="I357" s="37"/>
      <c r="J357" s="37"/>
      <c r="K357" s="37"/>
      <c r="L357" s="37"/>
      <c r="M357" s="37"/>
      <c r="N357" s="37"/>
      <c r="O357" s="37"/>
      <c r="P357" s="37"/>
    </row>
    <row r="358" spans="1:16">
      <c r="A358" s="37"/>
      <c r="B358" s="37"/>
      <c r="C358" s="37"/>
      <c r="D358" s="37"/>
      <c r="E358" s="37"/>
      <c r="F358" s="37"/>
      <c r="G358" s="37"/>
      <c r="H358" s="37"/>
      <c r="I358" s="37"/>
      <c r="J358" s="37"/>
      <c r="K358" s="37"/>
      <c r="L358" s="37"/>
      <c r="M358" s="37"/>
      <c r="N358" s="37"/>
      <c r="O358" s="37"/>
      <c r="P358" s="37"/>
    </row>
    <row r="359" spans="1:16">
      <c r="A359" s="37"/>
      <c r="B359" s="37"/>
      <c r="C359" s="37"/>
      <c r="D359" s="37"/>
      <c r="E359" s="37"/>
      <c r="F359" s="37"/>
      <c r="G359" s="37"/>
      <c r="H359" s="37"/>
      <c r="I359" s="37"/>
      <c r="J359" s="37"/>
      <c r="K359" s="37"/>
      <c r="L359" s="37"/>
      <c r="M359" s="37"/>
      <c r="N359" s="37"/>
      <c r="O359" s="37"/>
      <c r="P359" s="37"/>
    </row>
    <row r="360" spans="1:16">
      <c r="A360" s="37"/>
      <c r="B360" s="37"/>
      <c r="C360" s="37"/>
      <c r="D360" s="37"/>
      <c r="E360" s="37"/>
      <c r="F360" s="37"/>
      <c r="G360" s="37"/>
      <c r="H360" s="37"/>
      <c r="I360" s="37"/>
      <c r="J360" s="37"/>
      <c r="K360" s="37"/>
      <c r="L360" s="37"/>
      <c r="M360" s="37"/>
      <c r="N360" s="37"/>
      <c r="O360" s="37"/>
      <c r="P360" s="37"/>
    </row>
    <row r="361" spans="1:16">
      <c r="A361" s="37"/>
      <c r="B361" s="37"/>
      <c r="C361" s="37"/>
      <c r="D361" s="37"/>
      <c r="E361" s="37"/>
      <c r="F361" s="37"/>
      <c r="G361" s="37"/>
      <c r="H361" s="37"/>
      <c r="I361" s="37"/>
      <c r="J361" s="37"/>
      <c r="K361" s="37"/>
      <c r="L361" s="37"/>
      <c r="M361" s="37"/>
      <c r="N361" s="37"/>
      <c r="O361" s="37"/>
      <c r="P361" s="37"/>
    </row>
    <row r="362" spans="1:16">
      <c r="A362" s="37"/>
      <c r="B362" s="37"/>
      <c r="C362" s="37"/>
      <c r="D362" s="37"/>
      <c r="E362" s="37"/>
      <c r="F362" s="37"/>
      <c r="G362" s="37"/>
      <c r="H362" s="37"/>
      <c r="I362" s="37"/>
      <c r="J362" s="37"/>
      <c r="K362" s="37"/>
      <c r="L362" s="37"/>
      <c r="M362" s="37"/>
      <c r="N362" s="37"/>
      <c r="O362" s="37"/>
      <c r="P362" s="37"/>
    </row>
    <row r="363" spans="1:16">
      <c r="A363" s="37"/>
      <c r="B363" s="37"/>
      <c r="C363" s="37"/>
      <c r="D363" s="37"/>
      <c r="E363" s="37"/>
      <c r="F363" s="37"/>
      <c r="G363" s="37"/>
      <c r="H363" s="37"/>
      <c r="I363" s="37"/>
      <c r="J363" s="37"/>
      <c r="K363" s="37"/>
      <c r="L363" s="37"/>
      <c r="M363" s="37"/>
      <c r="N363" s="37"/>
      <c r="O363" s="37"/>
      <c r="P363" s="37"/>
    </row>
    <row r="364" spans="1:16">
      <c r="A364" s="37"/>
      <c r="B364" s="37"/>
      <c r="C364" s="37"/>
      <c r="D364" s="37"/>
      <c r="E364" s="37"/>
      <c r="F364" s="37"/>
      <c r="G364" s="37"/>
      <c r="H364" s="37"/>
      <c r="I364" s="37"/>
      <c r="J364" s="37"/>
      <c r="K364" s="37"/>
      <c r="L364" s="37"/>
      <c r="M364" s="37"/>
      <c r="N364" s="37"/>
      <c r="O364" s="37"/>
      <c r="P364" s="37"/>
    </row>
    <row r="365" spans="1:16">
      <c r="A365" s="37"/>
      <c r="B365" s="37"/>
      <c r="C365" s="37"/>
      <c r="D365" s="37"/>
      <c r="E365" s="37"/>
      <c r="F365" s="37"/>
      <c r="G365" s="37"/>
      <c r="H365" s="37"/>
      <c r="I365" s="37"/>
      <c r="J365" s="37"/>
      <c r="K365" s="37"/>
      <c r="L365" s="37"/>
      <c r="M365" s="37"/>
      <c r="N365" s="37"/>
      <c r="O365" s="37"/>
      <c r="P365" s="37"/>
    </row>
    <row r="366" spans="1:16">
      <c r="A366" s="37"/>
      <c r="B366" s="37"/>
      <c r="C366" s="37"/>
      <c r="D366" s="37"/>
      <c r="E366" s="37"/>
      <c r="F366" s="37"/>
      <c r="G366" s="37"/>
      <c r="H366" s="37"/>
      <c r="I366" s="37"/>
      <c r="J366" s="37"/>
      <c r="K366" s="37"/>
      <c r="L366" s="37"/>
      <c r="M366" s="37"/>
      <c r="N366" s="37"/>
      <c r="O366" s="37"/>
      <c r="P366" s="37"/>
    </row>
    <row r="367" spans="1:16">
      <c r="A367" s="37"/>
      <c r="B367" s="37"/>
      <c r="C367" s="37"/>
      <c r="D367" s="37"/>
      <c r="E367" s="37"/>
      <c r="F367" s="37"/>
      <c r="G367" s="37"/>
      <c r="H367" s="37"/>
      <c r="I367" s="37"/>
      <c r="J367" s="37"/>
      <c r="K367" s="37"/>
      <c r="L367" s="37"/>
      <c r="M367" s="37"/>
      <c r="N367" s="37"/>
      <c r="O367" s="37"/>
      <c r="P367" s="37"/>
    </row>
    <row r="368" spans="1:16">
      <c r="A368" s="37"/>
      <c r="B368" s="37"/>
      <c r="C368" s="37"/>
      <c r="D368" s="37"/>
      <c r="E368" s="37"/>
      <c r="F368" s="37"/>
      <c r="G368" s="37"/>
      <c r="H368" s="37"/>
      <c r="I368" s="37"/>
      <c r="J368" s="37"/>
      <c r="K368" s="37"/>
      <c r="L368" s="37"/>
      <c r="M368" s="37"/>
      <c r="N368" s="37"/>
      <c r="O368" s="37"/>
      <c r="P368" s="37"/>
    </row>
    <row r="369" spans="1:16">
      <c r="A369" s="37"/>
      <c r="B369" s="37"/>
      <c r="C369" s="37"/>
      <c r="D369" s="37"/>
      <c r="E369" s="37"/>
      <c r="F369" s="37"/>
      <c r="G369" s="37"/>
      <c r="H369" s="37"/>
      <c r="I369" s="37"/>
      <c r="J369" s="37"/>
      <c r="K369" s="37"/>
      <c r="L369" s="37"/>
      <c r="M369" s="37"/>
      <c r="N369" s="37"/>
      <c r="O369" s="37"/>
      <c r="P369" s="37"/>
    </row>
    <row r="370" spans="1:16">
      <c r="A370" s="37"/>
      <c r="B370" s="37"/>
      <c r="C370" s="37"/>
      <c r="D370" s="37"/>
      <c r="E370" s="37"/>
      <c r="F370" s="37"/>
      <c r="G370" s="37"/>
      <c r="H370" s="37"/>
      <c r="I370" s="37"/>
      <c r="J370" s="37"/>
      <c r="K370" s="37"/>
      <c r="L370" s="37"/>
      <c r="M370" s="37"/>
      <c r="N370" s="37"/>
      <c r="O370" s="37"/>
      <c r="P370" s="37"/>
    </row>
    <row r="371" spans="1:16">
      <c r="A371" s="37"/>
      <c r="B371" s="37"/>
      <c r="C371" s="37"/>
      <c r="D371" s="37"/>
      <c r="E371" s="37"/>
      <c r="F371" s="37"/>
      <c r="G371" s="37"/>
      <c r="H371" s="37"/>
      <c r="I371" s="37"/>
      <c r="J371" s="37"/>
      <c r="K371" s="37"/>
      <c r="L371" s="37"/>
      <c r="M371" s="37"/>
      <c r="N371" s="37"/>
      <c r="O371" s="37"/>
      <c r="P371" s="37"/>
    </row>
    <row r="372" spans="1:16">
      <c r="A372" s="37"/>
      <c r="B372" s="37"/>
      <c r="C372" s="37"/>
      <c r="D372" s="37"/>
      <c r="E372" s="37"/>
      <c r="F372" s="37"/>
      <c r="G372" s="37"/>
      <c r="H372" s="37"/>
      <c r="I372" s="37"/>
      <c r="J372" s="37"/>
      <c r="K372" s="37"/>
      <c r="L372" s="37"/>
      <c r="M372" s="37"/>
      <c r="N372" s="37"/>
      <c r="O372" s="37"/>
      <c r="P372" s="37"/>
    </row>
    <row r="373" spans="1:16">
      <c r="A373" s="37"/>
      <c r="B373" s="37"/>
      <c r="C373" s="37"/>
      <c r="D373" s="37"/>
      <c r="E373" s="37"/>
      <c r="F373" s="37"/>
      <c r="G373" s="37"/>
      <c r="H373" s="37"/>
      <c r="I373" s="37"/>
      <c r="J373" s="37"/>
      <c r="K373" s="37"/>
      <c r="L373" s="37"/>
      <c r="M373" s="37"/>
      <c r="N373" s="37"/>
      <c r="O373" s="37"/>
      <c r="P373" s="37"/>
    </row>
    <row r="374" spans="1:16">
      <c r="A374" s="37"/>
      <c r="B374" s="37"/>
      <c r="C374" s="37"/>
      <c r="D374" s="37"/>
      <c r="E374" s="37"/>
      <c r="F374" s="37"/>
      <c r="G374" s="37"/>
      <c r="H374" s="37"/>
      <c r="I374" s="37"/>
      <c r="J374" s="37"/>
      <c r="K374" s="37"/>
      <c r="L374" s="37"/>
      <c r="M374" s="37"/>
      <c r="N374" s="37"/>
      <c r="O374" s="37"/>
      <c r="P374" s="37"/>
    </row>
    <row r="375" spans="1:16">
      <c r="A375" s="37"/>
      <c r="B375" s="37"/>
      <c r="C375" s="37"/>
      <c r="D375" s="37"/>
      <c r="E375" s="37"/>
      <c r="F375" s="37"/>
      <c r="G375" s="37"/>
      <c r="H375" s="37"/>
      <c r="I375" s="37"/>
      <c r="J375" s="37"/>
      <c r="K375" s="37"/>
      <c r="L375" s="37"/>
      <c r="M375" s="37"/>
      <c r="N375" s="37"/>
      <c r="O375" s="37"/>
      <c r="P375" s="37"/>
    </row>
    <row r="376" spans="1:16">
      <c r="A376" s="37"/>
      <c r="B376" s="37"/>
      <c r="C376" s="37"/>
      <c r="D376" s="37"/>
      <c r="E376" s="37"/>
      <c r="F376" s="37"/>
      <c r="G376" s="37"/>
      <c r="H376" s="37"/>
      <c r="I376" s="37"/>
      <c r="J376" s="37"/>
      <c r="K376" s="37"/>
      <c r="L376" s="37"/>
      <c r="M376" s="37"/>
      <c r="N376" s="37"/>
      <c r="O376" s="37"/>
      <c r="P376" s="37"/>
    </row>
    <row r="377" spans="1:16">
      <c r="A377" s="37"/>
      <c r="B377" s="37"/>
      <c r="C377" s="37"/>
      <c r="D377" s="37"/>
      <c r="E377" s="37"/>
      <c r="F377" s="37"/>
      <c r="G377" s="37"/>
      <c r="H377" s="37"/>
      <c r="I377" s="37"/>
      <c r="J377" s="37"/>
      <c r="K377" s="37"/>
      <c r="L377" s="37"/>
      <c r="M377" s="37"/>
      <c r="N377" s="37"/>
      <c r="O377" s="37"/>
      <c r="P377" s="37"/>
    </row>
    <row r="378" spans="1:16">
      <c r="A378" s="37"/>
      <c r="B378" s="37"/>
      <c r="C378" s="37"/>
      <c r="D378" s="37"/>
      <c r="E378" s="37"/>
      <c r="F378" s="37"/>
      <c r="G378" s="37"/>
      <c r="H378" s="37"/>
      <c r="I378" s="37"/>
      <c r="J378" s="37"/>
      <c r="K378" s="37"/>
      <c r="L378" s="37"/>
      <c r="M378" s="37"/>
      <c r="N378" s="37"/>
      <c r="O378" s="37"/>
      <c r="P378" s="37"/>
    </row>
    <row r="379" spans="1:16">
      <c r="A379" s="37"/>
      <c r="B379" s="37"/>
      <c r="C379" s="37"/>
      <c r="D379" s="37"/>
      <c r="E379" s="37"/>
      <c r="F379" s="37"/>
      <c r="G379" s="37"/>
      <c r="H379" s="37"/>
      <c r="I379" s="37"/>
      <c r="J379" s="37"/>
      <c r="K379" s="37"/>
      <c r="L379" s="37"/>
      <c r="M379" s="37"/>
      <c r="N379" s="37"/>
      <c r="O379" s="37"/>
      <c r="P379" s="37"/>
    </row>
    <row r="380" spans="1:16">
      <c r="A380" s="37"/>
      <c r="B380" s="37"/>
      <c r="C380" s="37"/>
      <c r="D380" s="37"/>
      <c r="E380" s="37"/>
      <c r="F380" s="37"/>
      <c r="G380" s="37"/>
      <c r="H380" s="37"/>
      <c r="I380" s="37"/>
      <c r="J380" s="37"/>
      <c r="K380" s="37"/>
      <c r="L380" s="37"/>
      <c r="M380" s="37"/>
      <c r="N380" s="37"/>
      <c r="O380" s="37"/>
      <c r="P380" s="37"/>
    </row>
    <row r="381" spans="1:16">
      <c r="A381" s="37"/>
      <c r="B381" s="37"/>
      <c r="C381" s="37"/>
      <c r="D381" s="37"/>
      <c r="E381" s="37"/>
      <c r="F381" s="37"/>
      <c r="G381" s="37"/>
      <c r="H381" s="37"/>
      <c r="I381" s="37"/>
      <c r="J381" s="37"/>
      <c r="K381" s="37"/>
      <c r="L381" s="37"/>
      <c r="M381" s="37"/>
      <c r="N381" s="37"/>
      <c r="O381" s="37"/>
      <c r="P381" s="37"/>
    </row>
    <row r="382" spans="1:16">
      <c r="A382" s="37"/>
      <c r="B382" s="37"/>
      <c r="C382" s="37"/>
      <c r="D382" s="37"/>
      <c r="E382" s="37"/>
      <c r="F382" s="37"/>
      <c r="G382" s="37"/>
      <c r="H382" s="37"/>
      <c r="I382" s="37"/>
      <c r="J382" s="37"/>
      <c r="K382" s="37"/>
      <c r="L382" s="37"/>
      <c r="M382" s="37"/>
      <c r="N382" s="37"/>
      <c r="O382" s="37"/>
      <c r="P382" s="37"/>
    </row>
    <row r="383" spans="1:16">
      <c r="A383" s="37"/>
      <c r="B383" s="37"/>
      <c r="C383" s="37"/>
      <c r="D383" s="37"/>
      <c r="E383" s="37"/>
      <c r="F383" s="37"/>
      <c r="G383" s="37"/>
      <c r="H383" s="37"/>
      <c r="I383" s="37"/>
      <c r="J383" s="37"/>
      <c r="K383" s="37"/>
      <c r="L383" s="37"/>
      <c r="M383" s="37"/>
      <c r="N383" s="37"/>
      <c r="O383" s="37"/>
      <c r="P383" s="37"/>
    </row>
    <row r="384" spans="1:16">
      <c r="A384" s="37"/>
      <c r="B384" s="37"/>
      <c r="C384" s="37"/>
      <c r="D384" s="37"/>
      <c r="E384" s="37"/>
      <c r="F384" s="37"/>
      <c r="G384" s="37"/>
      <c r="H384" s="37"/>
      <c r="I384" s="37"/>
      <c r="J384" s="37"/>
      <c r="K384" s="37"/>
      <c r="L384" s="37"/>
      <c r="M384" s="37"/>
      <c r="N384" s="37"/>
      <c r="O384" s="37"/>
      <c r="P384" s="37"/>
    </row>
    <row r="385" spans="1:16">
      <c r="A385" s="37"/>
      <c r="B385" s="37"/>
      <c r="C385" s="37"/>
      <c r="D385" s="37"/>
      <c r="E385" s="37"/>
      <c r="F385" s="37"/>
      <c r="G385" s="37"/>
      <c r="H385" s="37"/>
      <c r="I385" s="37"/>
      <c r="J385" s="37"/>
      <c r="K385" s="37"/>
      <c r="L385" s="37"/>
      <c r="M385" s="37"/>
      <c r="N385" s="37"/>
      <c r="O385" s="37"/>
      <c r="P385" s="37"/>
    </row>
    <row r="386" spans="1:16">
      <c r="A386" s="37"/>
      <c r="B386" s="37"/>
      <c r="C386" s="37"/>
      <c r="D386" s="37"/>
      <c r="E386" s="37"/>
      <c r="F386" s="37"/>
      <c r="G386" s="37"/>
      <c r="H386" s="37"/>
      <c r="I386" s="37"/>
      <c r="J386" s="37"/>
      <c r="K386" s="37"/>
      <c r="L386" s="37"/>
      <c r="M386" s="37"/>
      <c r="N386" s="37"/>
      <c r="O386" s="37"/>
      <c r="P386" s="37"/>
    </row>
    <row r="387" spans="1:16">
      <c r="A387" s="37"/>
      <c r="B387" s="37"/>
      <c r="C387" s="37"/>
      <c r="D387" s="37"/>
      <c r="E387" s="37"/>
      <c r="F387" s="37"/>
      <c r="G387" s="37"/>
      <c r="H387" s="37"/>
      <c r="I387" s="37"/>
      <c r="J387" s="37"/>
      <c r="K387" s="37"/>
      <c r="L387" s="37"/>
      <c r="M387" s="37"/>
      <c r="N387" s="37"/>
      <c r="O387" s="37"/>
      <c r="P387" s="37"/>
    </row>
    <row r="388" spans="1:16">
      <c r="A388" s="37"/>
      <c r="B388" s="37"/>
      <c r="C388" s="37"/>
      <c r="D388" s="37"/>
      <c r="E388" s="37"/>
      <c r="F388" s="37"/>
      <c r="G388" s="37"/>
      <c r="H388" s="37"/>
      <c r="I388" s="37"/>
      <c r="J388" s="37"/>
      <c r="K388" s="37"/>
      <c r="L388" s="37"/>
      <c r="M388" s="37"/>
      <c r="N388" s="37"/>
      <c r="O388" s="37"/>
      <c r="P388" s="37"/>
    </row>
    <row r="389" spans="1:16">
      <c r="A389" s="37"/>
      <c r="B389" s="37"/>
      <c r="C389" s="37"/>
      <c r="D389" s="37"/>
      <c r="E389" s="37"/>
      <c r="F389" s="37"/>
      <c r="G389" s="37"/>
      <c r="H389" s="37"/>
      <c r="I389" s="37"/>
      <c r="J389" s="37"/>
      <c r="K389" s="37"/>
      <c r="L389" s="37"/>
      <c r="M389" s="37"/>
      <c r="N389" s="37"/>
      <c r="O389" s="37"/>
      <c r="P389" s="37"/>
    </row>
    <row r="390" spans="1:16">
      <c r="A390" s="37"/>
      <c r="B390" s="37"/>
      <c r="C390" s="37"/>
      <c r="D390" s="37"/>
      <c r="E390" s="37"/>
      <c r="F390" s="37"/>
      <c r="G390" s="37"/>
      <c r="H390" s="37"/>
      <c r="I390" s="37"/>
      <c r="J390" s="37"/>
      <c r="K390" s="37"/>
      <c r="L390" s="37"/>
      <c r="M390" s="37"/>
      <c r="N390" s="37"/>
      <c r="O390" s="37"/>
      <c r="P390" s="37"/>
    </row>
    <row r="391" spans="1:16">
      <c r="A391" s="37"/>
      <c r="B391" s="37"/>
      <c r="C391" s="37"/>
      <c r="D391" s="37"/>
      <c r="E391" s="37"/>
      <c r="F391" s="37"/>
      <c r="G391" s="37"/>
      <c r="H391" s="37"/>
      <c r="I391" s="37"/>
      <c r="J391" s="37"/>
      <c r="K391" s="37"/>
      <c r="L391" s="37"/>
      <c r="M391" s="37"/>
      <c r="N391" s="37"/>
      <c r="O391" s="37"/>
      <c r="P391" s="37"/>
    </row>
    <row r="392" spans="1:16">
      <c r="A392" s="37"/>
      <c r="B392" s="37"/>
      <c r="C392" s="37"/>
      <c r="D392" s="37"/>
      <c r="E392" s="37"/>
      <c r="F392" s="37"/>
      <c r="G392" s="37"/>
      <c r="H392" s="37"/>
      <c r="I392" s="37"/>
      <c r="J392" s="37"/>
      <c r="K392" s="37"/>
      <c r="L392" s="37"/>
      <c r="M392" s="37"/>
      <c r="N392" s="37"/>
      <c r="O392" s="37"/>
      <c r="P392" s="37"/>
    </row>
    <row r="393" spans="1:16">
      <c r="A393" s="37"/>
      <c r="B393" s="37"/>
      <c r="C393" s="37"/>
      <c r="D393" s="37"/>
      <c r="E393" s="37"/>
      <c r="F393" s="37"/>
      <c r="G393" s="37"/>
      <c r="H393" s="37"/>
      <c r="I393" s="37"/>
      <c r="J393" s="37"/>
      <c r="K393" s="37"/>
      <c r="L393" s="37"/>
      <c r="M393" s="37"/>
      <c r="N393" s="37"/>
      <c r="O393" s="37"/>
      <c r="P393" s="37"/>
    </row>
    <row r="394" spans="1:16">
      <c r="A394" s="37"/>
      <c r="B394" s="37"/>
      <c r="C394" s="37"/>
      <c r="D394" s="37"/>
      <c r="E394" s="37"/>
      <c r="F394" s="37"/>
      <c r="G394" s="37"/>
      <c r="H394" s="37"/>
      <c r="I394" s="37"/>
      <c r="J394" s="37"/>
      <c r="K394" s="37"/>
      <c r="L394" s="37"/>
      <c r="M394" s="37"/>
      <c r="N394" s="37"/>
      <c r="O394" s="37"/>
      <c r="P394" s="37"/>
    </row>
    <row r="395" spans="1:16">
      <c r="A395" s="37"/>
      <c r="B395" s="37"/>
      <c r="C395" s="37"/>
      <c r="D395" s="37"/>
      <c r="E395" s="37"/>
      <c r="F395" s="37"/>
      <c r="G395" s="37"/>
      <c r="H395" s="37"/>
      <c r="I395" s="37"/>
      <c r="J395" s="37"/>
      <c r="K395" s="37"/>
      <c r="L395" s="37"/>
      <c r="M395" s="37"/>
      <c r="N395" s="37"/>
      <c r="O395" s="37"/>
      <c r="P395" s="37"/>
    </row>
    <row r="396" spans="1:16">
      <c r="A396" s="37"/>
      <c r="B396" s="37"/>
      <c r="C396" s="37"/>
      <c r="D396" s="37"/>
      <c r="E396" s="37"/>
      <c r="F396" s="37"/>
      <c r="G396" s="37"/>
      <c r="H396" s="37"/>
      <c r="I396" s="37"/>
      <c r="J396" s="37"/>
      <c r="K396" s="37"/>
      <c r="L396" s="37"/>
      <c r="M396" s="37"/>
      <c r="N396" s="37"/>
      <c r="O396" s="37"/>
      <c r="P396" s="37"/>
    </row>
    <row r="397" spans="1:16">
      <c r="A397" s="37"/>
      <c r="B397" s="37"/>
      <c r="C397" s="37"/>
      <c r="D397" s="37"/>
      <c r="E397" s="37"/>
      <c r="F397" s="37"/>
      <c r="G397" s="37"/>
      <c r="H397" s="37"/>
      <c r="I397" s="37"/>
      <c r="J397" s="37"/>
      <c r="K397" s="37"/>
      <c r="L397" s="37"/>
      <c r="M397" s="37"/>
      <c r="N397" s="37"/>
      <c r="O397" s="37"/>
      <c r="P397" s="37"/>
    </row>
    <row r="398" spans="1:16">
      <c r="A398" s="37"/>
      <c r="B398" s="37"/>
      <c r="C398" s="37"/>
      <c r="D398" s="37"/>
      <c r="E398" s="37"/>
      <c r="F398" s="37"/>
      <c r="G398" s="37"/>
      <c r="H398" s="37"/>
      <c r="I398" s="37"/>
      <c r="J398" s="37"/>
      <c r="K398" s="37"/>
      <c r="L398" s="37"/>
      <c r="M398" s="37"/>
      <c r="N398" s="37"/>
      <c r="O398" s="37"/>
      <c r="P398" s="37"/>
    </row>
    <row r="399" spans="1:16">
      <c r="A399" s="37"/>
      <c r="B399" s="37"/>
      <c r="C399" s="37"/>
      <c r="D399" s="37"/>
      <c r="E399" s="37"/>
      <c r="F399" s="37"/>
      <c r="G399" s="37"/>
      <c r="H399" s="37"/>
      <c r="I399" s="37"/>
      <c r="J399" s="37"/>
      <c r="K399" s="37"/>
      <c r="L399" s="37"/>
      <c r="M399" s="37"/>
      <c r="N399" s="37"/>
      <c r="O399" s="37"/>
      <c r="P399" s="37"/>
    </row>
    <row r="400" spans="1:16">
      <c r="A400" s="37"/>
      <c r="B400" s="37"/>
      <c r="C400" s="37"/>
      <c r="D400" s="37"/>
      <c r="E400" s="37"/>
      <c r="F400" s="37"/>
      <c r="G400" s="37"/>
      <c r="H400" s="37"/>
      <c r="I400" s="37"/>
      <c r="J400" s="37"/>
      <c r="K400" s="37"/>
      <c r="L400" s="37"/>
      <c r="M400" s="37"/>
      <c r="N400" s="37"/>
      <c r="O400" s="37"/>
      <c r="P400" s="37"/>
    </row>
    <row r="401" spans="1:16">
      <c r="A401" s="37"/>
      <c r="B401" s="37"/>
      <c r="C401" s="37"/>
      <c r="D401" s="37"/>
      <c r="E401" s="37"/>
      <c r="F401" s="37"/>
      <c r="G401" s="37"/>
      <c r="H401" s="37"/>
      <c r="I401" s="37"/>
      <c r="J401" s="37"/>
      <c r="K401" s="37"/>
      <c r="L401" s="37"/>
      <c r="M401" s="37"/>
      <c r="N401" s="37"/>
      <c r="O401" s="37"/>
      <c r="P401" s="37"/>
    </row>
    <row r="402" spans="1:16">
      <c r="A402" s="37"/>
      <c r="B402" s="37"/>
      <c r="C402" s="37"/>
      <c r="D402" s="37"/>
      <c r="E402" s="37"/>
      <c r="F402" s="37"/>
      <c r="G402" s="37"/>
      <c r="H402" s="37"/>
      <c r="I402" s="37"/>
      <c r="J402" s="37"/>
      <c r="K402" s="37"/>
      <c r="L402" s="37"/>
      <c r="M402" s="37"/>
      <c r="N402" s="37"/>
      <c r="O402" s="37"/>
      <c r="P402" s="37"/>
    </row>
    <row r="403" spans="1:16">
      <c r="A403" s="37"/>
      <c r="B403" s="37"/>
      <c r="C403" s="37"/>
      <c r="D403" s="37"/>
      <c r="E403" s="37"/>
      <c r="F403" s="37"/>
      <c r="G403" s="37"/>
      <c r="H403" s="37"/>
      <c r="I403" s="37"/>
      <c r="J403" s="37"/>
      <c r="K403" s="37"/>
      <c r="L403" s="37"/>
      <c r="M403" s="37"/>
      <c r="N403" s="37"/>
      <c r="O403" s="37"/>
      <c r="P403" s="37"/>
    </row>
    <row r="404" spans="1:16">
      <c r="A404" s="37"/>
      <c r="B404" s="37"/>
      <c r="C404" s="37"/>
      <c r="D404" s="37"/>
      <c r="E404" s="37"/>
      <c r="F404" s="37"/>
      <c r="G404" s="37"/>
      <c r="H404" s="37"/>
      <c r="I404" s="37"/>
      <c r="J404" s="37"/>
      <c r="K404" s="37"/>
      <c r="L404" s="37"/>
      <c r="M404" s="37"/>
      <c r="N404" s="37"/>
      <c r="O404" s="37"/>
      <c r="P404" s="37"/>
    </row>
    <row r="405" spans="1:16">
      <c r="A405" s="37"/>
      <c r="B405" s="37"/>
      <c r="C405" s="37"/>
      <c r="D405" s="37"/>
      <c r="E405" s="37"/>
      <c r="F405" s="37"/>
      <c r="G405" s="37"/>
      <c r="H405" s="37"/>
      <c r="I405" s="37"/>
      <c r="J405" s="37"/>
      <c r="K405" s="37"/>
      <c r="L405" s="37"/>
      <c r="M405" s="37"/>
      <c r="N405" s="37"/>
      <c r="O405" s="37"/>
      <c r="P405" s="37"/>
    </row>
    <row r="406" spans="1:16">
      <c r="A406" s="37"/>
      <c r="B406" s="37"/>
      <c r="C406" s="37"/>
      <c r="D406" s="37"/>
      <c r="E406" s="37"/>
      <c r="F406" s="37"/>
      <c r="G406" s="37"/>
      <c r="H406" s="37"/>
      <c r="I406" s="37"/>
      <c r="J406" s="37"/>
      <c r="K406" s="37"/>
      <c r="L406" s="37"/>
      <c r="M406" s="37"/>
      <c r="N406" s="37"/>
      <c r="O406" s="37"/>
      <c r="P406" s="37"/>
    </row>
    <row r="407" spans="1:16">
      <c r="A407" s="37"/>
      <c r="B407" s="37"/>
      <c r="C407" s="37"/>
      <c r="D407" s="37"/>
      <c r="E407" s="37"/>
      <c r="F407" s="37"/>
      <c r="G407" s="37"/>
      <c r="H407" s="37"/>
      <c r="I407" s="37"/>
      <c r="J407" s="37"/>
      <c r="K407" s="37"/>
      <c r="L407" s="37"/>
      <c r="M407" s="37"/>
      <c r="N407" s="37"/>
      <c r="O407" s="37"/>
      <c r="P407" s="37"/>
    </row>
    <row r="408" spans="1:16">
      <c r="A408" s="37"/>
      <c r="B408" s="37"/>
      <c r="C408" s="37"/>
      <c r="D408" s="37"/>
      <c r="E408" s="37"/>
      <c r="F408" s="37"/>
      <c r="G408" s="37"/>
      <c r="H408" s="37"/>
      <c r="I408" s="37"/>
      <c r="J408" s="37"/>
      <c r="K408" s="37"/>
      <c r="L408" s="37"/>
      <c r="M408" s="37"/>
      <c r="N408" s="37"/>
      <c r="O408" s="37"/>
      <c r="P408" s="37"/>
    </row>
    <row r="409" spans="1:16">
      <c r="A409" s="37"/>
      <c r="B409" s="37"/>
      <c r="C409" s="37"/>
      <c r="D409" s="37"/>
      <c r="E409" s="37"/>
      <c r="F409" s="37"/>
      <c r="G409" s="37"/>
      <c r="H409" s="37"/>
      <c r="I409" s="37"/>
      <c r="J409" s="37"/>
      <c r="K409" s="37"/>
      <c r="L409" s="37"/>
      <c r="M409" s="37"/>
      <c r="N409" s="37"/>
      <c r="O409" s="37"/>
      <c r="P409" s="37"/>
    </row>
    <row r="410" spans="1:16">
      <c r="A410" s="37"/>
      <c r="B410" s="37"/>
      <c r="C410" s="37"/>
      <c r="D410" s="37"/>
      <c r="E410" s="37"/>
      <c r="F410" s="37"/>
      <c r="G410" s="37"/>
      <c r="H410" s="37"/>
      <c r="I410" s="37"/>
      <c r="J410" s="37"/>
      <c r="K410" s="37"/>
      <c r="L410" s="37"/>
      <c r="M410" s="37"/>
      <c r="N410" s="37"/>
      <c r="O410" s="37"/>
      <c r="P410" s="37"/>
    </row>
    <row r="411" spans="1:16">
      <c r="A411" s="37"/>
      <c r="B411" s="37"/>
      <c r="C411" s="37"/>
      <c r="D411" s="37"/>
      <c r="E411" s="37"/>
      <c r="F411" s="37"/>
      <c r="G411" s="37"/>
      <c r="H411" s="37"/>
      <c r="I411" s="37"/>
      <c r="J411" s="37"/>
      <c r="K411" s="37"/>
      <c r="L411" s="37"/>
      <c r="M411" s="37"/>
      <c r="N411" s="37"/>
      <c r="O411" s="37"/>
      <c r="P411" s="37"/>
    </row>
    <row r="412" spans="1:16">
      <c r="A412" s="37"/>
      <c r="B412" s="37"/>
      <c r="C412" s="37"/>
      <c r="D412" s="37"/>
      <c r="E412" s="37"/>
      <c r="F412" s="37"/>
      <c r="G412" s="37"/>
      <c r="H412" s="37"/>
      <c r="I412" s="37"/>
      <c r="J412" s="37"/>
      <c r="K412" s="37"/>
      <c r="L412" s="37"/>
      <c r="M412" s="37"/>
      <c r="N412" s="37"/>
      <c r="O412" s="37"/>
      <c r="P412" s="37"/>
    </row>
    <row r="413" spans="1:16">
      <c r="A413" s="37"/>
      <c r="B413" s="37"/>
      <c r="C413" s="37"/>
      <c r="D413" s="37"/>
      <c r="E413" s="37"/>
      <c r="F413" s="37"/>
      <c r="G413" s="37"/>
      <c r="H413" s="37"/>
      <c r="I413" s="37"/>
      <c r="J413" s="37"/>
      <c r="K413" s="37"/>
      <c r="L413" s="37"/>
      <c r="M413" s="37"/>
      <c r="N413" s="37"/>
      <c r="O413" s="37"/>
      <c r="P413" s="37"/>
    </row>
    <row r="414" spans="1:16">
      <c r="A414" s="37"/>
      <c r="B414" s="37"/>
      <c r="C414" s="37"/>
      <c r="D414" s="37"/>
      <c r="E414" s="37"/>
      <c r="F414" s="37"/>
      <c r="G414" s="37"/>
      <c r="H414" s="37"/>
      <c r="I414" s="37"/>
      <c r="J414" s="37"/>
      <c r="K414" s="37"/>
      <c r="L414" s="37"/>
      <c r="M414" s="37"/>
      <c r="N414" s="37"/>
      <c r="O414" s="37"/>
      <c r="P414" s="37"/>
    </row>
    <row r="415" spans="1:16">
      <c r="A415" s="37"/>
      <c r="B415" s="37"/>
      <c r="C415" s="37"/>
      <c r="D415" s="37"/>
      <c r="E415" s="37"/>
      <c r="F415" s="37"/>
      <c r="G415" s="37"/>
      <c r="H415" s="37"/>
      <c r="I415" s="37"/>
      <c r="J415" s="37"/>
      <c r="K415" s="37"/>
      <c r="L415" s="37"/>
      <c r="M415" s="37"/>
      <c r="N415" s="37"/>
      <c r="O415" s="37"/>
      <c r="P415" s="37"/>
    </row>
    <row r="416" spans="1:16">
      <c r="A416" s="37"/>
      <c r="B416" s="37"/>
      <c r="C416" s="37"/>
      <c r="D416" s="37"/>
      <c r="E416" s="37"/>
      <c r="F416" s="37"/>
      <c r="G416" s="37"/>
      <c r="H416" s="37"/>
      <c r="I416" s="37"/>
      <c r="J416" s="37"/>
      <c r="K416" s="37"/>
      <c r="L416" s="37"/>
      <c r="M416" s="37"/>
      <c r="N416" s="37"/>
      <c r="O416" s="37"/>
      <c r="P416" s="37"/>
    </row>
    <row r="417" spans="1:16">
      <c r="A417" s="37"/>
      <c r="B417" s="37"/>
      <c r="C417" s="37"/>
      <c r="D417" s="37"/>
      <c r="E417" s="37"/>
      <c r="F417" s="37"/>
      <c r="G417" s="37"/>
      <c r="H417" s="37"/>
      <c r="I417" s="37"/>
      <c r="J417" s="37"/>
      <c r="K417" s="37"/>
      <c r="L417" s="37"/>
      <c r="M417" s="37"/>
      <c r="N417" s="37"/>
      <c r="O417" s="37"/>
      <c r="P417" s="37"/>
    </row>
    <row r="418" spans="1:16">
      <c r="A418" s="37"/>
      <c r="B418" s="37"/>
      <c r="C418" s="37"/>
      <c r="D418" s="37"/>
      <c r="E418" s="37"/>
      <c r="F418" s="37"/>
      <c r="G418" s="37"/>
      <c r="H418" s="37"/>
      <c r="I418" s="37"/>
      <c r="J418" s="37"/>
      <c r="K418" s="37"/>
      <c r="L418" s="37"/>
      <c r="M418" s="37"/>
      <c r="N418" s="37"/>
      <c r="O418" s="37"/>
      <c r="P418" s="37"/>
    </row>
    <row r="419" spans="1:16">
      <c r="A419" s="37"/>
      <c r="B419" s="37"/>
      <c r="C419" s="37"/>
      <c r="D419" s="37"/>
      <c r="E419" s="37"/>
      <c r="F419" s="37"/>
      <c r="G419" s="37"/>
      <c r="H419" s="37"/>
      <c r="I419" s="37"/>
      <c r="J419" s="37"/>
      <c r="K419" s="37"/>
      <c r="L419" s="37"/>
      <c r="M419" s="37"/>
      <c r="N419" s="37"/>
      <c r="O419" s="37"/>
      <c r="P419" s="37"/>
    </row>
    <row r="420" spans="1:16">
      <c r="A420" s="37"/>
      <c r="B420" s="37"/>
      <c r="C420" s="37"/>
      <c r="D420" s="37"/>
      <c r="E420" s="37"/>
      <c r="F420" s="37"/>
      <c r="G420" s="37"/>
      <c r="H420" s="37"/>
      <c r="I420" s="37"/>
      <c r="J420" s="37"/>
      <c r="K420" s="37"/>
      <c r="L420" s="37"/>
      <c r="M420" s="37"/>
      <c r="N420" s="37"/>
      <c r="O420" s="37"/>
      <c r="P420" s="37"/>
    </row>
    <row r="421" spans="1:16">
      <c r="A421" s="37"/>
      <c r="B421" s="37"/>
      <c r="C421" s="37"/>
      <c r="D421" s="37"/>
      <c r="E421" s="37"/>
      <c r="F421" s="37"/>
      <c r="G421" s="37"/>
      <c r="H421" s="37"/>
      <c r="I421" s="37"/>
      <c r="J421" s="37"/>
      <c r="K421" s="37"/>
      <c r="L421" s="37"/>
      <c r="M421" s="37"/>
      <c r="N421" s="37"/>
      <c r="O421" s="37"/>
      <c r="P421" s="37"/>
    </row>
    <row r="422" spans="1:16">
      <c r="A422" s="37"/>
      <c r="B422" s="37"/>
      <c r="C422" s="37"/>
      <c r="D422" s="37"/>
      <c r="E422" s="37"/>
      <c r="F422" s="37"/>
      <c r="G422" s="37"/>
      <c r="H422" s="37"/>
      <c r="I422" s="37"/>
      <c r="J422" s="37"/>
      <c r="K422" s="37"/>
      <c r="L422" s="37"/>
      <c r="M422" s="37"/>
      <c r="N422" s="37"/>
      <c r="O422" s="37"/>
      <c r="P422" s="37"/>
    </row>
    <row r="423" spans="1:16">
      <c r="A423" s="37"/>
      <c r="B423" s="37"/>
      <c r="C423" s="37"/>
      <c r="D423" s="37"/>
      <c r="E423" s="37"/>
      <c r="F423" s="37"/>
      <c r="G423" s="37"/>
      <c r="H423" s="37"/>
      <c r="I423" s="37"/>
      <c r="J423" s="37"/>
      <c r="K423" s="37"/>
      <c r="L423" s="37"/>
      <c r="M423" s="37"/>
      <c r="N423" s="37"/>
      <c r="O423" s="37"/>
      <c r="P423" s="37"/>
    </row>
    <row r="424" spans="1:16">
      <c r="A424" s="37"/>
      <c r="B424" s="37"/>
      <c r="C424" s="37"/>
      <c r="D424" s="37"/>
      <c r="E424" s="37"/>
      <c r="F424" s="37"/>
      <c r="G424" s="37"/>
      <c r="H424" s="37"/>
      <c r="I424" s="37"/>
      <c r="J424" s="37"/>
      <c r="K424" s="37"/>
      <c r="L424" s="37"/>
      <c r="M424" s="37"/>
      <c r="N424" s="37"/>
      <c r="O424" s="37"/>
      <c r="P424" s="37"/>
    </row>
    <row r="425" spans="1:16">
      <c r="A425" s="37"/>
      <c r="B425" s="37"/>
      <c r="C425" s="37"/>
      <c r="D425" s="37"/>
      <c r="E425" s="37"/>
      <c r="F425" s="37"/>
      <c r="G425" s="37"/>
      <c r="H425" s="37"/>
      <c r="I425" s="37"/>
      <c r="J425" s="37"/>
      <c r="K425" s="37"/>
      <c r="L425" s="37"/>
      <c r="M425" s="37"/>
      <c r="N425" s="37"/>
      <c r="O425" s="37"/>
      <c r="P425" s="37"/>
    </row>
    <row r="426" spans="1:16">
      <c r="A426" s="37"/>
      <c r="B426" s="37"/>
      <c r="C426" s="37"/>
      <c r="D426" s="37"/>
      <c r="E426" s="37"/>
      <c r="F426" s="37"/>
      <c r="G426" s="37"/>
      <c r="H426" s="37"/>
      <c r="I426" s="37"/>
      <c r="J426" s="37"/>
      <c r="K426" s="37"/>
      <c r="L426" s="37"/>
      <c r="M426" s="37"/>
      <c r="N426" s="37"/>
      <c r="O426" s="37"/>
      <c r="P426" s="37"/>
    </row>
    <row r="427" spans="1:16">
      <c r="A427" s="37"/>
      <c r="B427" s="37"/>
      <c r="C427" s="37"/>
      <c r="D427" s="37"/>
      <c r="E427" s="37"/>
      <c r="F427" s="37"/>
      <c r="G427" s="37"/>
      <c r="H427" s="37"/>
      <c r="I427" s="37"/>
      <c r="J427" s="37"/>
      <c r="K427" s="37"/>
      <c r="L427" s="37"/>
      <c r="M427" s="37"/>
      <c r="N427" s="37"/>
      <c r="O427" s="37"/>
      <c r="P427" s="37"/>
    </row>
    <row r="428" spans="1:16">
      <c r="A428" s="37"/>
      <c r="B428" s="37"/>
      <c r="C428" s="37"/>
      <c r="D428" s="37"/>
      <c r="E428" s="37"/>
      <c r="F428" s="37"/>
      <c r="G428" s="37"/>
      <c r="H428" s="37"/>
      <c r="I428" s="37"/>
      <c r="J428" s="37"/>
      <c r="K428" s="37"/>
      <c r="L428" s="37"/>
      <c r="M428" s="37"/>
      <c r="N428" s="37"/>
      <c r="O428" s="37"/>
      <c r="P428" s="37"/>
    </row>
    <row r="429" spans="1:16">
      <c r="A429" s="37"/>
      <c r="B429" s="37"/>
      <c r="C429" s="37"/>
      <c r="D429" s="37"/>
      <c r="E429" s="37"/>
      <c r="F429" s="37"/>
      <c r="G429" s="37"/>
      <c r="H429" s="37"/>
      <c r="I429" s="37"/>
      <c r="J429" s="37"/>
      <c r="K429" s="37"/>
      <c r="L429" s="37"/>
      <c r="M429" s="37"/>
      <c r="N429" s="37"/>
      <c r="O429" s="37"/>
      <c r="P429" s="37"/>
    </row>
    <row r="430" spans="1:16">
      <c r="A430" s="37"/>
      <c r="B430" s="37"/>
      <c r="C430" s="37"/>
      <c r="D430" s="37"/>
      <c r="E430" s="37"/>
      <c r="F430" s="37"/>
      <c r="G430" s="37"/>
      <c r="H430" s="37"/>
      <c r="I430" s="37"/>
      <c r="J430" s="37"/>
      <c r="K430" s="37"/>
      <c r="L430" s="37"/>
      <c r="M430" s="37"/>
      <c r="N430" s="37"/>
      <c r="O430" s="37"/>
      <c r="P430" s="37"/>
    </row>
    <row r="431" spans="1:16">
      <c r="A431" s="37"/>
      <c r="B431" s="37"/>
      <c r="C431" s="37"/>
      <c r="D431" s="37"/>
      <c r="E431" s="37"/>
      <c r="F431" s="37"/>
      <c r="G431" s="37"/>
      <c r="H431" s="37"/>
      <c r="I431" s="37"/>
      <c r="J431" s="37"/>
      <c r="K431" s="37"/>
      <c r="L431" s="37"/>
      <c r="M431" s="37"/>
      <c r="N431" s="37"/>
      <c r="O431" s="37"/>
      <c r="P431" s="37"/>
    </row>
    <row r="432" spans="1:16">
      <c r="A432" s="37"/>
      <c r="B432" s="37"/>
      <c r="C432" s="37"/>
      <c r="D432" s="37"/>
      <c r="E432" s="37"/>
      <c r="F432" s="37"/>
      <c r="G432" s="37"/>
      <c r="H432" s="37"/>
      <c r="I432" s="37"/>
      <c r="J432" s="37"/>
      <c r="K432" s="37"/>
      <c r="L432" s="37"/>
      <c r="M432" s="37"/>
      <c r="N432" s="37"/>
      <c r="O432" s="37"/>
      <c r="P432" s="37"/>
    </row>
    <row r="433" spans="1:16">
      <c r="A433" s="37"/>
      <c r="B433" s="37"/>
      <c r="C433" s="37"/>
      <c r="D433" s="37"/>
      <c r="E433" s="37"/>
      <c r="F433" s="37"/>
      <c r="G433" s="37"/>
      <c r="H433" s="37"/>
      <c r="I433" s="37"/>
      <c r="J433" s="37"/>
      <c r="K433" s="37"/>
      <c r="L433" s="37"/>
      <c r="M433" s="37"/>
      <c r="N433" s="37"/>
      <c r="O433" s="37"/>
      <c r="P433" s="37"/>
    </row>
    <row r="434" spans="1:16">
      <c r="A434" s="37"/>
      <c r="B434" s="37"/>
      <c r="C434" s="37"/>
      <c r="D434" s="37"/>
      <c r="E434" s="37"/>
      <c r="F434" s="37"/>
      <c r="G434" s="37"/>
      <c r="H434" s="37"/>
      <c r="I434" s="37"/>
      <c r="J434" s="37"/>
      <c r="K434" s="37"/>
      <c r="L434" s="37"/>
      <c r="M434" s="37"/>
      <c r="N434" s="37"/>
      <c r="O434" s="37"/>
      <c r="P434" s="37"/>
    </row>
    <row r="435" spans="1:16">
      <c r="A435" s="37"/>
      <c r="B435" s="37"/>
      <c r="C435" s="37"/>
      <c r="D435" s="37"/>
      <c r="E435" s="37"/>
      <c r="F435" s="37"/>
      <c r="G435" s="37"/>
      <c r="H435" s="37"/>
      <c r="I435" s="37"/>
      <c r="J435" s="37"/>
      <c r="K435" s="37"/>
      <c r="L435" s="37"/>
      <c r="M435" s="37"/>
      <c r="N435" s="37"/>
      <c r="O435" s="37"/>
      <c r="P435" s="37"/>
    </row>
    <row r="436" spans="1:16">
      <c r="A436" s="37"/>
      <c r="B436" s="37"/>
      <c r="C436" s="37"/>
      <c r="D436" s="37"/>
      <c r="E436" s="37"/>
      <c r="F436" s="37"/>
      <c r="G436" s="37"/>
      <c r="H436" s="37"/>
      <c r="I436" s="37"/>
      <c r="J436" s="37"/>
      <c r="K436" s="37"/>
      <c r="L436" s="37"/>
      <c r="M436" s="37"/>
      <c r="N436" s="37"/>
      <c r="O436" s="37"/>
      <c r="P436" s="37"/>
    </row>
    <row r="437" spans="1:16">
      <c r="A437" s="37"/>
      <c r="B437" s="37"/>
      <c r="C437" s="37"/>
      <c r="D437" s="37"/>
      <c r="E437" s="37"/>
      <c r="F437" s="37"/>
      <c r="G437" s="37"/>
      <c r="H437" s="37"/>
      <c r="I437" s="37"/>
      <c r="J437" s="37"/>
      <c r="K437" s="37"/>
      <c r="L437" s="37"/>
      <c r="M437" s="37"/>
      <c r="N437" s="37"/>
      <c r="O437" s="37"/>
      <c r="P437" s="37"/>
    </row>
    <row r="438" spans="1:16">
      <c r="A438" s="37"/>
      <c r="B438" s="37"/>
      <c r="C438" s="37"/>
      <c r="D438" s="37"/>
      <c r="E438" s="37"/>
      <c r="F438" s="37"/>
      <c r="G438" s="37"/>
      <c r="H438" s="37"/>
      <c r="I438" s="37"/>
      <c r="J438" s="37"/>
      <c r="K438" s="37"/>
      <c r="L438" s="37"/>
      <c r="M438" s="37"/>
      <c r="N438" s="37"/>
      <c r="O438" s="37"/>
      <c r="P438" s="37"/>
    </row>
    <row r="439" spans="1:16">
      <c r="A439" s="37"/>
      <c r="B439" s="37"/>
      <c r="C439" s="37"/>
      <c r="D439" s="37"/>
      <c r="E439" s="37"/>
      <c r="F439" s="37"/>
      <c r="G439" s="37"/>
      <c r="H439" s="37"/>
      <c r="I439" s="37"/>
      <c r="J439" s="37"/>
      <c r="K439" s="37"/>
      <c r="L439" s="37"/>
      <c r="M439" s="37"/>
      <c r="N439" s="37"/>
      <c r="O439" s="37"/>
      <c r="P439" s="37"/>
    </row>
    <row r="440" spans="1:16">
      <c r="A440" s="37"/>
      <c r="B440" s="37"/>
      <c r="C440" s="37"/>
      <c r="D440" s="37"/>
      <c r="E440" s="37"/>
      <c r="F440" s="37"/>
      <c r="G440" s="37"/>
      <c r="H440" s="37"/>
      <c r="I440" s="37"/>
      <c r="J440" s="37"/>
      <c r="K440" s="37"/>
      <c r="L440" s="37"/>
      <c r="M440" s="37"/>
      <c r="N440" s="37"/>
      <c r="O440" s="37"/>
      <c r="P440" s="37"/>
    </row>
    <row r="441" spans="1:16">
      <c r="A441" s="37"/>
      <c r="B441" s="37"/>
      <c r="C441" s="37"/>
      <c r="D441" s="37"/>
      <c r="E441" s="37"/>
      <c r="F441" s="37"/>
      <c r="G441" s="37"/>
      <c r="H441" s="37"/>
      <c r="I441" s="37"/>
      <c r="J441" s="37"/>
      <c r="K441" s="37"/>
      <c r="L441" s="37"/>
      <c r="M441" s="37"/>
      <c r="N441" s="37"/>
      <c r="O441" s="37"/>
      <c r="P441" s="37"/>
    </row>
    <row r="442" spans="1:16">
      <c r="A442" s="37"/>
      <c r="B442" s="37"/>
      <c r="C442" s="37"/>
      <c r="D442" s="37"/>
      <c r="E442" s="37"/>
      <c r="F442" s="37"/>
      <c r="G442" s="37"/>
      <c r="H442" s="37"/>
      <c r="I442" s="37"/>
      <c r="J442" s="37"/>
      <c r="K442" s="37"/>
      <c r="L442" s="37"/>
      <c r="M442" s="37"/>
      <c r="N442" s="37"/>
      <c r="O442" s="37"/>
      <c r="P442" s="37"/>
    </row>
    <row r="443" spans="1:16">
      <c r="A443" s="37"/>
      <c r="B443" s="37"/>
      <c r="C443" s="37"/>
      <c r="D443" s="37"/>
      <c r="E443" s="37"/>
      <c r="F443" s="37"/>
      <c r="G443" s="37"/>
      <c r="H443" s="37"/>
      <c r="I443" s="37"/>
      <c r="J443" s="37"/>
      <c r="K443" s="37"/>
      <c r="L443" s="37"/>
      <c r="M443" s="37"/>
      <c r="N443" s="37"/>
      <c r="O443" s="37"/>
      <c r="P443" s="37"/>
    </row>
    <row r="444" spans="1:16">
      <c r="A444" s="37"/>
      <c r="B444" s="37"/>
      <c r="C444" s="37"/>
      <c r="D444" s="37"/>
      <c r="E444" s="37"/>
      <c r="F444" s="37"/>
      <c r="G444" s="37"/>
      <c r="H444" s="37"/>
      <c r="I444" s="37"/>
      <c r="J444" s="37"/>
      <c r="K444" s="37"/>
      <c r="L444" s="37"/>
      <c r="M444" s="37"/>
      <c r="N444" s="37"/>
      <c r="O444" s="37"/>
      <c r="P444" s="37"/>
    </row>
    <row r="445" spans="1:16">
      <c r="A445" s="37"/>
      <c r="B445" s="37"/>
      <c r="C445" s="37"/>
      <c r="D445" s="37"/>
      <c r="E445" s="37"/>
      <c r="F445" s="37"/>
      <c r="G445" s="37"/>
      <c r="H445" s="37"/>
      <c r="I445" s="37"/>
      <c r="J445" s="37"/>
      <c r="K445" s="37"/>
      <c r="L445" s="37"/>
      <c r="M445" s="37"/>
      <c r="N445" s="37"/>
      <c r="O445" s="37"/>
      <c r="P445" s="37"/>
    </row>
    <row r="446" spans="1:16">
      <c r="A446" s="37"/>
      <c r="B446" s="37"/>
      <c r="C446" s="37"/>
      <c r="D446" s="37"/>
      <c r="E446" s="37"/>
      <c r="F446" s="37"/>
      <c r="G446" s="37"/>
      <c r="H446" s="37"/>
      <c r="I446" s="37"/>
      <c r="J446" s="37"/>
      <c r="K446" s="37"/>
      <c r="L446" s="37"/>
      <c r="M446" s="37"/>
      <c r="N446" s="37"/>
      <c r="O446" s="37"/>
      <c r="P446" s="37"/>
    </row>
    <row r="447" spans="1:16">
      <c r="A447" s="37"/>
      <c r="B447" s="37"/>
      <c r="C447" s="37"/>
      <c r="D447" s="37"/>
      <c r="E447" s="37"/>
      <c r="F447" s="37"/>
      <c r="G447" s="37"/>
      <c r="H447" s="37"/>
      <c r="I447" s="37"/>
      <c r="J447" s="37"/>
      <c r="K447" s="37"/>
      <c r="L447" s="37"/>
      <c r="M447" s="37"/>
      <c r="N447" s="37"/>
      <c r="O447" s="37"/>
      <c r="P447" s="37"/>
    </row>
    <row r="448" spans="1:16">
      <c r="A448" s="37"/>
      <c r="B448" s="37"/>
      <c r="C448" s="37"/>
      <c r="D448" s="37"/>
      <c r="E448" s="37"/>
      <c r="F448" s="37"/>
      <c r="G448" s="37"/>
      <c r="H448" s="37"/>
      <c r="I448" s="37"/>
      <c r="J448" s="37"/>
      <c r="K448" s="37"/>
      <c r="L448" s="37"/>
      <c r="M448" s="37"/>
      <c r="N448" s="37"/>
      <c r="O448" s="37"/>
      <c r="P448" s="37"/>
    </row>
    <row r="449" spans="1:16">
      <c r="A449" s="37"/>
      <c r="B449" s="37"/>
      <c r="C449" s="37"/>
      <c r="D449" s="37"/>
      <c r="E449" s="37"/>
      <c r="F449" s="37"/>
      <c r="G449" s="37"/>
      <c r="H449" s="37"/>
      <c r="I449" s="37"/>
      <c r="J449" s="37"/>
      <c r="K449" s="37"/>
      <c r="L449" s="37"/>
      <c r="M449" s="37"/>
      <c r="N449" s="37"/>
      <c r="O449" s="37"/>
      <c r="P449" s="37"/>
    </row>
    <row r="450" spans="1:16">
      <c r="A450" s="37"/>
      <c r="B450" s="37"/>
      <c r="C450" s="37"/>
      <c r="D450" s="37"/>
      <c r="E450" s="37"/>
      <c r="F450" s="37"/>
      <c r="G450" s="37"/>
      <c r="H450" s="37"/>
      <c r="I450" s="37"/>
      <c r="J450" s="37"/>
      <c r="K450" s="37"/>
      <c r="L450" s="37"/>
      <c r="M450" s="37"/>
      <c r="N450" s="37"/>
      <c r="O450" s="37"/>
      <c r="P450" s="37"/>
    </row>
    <row r="451" spans="1:16">
      <c r="A451" s="37"/>
      <c r="B451" s="37"/>
      <c r="C451" s="37"/>
      <c r="D451" s="37"/>
      <c r="E451" s="37"/>
      <c r="F451" s="37"/>
      <c r="G451" s="37"/>
      <c r="H451" s="37"/>
      <c r="I451" s="37"/>
      <c r="J451" s="37"/>
      <c r="K451" s="37"/>
      <c r="L451" s="37"/>
      <c r="M451" s="37"/>
      <c r="N451" s="37"/>
      <c r="O451" s="37"/>
      <c r="P451" s="37"/>
    </row>
    <row r="452" spans="1:16">
      <c r="A452" s="37"/>
      <c r="B452" s="37"/>
      <c r="C452" s="37"/>
      <c r="D452" s="37"/>
      <c r="E452" s="37"/>
      <c r="F452" s="37"/>
      <c r="G452" s="37"/>
      <c r="H452" s="37"/>
      <c r="I452" s="37"/>
      <c r="J452" s="37"/>
      <c r="K452" s="37"/>
      <c r="L452" s="37"/>
      <c r="M452" s="37"/>
      <c r="N452" s="37"/>
      <c r="O452" s="37"/>
      <c r="P452" s="37"/>
    </row>
    <row r="453" spans="1:16">
      <c r="A453" s="37"/>
      <c r="B453" s="37"/>
      <c r="C453" s="37"/>
      <c r="D453" s="37"/>
      <c r="E453" s="37"/>
      <c r="F453" s="37"/>
      <c r="G453" s="37"/>
      <c r="H453" s="37"/>
      <c r="I453" s="37"/>
      <c r="J453" s="37"/>
      <c r="K453" s="37"/>
      <c r="L453" s="37"/>
      <c r="M453" s="37"/>
      <c r="N453" s="37"/>
      <c r="O453" s="37"/>
      <c r="P453" s="37"/>
    </row>
    <row r="454" spans="1:16">
      <c r="A454" s="37"/>
      <c r="B454" s="37"/>
      <c r="C454" s="37"/>
      <c r="D454" s="37"/>
      <c r="E454" s="37"/>
      <c r="F454" s="37"/>
      <c r="G454" s="37"/>
      <c r="H454" s="37"/>
      <c r="I454" s="37"/>
      <c r="J454" s="37"/>
      <c r="K454" s="37"/>
      <c r="L454" s="37"/>
      <c r="M454" s="37"/>
      <c r="N454" s="37"/>
      <c r="O454" s="37"/>
      <c r="P454" s="37"/>
    </row>
    <row r="455" spans="1:16">
      <c r="A455" s="37"/>
      <c r="B455" s="37"/>
      <c r="C455" s="37"/>
      <c r="D455" s="37"/>
      <c r="E455" s="37"/>
      <c r="F455" s="37"/>
      <c r="G455" s="37"/>
      <c r="H455" s="37"/>
      <c r="I455" s="37"/>
      <c r="J455" s="37"/>
      <c r="K455" s="37"/>
      <c r="L455" s="37"/>
      <c r="M455" s="37"/>
      <c r="N455" s="37"/>
      <c r="O455" s="37"/>
      <c r="P455" s="37"/>
    </row>
    <row r="456" spans="1:16">
      <c r="A456" s="37"/>
      <c r="B456" s="37"/>
      <c r="C456" s="37"/>
      <c r="D456" s="37"/>
      <c r="E456" s="37"/>
      <c r="F456" s="37"/>
      <c r="G456" s="37"/>
      <c r="H456" s="37"/>
      <c r="I456" s="37"/>
      <c r="J456" s="37"/>
      <c r="K456" s="37"/>
      <c r="L456" s="37"/>
      <c r="M456" s="37"/>
      <c r="N456" s="37"/>
      <c r="O456" s="37"/>
      <c r="P456" s="37"/>
    </row>
    <row r="457" spans="1:16">
      <c r="A457" s="37"/>
      <c r="B457" s="37"/>
      <c r="C457" s="37"/>
      <c r="D457" s="37"/>
      <c r="E457" s="37"/>
      <c r="F457" s="37"/>
      <c r="G457" s="37"/>
      <c r="H457" s="37"/>
      <c r="I457" s="37"/>
      <c r="J457" s="37"/>
      <c r="K457" s="37"/>
      <c r="L457" s="37"/>
      <c r="M457" s="37"/>
      <c r="N457" s="37"/>
      <c r="O457" s="37"/>
      <c r="P457" s="37"/>
    </row>
    <row r="458" spans="1:16">
      <c r="A458" s="37"/>
      <c r="B458" s="37"/>
      <c r="C458" s="37"/>
      <c r="D458" s="37"/>
      <c r="E458" s="37"/>
      <c r="F458" s="37"/>
      <c r="G458" s="37"/>
      <c r="H458" s="37"/>
      <c r="I458" s="37"/>
      <c r="J458" s="37"/>
      <c r="K458" s="37"/>
      <c r="L458" s="37"/>
      <c r="M458" s="37"/>
      <c r="N458" s="37"/>
      <c r="O458" s="37"/>
      <c r="P458" s="37"/>
    </row>
    <row r="459" spans="1:16">
      <c r="A459" s="37"/>
      <c r="B459" s="37"/>
      <c r="C459" s="37"/>
      <c r="D459" s="37"/>
      <c r="E459" s="37"/>
      <c r="F459" s="37"/>
      <c r="G459" s="37"/>
      <c r="H459" s="37"/>
      <c r="I459" s="37"/>
      <c r="J459" s="37"/>
      <c r="K459" s="37"/>
      <c r="L459" s="37"/>
      <c r="M459" s="37"/>
      <c r="N459" s="37"/>
      <c r="O459" s="37"/>
      <c r="P459" s="37"/>
    </row>
    <row r="460" spans="1:16">
      <c r="A460" s="37"/>
      <c r="B460" s="37"/>
      <c r="C460" s="37"/>
      <c r="D460" s="37"/>
      <c r="E460" s="37"/>
      <c r="F460" s="37"/>
      <c r="G460" s="37"/>
      <c r="H460" s="37"/>
      <c r="I460" s="37"/>
      <c r="J460" s="37"/>
      <c r="K460" s="37"/>
      <c r="L460" s="37"/>
      <c r="M460" s="37"/>
      <c r="N460" s="37"/>
      <c r="O460" s="37"/>
      <c r="P460" s="37"/>
    </row>
    <row r="461" spans="1:16">
      <c r="A461" s="37"/>
      <c r="B461" s="37"/>
      <c r="C461" s="37"/>
      <c r="D461" s="37"/>
      <c r="E461" s="37"/>
      <c r="F461" s="37"/>
      <c r="G461" s="37"/>
      <c r="H461" s="37"/>
      <c r="I461" s="37"/>
      <c r="J461" s="37"/>
      <c r="K461" s="37"/>
      <c r="L461" s="37"/>
      <c r="M461" s="37"/>
      <c r="N461" s="37"/>
      <c r="O461" s="37"/>
      <c r="P461" s="37"/>
    </row>
    <row r="462" spans="1:16">
      <c r="A462" s="37"/>
      <c r="B462" s="37"/>
      <c r="C462" s="37"/>
      <c r="D462" s="37"/>
      <c r="E462" s="37"/>
      <c r="F462" s="37"/>
      <c r="G462" s="37"/>
      <c r="H462" s="37"/>
      <c r="I462" s="37"/>
      <c r="J462" s="37"/>
      <c r="K462" s="37"/>
      <c r="L462" s="37"/>
      <c r="M462" s="37"/>
      <c r="N462" s="37"/>
      <c r="O462" s="37"/>
      <c r="P462" s="37"/>
    </row>
    <row r="463" spans="1:16">
      <c r="A463" s="37"/>
      <c r="B463" s="37"/>
      <c r="C463" s="37"/>
      <c r="D463" s="37"/>
      <c r="E463" s="37"/>
      <c r="F463" s="37"/>
      <c r="G463" s="37"/>
      <c r="H463" s="37"/>
      <c r="I463" s="37"/>
      <c r="J463" s="37"/>
      <c r="K463" s="37"/>
      <c r="L463" s="37"/>
      <c r="M463" s="37"/>
      <c r="N463" s="37"/>
      <c r="O463" s="37"/>
      <c r="P463" s="37"/>
    </row>
    <row r="464" spans="1:16">
      <c r="A464" s="37"/>
      <c r="B464" s="37"/>
      <c r="C464" s="37"/>
      <c r="D464" s="37"/>
      <c r="E464" s="37"/>
      <c r="F464" s="37"/>
      <c r="G464" s="37"/>
      <c r="H464" s="37"/>
      <c r="I464" s="37"/>
      <c r="J464" s="37"/>
      <c r="K464" s="37"/>
      <c r="L464" s="37"/>
      <c r="M464" s="37"/>
      <c r="N464" s="37"/>
      <c r="O464" s="37"/>
      <c r="P464" s="37"/>
    </row>
    <row r="465" spans="1:16">
      <c r="A465" s="37"/>
      <c r="B465" s="37"/>
      <c r="C465" s="37"/>
      <c r="D465" s="37"/>
      <c r="E465" s="37"/>
      <c r="F465" s="37"/>
      <c r="G465" s="37"/>
      <c r="H465" s="37"/>
      <c r="I465" s="37"/>
      <c r="J465" s="37"/>
      <c r="K465" s="37"/>
      <c r="L465" s="37"/>
      <c r="M465" s="37"/>
      <c r="N465" s="37"/>
      <c r="O465" s="37"/>
      <c r="P465" s="37"/>
    </row>
    <row r="466" spans="1:16">
      <c r="A466" s="37"/>
      <c r="B466" s="37"/>
      <c r="C466" s="37"/>
      <c r="D466" s="37"/>
      <c r="E466" s="37"/>
      <c r="F466" s="37"/>
      <c r="G466" s="37"/>
      <c r="H466" s="37"/>
      <c r="I466" s="37"/>
      <c r="J466" s="37"/>
      <c r="K466" s="37"/>
      <c r="L466" s="37"/>
      <c r="M466" s="37"/>
      <c r="N466" s="37"/>
      <c r="O466" s="37"/>
      <c r="P466" s="37"/>
    </row>
    <row r="467" spans="1:16">
      <c r="A467" s="37"/>
      <c r="B467" s="37"/>
      <c r="C467" s="37"/>
      <c r="D467" s="37"/>
      <c r="E467" s="37"/>
      <c r="F467" s="37"/>
      <c r="G467" s="37"/>
      <c r="H467" s="37"/>
      <c r="I467" s="37"/>
      <c r="J467" s="37"/>
      <c r="K467" s="37"/>
      <c r="L467" s="37"/>
      <c r="M467" s="37"/>
      <c r="N467" s="37"/>
      <c r="O467" s="37"/>
      <c r="P467" s="37"/>
    </row>
    <row r="468" spans="1:16">
      <c r="F468" s="37"/>
      <c r="G468" s="37"/>
    </row>
    <row r="469" spans="1:16">
      <c r="F469" s="37"/>
      <c r="G469" s="37"/>
    </row>
  </sheetData>
  <autoFilter ref="A13:Q68"/>
  <mergeCells count="7">
    <mergeCell ref="E81:M81"/>
    <mergeCell ref="B70:Q70"/>
    <mergeCell ref="A1:O1"/>
    <mergeCell ref="E7:F7"/>
    <mergeCell ref="B9:Q9"/>
    <mergeCell ref="B11:Q11"/>
    <mergeCell ref="A12:Q12"/>
  </mergeCells>
  <hyperlinks>
    <hyperlink ref="F75" r:id="rId1"/>
    <hyperlink ref="F73" r:id="rId2"/>
    <hyperlink ref="F72" r:id="rId3"/>
  </hyperlinks>
  <pageMargins left="0.7" right="0.7" top="0.75" bottom="0.75" header="0.3" footer="0.3"/>
  <pageSetup paperSize="9" orientation="landscape" r:id="rId4"/>
</worksheet>
</file>

<file path=xl/worksheets/sheet16.xml><?xml version="1.0" encoding="utf-8"?>
<worksheet xmlns="http://schemas.openxmlformats.org/spreadsheetml/2006/main" xmlns:r="http://schemas.openxmlformats.org/officeDocument/2006/relationships">
  <sheetPr>
    <pageSetUpPr fitToPage="1"/>
  </sheetPr>
  <dimension ref="A1:DQ109"/>
  <sheetViews>
    <sheetView topLeftCell="A5" zoomScaleNormal="100" workbookViewId="0">
      <selection activeCell="H11" sqref="H11"/>
    </sheetView>
  </sheetViews>
  <sheetFormatPr defaultColWidth="9.140625" defaultRowHeight="15"/>
  <cols>
    <col min="1" max="1" width="6.42578125" style="11" customWidth="1"/>
    <col min="2" max="2" width="23.28515625" style="8" customWidth="1"/>
    <col min="3" max="3" width="9.28515625" style="8" customWidth="1"/>
    <col min="4" max="4" width="21.42578125" style="8" customWidth="1"/>
    <col min="5" max="5" width="17.28515625" style="103" customWidth="1"/>
    <col min="6" max="6" width="14" style="8" customWidth="1"/>
    <col min="7" max="7" width="19.5703125" style="8" customWidth="1"/>
    <col min="8" max="9" width="19.7109375" style="17" customWidth="1"/>
    <col min="10" max="10" width="12.85546875" style="17" customWidth="1"/>
    <col min="11" max="11" width="11.85546875" style="17" customWidth="1"/>
    <col min="12" max="13" width="11.140625" style="17" customWidth="1"/>
    <col min="14" max="14" width="17.42578125" style="17" customWidth="1"/>
    <col min="15" max="15" width="20.42578125" style="17" customWidth="1"/>
    <col min="16" max="16" width="19.140625" style="8" customWidth="1"/>
    <col min="17" max="17" width="24.28515625" style="17" customWidth="1"/>
    <col min="18" max="16384" width="9.140625" style="8"/>
  </cols>
  <sheetData>
    <row r="1" spans="1:56" s="689" customFormat="1" ht="27" customHeight="1">
      <c r="A1" s="323"/>
      <c r="B1" s="1257" t="s">
        <v>1541</v>
      </c>
      <c r="C1" s="1258"/>
      <c r="D1" s="1258"/>
      <c r="E1" s="1258"/>
      <c r="F1" s="1258"/>
      <c r="G1" s="1258"/>
      <c r="H1" s="1258"/>
      <c r="I1" s="1259"/>
      <c r="J1" s="1258"/>
      <c r="K1" s="1258"/>
      <c r="L1" s="1258"/>
      <c r="M1" s="1258"/>
      <c r="N1" s="1258"/>
      <c r="O1" s="1258"/>
      <c r="P1" s="329"/>
      <c r="Q1" s="329"/>
      <c r="R1" s="325"/>
    </row>
    <row r="2" spans="1:56" s="333" customFormat="1" ht="79.5" customHeight="1">
      <c r="A2" s="509" t="s">
        <v>173</v>
      </c>
      <c r="B2" s="324" t="s">
        <v>186</v>
      </c>
      <c r="C2" s="324" t="s">
        <v>184</v>
      </c>
      <c r="E2" s="509" t="s">
        <v>185</v>
      </c>
      <c r="F2" s="324" t="s">
        <v>184</v>
      </c>
      <c r="H2" s="690"/>
      <c r="I2" s="1045"/>
      <c r="K2" s="690"/>
      <c r="L2" s="690"/>
      <c r="M2" s="690"/>
      <c r="N2" s="690"/>
      <c r="O2" s="690"/>
      <c r="P2" s="690"/>
    </row>
    <row r="3" spans="1:56" s="333" customFormat="1" ht="36" customHeight="1">
      <c r="A3" s="323"/>
      <c r="B3" s="324" t="s">
        <v>183</v>
      </c>
      <c r="C3" s="691">
        <f>SUM(C4:C5)</f>
        <v>69</v>
      </c>
      <c r="E3" s="509" t="s">
        <v>182</v>
      </c>
      <c r="F3" s="324">
        <v>67</v>
      </c>
      <c r="H3" s="690"/>
      <c r="I3" s="1045"/>
      <c r="K3" s="690"/>
      <c r="L3" s="690"/>
      <c r="M3" s="690"/>
      <c r="N3" s="690"/>
      <c r="O3" s="690"/>
      <c r="P3" s="690"/>
    </row>
    <row r="4" spans="1:56" s="333" customFormat="1" ht="37.5" customHeight="1">
      <c r="A4" s="323" t="s">
        <v>181</v>
      </c>
      <c r="B4" s="329" t="s">
        <v>180</v>
      </c>
      <c r="C4" s="692">
        <v>67</v>
      </c>
      <c r="E4" s="323" t="s">
        <v>179</v>
      </c>
      <c r="F4" s="329">
        <v>18</v>
      </c>
      <c r="G4" s="333">
        <v>15</v>
      </c>
      <c r="H4" s="690"/>
      <c r="I4" s="1045"/>
      <c r="K4" s="690"/>
      <c r="L4" s="690"/>
      <c r="M4" s="690"/>
      <c r="N4" s="690"/>
      <c r="O4" s="690"/>
      <c r="P4" s="690"/>
    </row>
    <row r="5" spans="1:56" s="333" customFormat="1" ht="33" customHeight="1">
      <c r="A5" s="323" t="s">
        <v>178</v>
      </c>
      <c r="B5" s="329" t="s">
        <v>177</v>
      </c>
      <c r="C5" s="692">
        <v>2</v>
      </c>
      <c r="E5" s="323" t="s">
        <v>15</v>
      </c>
      <c r="F5" s="329">
        <v>26</v>
      </c>
      <c r="G5" s="333">
        <v>22</v>
      </c>
      <c r="H5" s="690"/>
      <c r="I5" s="1045"/>
      <c r="K5" s="690"/>
      <c r="L5" s="690"/>
      <c r="M5" s="690"/>
      <c r="N5" s="690"/>
      <c r="O5" s="690"/>
      <c r="P5" s="690"/>
    </row>
    <row r="6" spans="1:56" s="333" customFormat="1" ht="23.25" customHeight="1">
      <c r="A6" s="693"/>
      <c r="E6" s="323" t="s">
        <v>27</v>
      </c>
      <c r="F6" s="329">
        <v>22</v>
      </c>
      <c r="H6" s="690"/>
      <c r="I6" s="1045"/>
      <c r="K6" s="690"/>
      <c r="L6" s="690"/>
      <c r="M6" s="690"/>
      <c r="N6" s="690"/>
      <c r="O6" s="690"/>
      <c r="P6" s="690"/>
    </row>
    <row r="7" spans="1:56" s="333" customFormat="1" ht="51.75" customHeight="1">
      <c r="A7" s="693"/>
      <c r="E7" s="329" t="s">
        <v>176</v>
      </c>
      <c r="F7" s="329">
        <v>1</v>
      </c>
      <c r="H7" s="690" t="s">
        <v>4199</v>
      </c>
      <c r="I7" s="1045"/>
      <c r="J7" s="333">
        <f>SUM(J21+J33+J52+J55+J56+J57+J58+J60+J61)</f>
        <v>120</v>
      </c>
      <c r="K7" s="690"/>
      <c r="L7" s="690"/>
      <c r="M7" s="690"/>
      <c r="N7" s="690"/>
      <c r="O7" s="690"/>
      <c r="P7" s="690"/>
    </row>
    <row r="8" spans="1:56" s="333" customFormat="1" ht="60.75" customHeight="1">
      <c r="A8" s="693"/>
      <c r="E8" s="1262" t="s">
        <v>175</v>
      </c>
      <c r="F8" s="1262"/>
      <c r="H8" s="694">
        <v>10</v>
      </c>
      <c r="I8" s="1106"/>
      <c r="J8" s="334">
        <v>322</v>
      </c>
      <c r="K8" s="694">
        <v>1217</v>
      </c>
      <c r="L8" s="690"/>
      <c r="M8" s="690"/>
      <c r="N8" s="690"/>
      <c r="O8" s="690"/>
      <c r="P8" s="690"/>
    </row>
    <row r="9" spans="1:56" s="506" customFormat="1" ht="15.75">
      <c r="A9" s="693"/>
      <c r="B9" s="333">
        <v>15</v>
      </c>
      <c r="E9" s="695"/>
      <c r="H9" s="333"/>
      <c r="I9" s="333"/>
      <c r="J9" s="333"/>
      <c r="K9" s="333"/>
      <c r="L9" s="333"/>
      <c r="M9" s="333"/>
      <c r="N9" s="333"/>
      <c r="O9" s="333"/>
      <c r="Q9" s="333"/>
    </row>
    <row r="10" spans="1:56" s="689" customFormat="1" ht="18.75" customHeight="1">
      <c r="A10" s="323"/>
      <c r="B10" s="1260" t="s">
        <v>174</v>
      </c>
      <c r="C10" s="1260"/>
      <c r="D10" s="1260"/>
      <c r="E10" s="1260"/>
      <c r="F10" s="1260"/>
      <c r="G10" s="1260"/>
      <c r="H10" s="1260"/>
      <c r="I10" s="1261"/>
      <c r="J10" s="1260"/>
      <c r="K10" s="1260"/>
      <c r="L10" s="1260"/>
      <c r="M10" s="1260"/>
      <c r="N10" s="1260"/>
      <c r="O10" s="1260"/>
      <c r="P10" s="1260"/>
      <c r="Q10" s="1260"/>
    </row>
    <row r="11" spans="1:56" s="325" customFormat="1" ht="103.5" customHeight="1">
      <c r="A11" s="329" t="s">
        <v>173</v>
      </c>
      <c r="B11" s="329" t="s">
        <v>172</v>
      </c>
      <c r="C11" s="329" t="s">
        <v>171</v>
      </c>
      <c r="D11" s="329" t="s">
        <v>170</v>
      </c>
      <c r="E11" s="323" t="s">
        <v>169</v>
      </c>
      <c r="F11" s="329" t="s">
        <v>168</v>
      </c>
      <c r="G11" s="329" t="s">
        <v>167</v>
      </c>
      <c r="H11" s="1064" t="s">
        <v>5073</v>
      </c>
      <c r="I11" s="1065" t="s">
        <v>5075</v>
      </c>
      <c r="J11" s="329" t="s">
        <v>166</v>
      </c>
      <c r="K11" s="329" t="s">
        <v>165</v>
      </c>
      <c r="L11" s="329" t="s">
        <v>164</v>
      </c>
      <c r="M11" s="329" t="s">
        <v>163</v>
      </c>
      <c r="N11" s="329" t="s">
        <v>162</v>
      </c>
      <c r="O11" s="329" t="s">
        <v>161</v>
      </c>
      <c r="P11" s="329" t="s">
        <v>160</v>
      </c>
      <c r="Q11" s="329" t="s">
        <v>159</v>
      </c>
    </row>
    <row r="12" spans="1:56" s="689" customFormat="1" ht="15.75">
      <c r="A12" s="323"/>
      <c r="B12" s="1260" t="s">
        <v>1540</v>
      </c>
      <c r="C12" s="1260"/>
      <c r="D12" s="1260"/>
      <c r="E12" s="1260"/>
      <c r="F12" s="1260"/>
      <c r="G12" s="1260"/>
      <c r="H12" s="1260"/>
      <c r="I12" s="1261"/>
      <c r="J12" s="1260"/>
      <c r="K12" s="1260"/>
      <c r="L12" s="1260"/>
      <c r="M12" s="1260"/>
      <c r="N12" s="1260"/>
      <c r="O12" s="1260"/>
      <c r="P12" s="1260"/>
      <c r="Q12" s="1260"/>
    </row>
    <row r="13" spans="1:56" s="689" customFormat="1" ht="15.75">
      <c r="A13" s="323"/>
      <c r="B13" s="1260" t="s">
        <v>157</v>
      </c>
      <c r="C13" s="1260"/>
      <c r="D13" s="1260"/>
      <c r="E13" s="1260"/>
      <c r="F13" s="1260"/>
      <c r="G13" s="1260"/>
      <c r="H13" s="1260"/>
      <c r="I13" s="1261"/>
      <c r="J13" s="1260"/>
      <c r="K13" s="1260"/>
      <c r="L13" s="1260"/>
      <c r="M13" s="1260"/>
      <c r="N13" s="1260"/>
      <c r="O13" s="1260"/>
      <c r="P13" s="1260"/>
      <c r="Q13" s="1260"/>
    </row>
    <row r="14" spans="1:56" s="689" customFormat="1" ht="15.75">
      <c r="A14" s="329">
        <v>1</v>
      </c>
      <c r="B14" s="329">
        <v>2</v>
      </c>
      <c r="C14" s="329">
        <v>3</v>
      </c>
      <c r="D14" s="329">
        <v>4</v>
      </c>
      <c r="E14" s="329">
        <v>5</v>
      </c>
      <c r="F14" s="329">
        <v>6</v>
      </c>
      <c r="G14" s="329">
        <v>7</v>
      </c>
      <c r="H14" s="329">
        <v>8</v>
      </c>
      <c r="I14" s="767"/>
      <c r="J14" s="329">
        <v>9</v>
      </c>
      <c r="K14" s="329">
        <v>10</v>
      </c>
      <c r="L14" s="329">
        <v>11</v>
      </c>
      <c r="M14" s="329"/>
      <c r="N14" s="329"/>
      <c r="O14" s="329">
        <v>12</v>
      </c>
      <c r="P14" s="329">
        <v>13</v>
      </c>
      <c r="Q14" s="329">
        <v>14</v>
      </c>
    </row>
    <row r="15" spans="1:56" s="452" customFormat="1" ht="126">
      <c r="A15" s="692">
        <v>1</v>
      </c>
      <c r="B15" s="692" t="s">
        <v>1539</v>
      </c>
      <c r="C15" s="692" t="s">
        <v>15</v>
      </c>
      <c r="D15" s="692" t="s">
        <v>1538</v>
      </c>
      <c r="E15" s="692" t="s">
        <v>1537</v>
      </c>
      <c r="F15" s="692">
        <v>38345</v>
      </c>
      <c r="G15" s="692" t="s">
        <v>4103</v>
      </c>
      <c r="H15" s="692" t="s">
        <v>10</v>
      </c>
      <c r="I15" s="692"/>
      <c r="J15" s="692">
        <v>1</v>
      </c>
      <c r="K15" s="692">
        <v>12</v>
      </c>
      <c r="L15" s="692">
        <v>1</v>
      </c>
      <c r="M15" s="692"/>
      <c r="N15" s="692"/>
      <c r="O15" s="692" t="s">
        <v>4682</v>
      </c>
      <c r="P15" s="692"/>
      <c r="Q15" s="692" t="s">
        <v>1536</v>
      </c>
      <c r="R15" s="692"/>
      <c r="S15" s="692"/>
      <c r="T15" s="692"/>
      <c r="U15" s="692"/>
      <c r="V15" s="692"/>
      <c r="W15" s="692"/>
      <c r="X15" s="692"/>
      <c r="Y15" s="692"/>
      <c r="Z15" s="692"/>
      <c r="AA15" s="692"/>
      <c r="AB15" s="692"/>
      <c r="AC15" s="692"/>
      <c r="AD15" s="692"/>
      <c r="AE15" s="692"/>
      <c r="AF15" s="692"/>
      <c r="AG15" s="692"/>
      <c r="AH15" s="692"/>
      <c r="AI15" s="692"/>
      <c r="AJ15" s="692"/>
      <c r="AK15" s="692"/>
      <c r="AL15" s="692"/>
      <c r="AM15" s="692"/>
      <c r="AN15" s="692"/>
      <c r="AO15" s="692"/>
      <c r="AP15" s="692"/>
      <c r="AQ15" s="692"/>
      <c r="AR15" s="692"/>
      <c r="AS15" s="692"/>
      <c r="AT15" s="692"/>
      <c r="AU15" s="692"/>
      <c r="AV15" s="692"/>
      <c r="AW15" s="692"/>
      <c r="AX15" s="692"/>
      <c r="AY15" s="692"/>
      <c r="AZ15" s="692"/>
      <c r="BA15" s="692"/>
      <c r="BB15" s="692"/>
      <c r="BC15" s="692"/>
      <c r="BD15" s="692"/>
    </row>
    <row r="16" spans="1:56" s="198" customFormat="1" ht="126">
      <c r="A16" s="692" t="s">
        <v>966</v>
      </c>
      <c r="B16" s="692" t="s">
        <v>1535</v>
      </c>
      <c r="C16" s="692" t="s">
        <v>15</v>
      </c>
      <c r="D16" s="692" t="s">
        <v>1534</v>
      </c>
      <c r="E16" s="692" t="s">
        <v>1533</v>
      </c>
      <c r="F16" s="692">
        <v>43823</v>
      </c>
      <c r="G16" s="692" t="s">
        <v>1532</v>
      </c>
      <c r="H16" s="692" t="s">
        <v>10</v>
      </c>
      <c r="I16" s="692"/>
      <c r="J16" s="692">
        <v>1</v>
      </c>
      <c r="K16" s="692">
        <v>4</v>
      </c>
      <c r="L16" s="692">
        <v>1</v>
      </c>
      <c r="M16" s="692"/>
      <c r="N16" s="692"/>
      <c r="O16" s="692"/>
      <c r="P16" s="692"/>
      <c r="Q16" s="692"/>
      <c r="R16" s="692"/>
      <c r="S16" s="692"/>
      <c r="T16" s="692"/>
      <c r="U16" s="692"/>
      <c r="V16" s="692"/>
      <c r="W16" s="692"/>
      <c r="X16" s="692"/>
      <c r="Y16" s="692"/>
      <c r="Z16" s="692"/>
      <c r="AA16" s="692"/>
      <c r="AB16" s="692"/>
      <c r="AC16" s="692"/>
      <c r="AD16" s="692"/>
      <c r="AE16" s="692"/>
      <c r="AF16" s="692"/>
      <c r="AG16" s="692"/>
      <c r="AH16" s="692"/>
      <c r="AI16" s="692"/>
      <c r="AJ16" s="692"/>
      <c r="AK16" s="692"/>
      <c r="AL16" s="692"/>
      <c r="AM16" s="692"/>
      <c r="AN16" s="692"/>
      <c r="AO16" s="692"/>
      <c r="AP16" s="692"/>
      <c r="AQ16" s="692"/>
      <c r="AR16" s="692"/>
      <c r="AS16" s="692"/>
      <c r="AT16" s="692"/>
      <c r="AU16" s="692"/>
      <c r="AV16" s="692"/>
      <c r="AW16" s="692"/>
      <c r="AX16" s="692"/>
      <c r="AY16" s="692"/>
      <c r="AZ16" s="692"/>
      <c r="BA16" s="692"/>
      <c r="BB16" s="692"/>
      <c r="BC16" s="692"/>
      <c r="BD16" s="692"/>
    </row>
    <row r="17" spans="1:56" s="689" customFormat="1" ht="94.5">
      <c r="A17" s="692" t="s">
        <v>1233</v>
      </c>
      <c r="B17" s="692" t="s">
        <v>1531</v>
      </c>
      <c r="C17" s="692" t="s">
        <v>15</v>
      </c>
      <c r="D17" s="692" t="s">
        <v>1530</v>
      </c>
      <c r="E17" s="692" t="s">
        <v>1529</v>
      </c>
      <c r="F17" s="692">
        <v>41953</v>
      </c>
      <c r="G17" s="692" t="s">
        <v>348</v>
      </c>
      <c r="H17" s="692" t="s">
        <v>10</v>
      </c>
      <c r="I17" s="692"/>
      <c r="J17" s="692">
        <v>5</v>
      </c>
      <c r="K17" s="692">
        <v>29</v>
      </c>
      <c r="L17" s="692">
        <v>1</v>
      </c>
      <c r="M17" s="692"/>
      <c r="N17" s="692"/>
      <c r="O17" s="692" t="s">
        <v>4683</v>
      </c>
      <c r="P17" s="692"/>
      <c r="Q17" s="692"/>
      <c r="R17" s="692"/>
      <c r="S17" s="692"/>
      <c r="T17" s="692"/>
      <c r="U17" s="692"/>
      <c r="V17" s="692"/>
      <c r="W17" s="692"/>
      <c r="X17" s="692"/>
      <c r="Y17" s="692"/>
      <c r="Z17" s="692"/>
      <c r="AA17" s="692"/>
      <c r="AB17" s="692"/>
      <c r="AC17" s="692"/>
      <c r="AD17" s="692"/>
      <c r="AE17" s="692"/>
      <c r="AF17" s="692"/>
      <c r="AG17" s="692"/>
      <c r="AH17" s="692"/>
      <c r="AI17" s="692"/>
      <c r="AJ17" s="692"/>
      <c r="AK17" s="692"/>
      <c r="AL17" s="692"/>
      <c r="AM17" s="692"/>
      <c r="AN17" s="692"/>
      <c r="AO17" s="692"/>
      <c r="AP17" s="692"/>
      <c r="AQ17" s="692"/>
      <c r="AR17" s="692"/>
      <c r="AS17" s="692"/>
      <c r="AT17" s="692"/>
      <c r="AU17" s="692"/>
      <c r="AV17" s="692"/>
      <c r="AW17" s="692"/>
      <c r="AX17" s="692"/>
      <c r="AY17" s="692"/>
      <c r="AZ17" s="692"/>
      <c r="BA17" s="692"/>
      <c r="BB17" s="692"/>
      <c r="BC17" s="692"/>
      <c r="BD17" s="692"/>
    </row>
    <row r="18" spans="1:56" s="689" customFormat="1" ht="120" customHeight="1">
      <c r="A18" s="692" t="s">
        <v>965</v>
      </c>
      <c r="B18" s="692" t="s">
        <v>1528</v>
      </c>
      <c r="C18" s="692" t="s">
        <v>27</v>
      </c>
      <c r="D18" s="692" t="s">
        <v>1527</v>
      </c>
      <c r="E18" s="692" t="s">
        <v>1526</v>
      </c>
      <c r="F18" s="692">
        <v>44944</v>
      </c>
      <c r="G18" s="692" t="s">
        <v>63</v>
      </c>
      <c r="H18" s="692" t="s">
        <v>10</v>
      </c>
      <c r="I18" s="692"/>
      <c r="J18" s="692">
        <v>1</v>
      </c>
      <c r="K18" s="692">
        <v>8</v>
      </c>
      <c r="L18" s="692">
        <v>1</v>
      </c>
      <c r="M18" s="692"/>
      <c r="N18" s="692"/>
      <c r="O18" s="692"/>
      <c r="P18" s="692"/>
      <c r="Q18" s="692"/>
      <c r="R18" s="692"/>
      <c r="S18" s="692"/>
      <c r="T18" s="692"/>
      <c r="U18" s="692"/>
      <c r="V18" s="692"/>
      <c r="W18" s="692"/>
      <c r="X18" s="692"/>
      <c r="Y18" s="692"/>
      <c r="Z18" s="692"/>
      <c r="AA18" s="692"/>
      <c r="AB18" s="692"/>
      <c r="AC18" s="692"/>
      <c r="AD18" s="692"/>
      <c r="AE18" s="692"/>
      <c r="AF18" s="692"/>
      <c r="AG18" s="692"/>
      <c r="AH18" s="692"/>
      <c r="AI18" s="692"/>
      <c r="AJ18" s="692"/>
      <c r="AK18" s="692"/>
      <c r="AL18" s="692"/>
      <c r="AM18" s="692"/>
      <c r="AN18" s="692"/>
      <c r="AO18" s="692"/>
      <c r="AP18" s="692"/>
      <c r="AQ18" s="692"/>
      <c r="AR18" s="692"/>
      <c r="AS18" s="692"/>
      <c r="AT18" s="692"/>
      <c r="AU18" s="692"/>
      <c r="AV18" s="692"/>
      <c r="AW18" s="692"/>
      <c r="AX18" s="692"/>
      <c r="AY18" s="692"/>
      <c r="AZ18" s="692"/>
      <c r="BA18" s="692"/>
      <c r="BB18" s="692"/>
      <c r="BC18" s="692"/>
      <c r="BD18" s="692"/>
    </row>
    <row r="19" spans="1:56" s="689" customFormat="1" ht="120" customHeight="1">
      <c r="A19" s="692" t="s">
        <v>1069</v>
      </c>
      <c r="B19" s="692" t="s">
        <v>1525</v>
      </c>
      <c r="C19" s="692" t="s">
        <v>15</v>
      </c>
      <c r="D19" s="692" t="s">
        <v>1524</v>
      </c>
      <c r="E19" s="692" t="s">
        <v>1523</v>
      </c>
      <c r="F19" s="692">
        <v>40463</v>
      </c>
      <c r="G19" s="692" t="s">
        <v>383</v>
      </c>
      <c r="H19" s="692" t="s">
        <v>1522</v>
      </c>
      <c r="I19" s="692"/>
      <c r="J19" s="692">
        <v>12</v>
      </c>
      <c r="K19" s="692">
        <v>24</v>
      </c>
      <c r="L19" s="692">
        <v>1</v>
      </c>
      <c r="M19" s="692"/>
      <c r="N19" s="692"/>
      <c r="O19" s="692" t="s">
        <v>4684</v>
      </c>
      <c r="P19" s="692"/>
      <c r="Q19" s="692"/>
      <c r="R19" s="692"/>
      <c r="S19" s="692"/>
      <c r="T19" s="692"/>
      <c r="U19" s="692"/>
      <c r="V19" s="692"/>
      <c r="W19" s="692"/>
      <c r="X19" s="692"/>
      <c r="Y19" s="692"/>
      <c r="Z19" s="692"/>
      <c r="AA19" s="692"/>
      <c r="AB19" s="692"/>
      <c r="AC19" s="692"/>
      <c r="AD19" s="692"/>
      <c r="AE19" s="692"/>
      <c r="AF19" s="692"/>
      <c r="AG19" s="692"/>
      <c r="AH19" s="692"/>
      <c r="AI19" s="692"/>
      <c r="AJ19" s="692"/>
      <c r="AK19" s="692"/>
      <c r="AL19" s="692"/>
      <c r="AM19" s="692"/>
      <c r="AN19" s="692"/>
      <c r="AO19" s="692"/>
      <c r="AP19" s="692"/>
      <c r="AQ19" s="692"/>
      <c r="AR19" s="692"/>
      <c r="AS19" s="692"/>
      <c r="AT19" s="692"/>
      <c r="AU19" s="692"/>
      <c r="AV19" s="692"/>
      <c r="AW19" s="692"/>
      <c r="AX19" s="692"/>
      <c r="AY19" s="692"/>
      <c r="AZ19" s="692"/>
      <c r="BA19" s="692"/>
      <c r="BB19" s="692"/>
      <c r="BC19" s="692"/>
      <c r="BD19" s="692"/>
    </row>
    <row r="20" spans="1:56" ht="120" customHeight="1">
      <c r="A20" s="692" t="s">
        <v>1521</v>
      </c>
      <c r="B20" s="692" t="s">
        <v>1520</v>
      </c>
      <c r="C20" s="692" t="s">
        <v>15</v>
      </c>
      <c r="D20" s="692" t="s">
        <v>1519</v>
      </c>
      <c r="E20" s="692" t="s">
        <v>1518</v>
      </c>
      <c r="F20" s="692">
        <v>42348</v>
      </c>
      <c r="G20" s="692" t="s">
        <v>4106</v>
      </c>
      <c r="H20" s="692" t="s">
        <v>10</v>
      </c>
      <c r="I20" s="692"/>
      <c r="J20" s="692">
        <v>5</v>
      </c>
      <c r="K20" s="692">
        <v>15</v>
      </c>
      <c r="L20" s="692">
        <v>1</v>
      </c>
      <c r="M20" s="692">
        <v>2019</v>
      </c>
      <c r="N20" s="692" t="s">
        <v>10</v>
      </c>
      <c r="O20" s="692" t="s">
        <v>4685</v>
      </c>
      <c r="P20" s="692"/>
      <c r="Q20" s="692"/>
      <c r="R20" s="692"/>
      <c r="S20" s="692"/>
      <c r="T20" s="692"/>
      <c r="U20" s="692"/>
      <c r="V20" s="692"/>
      <c r="W20" s="692"/>
      <c r="X20" s="692"/>
      <c r="Y20" s="692"/>
      <c r="Z20" s="692"/>
      <c r="AA20" s="692"/>
      <c r="AB20" s="692"/>
      <c r="AC20" s="692"/>
      <c r="AD20" s="692"/>
      <c r="AE20" s="692"/>
      <c r="AF20" s="692"/>
      <c r="AG20" s="692"/>
      <c r="AH20" s="692"/>
      <c r="AI20" s="692"/>
      <c r="AJ20" s="692"/>
      <c r="AK20" s="692"/>
      <c r="AL20" s="692"/>
      <c r="AM20" s="692"/>
      <c r="AN20" s="692"/>
      <c r="AO20" s="692"/>
      <c r="AP20" s="692"/>
      <c r="AQ20" s="692"/>
      <c r="AR20" s="692"/>
      <c r="AS20" s="692"/>
      <c r="AT20" s="692"/>
      <c r="AU20" s="692"/>
      <c r="AV20" s="692"/>
      <c r="AW20" s="692"/>
      <c r="AX20" s="692"/>
      <c r="AY20" s="692"/>
      <c r="AZ20" s="692"/>
      <c r="BA20" s="692"/>
      <c r="BB20" s="692"/>
      <c r="BC20" s="692"/>
      <c r="BD20" s="692"/>
    </row>
    <row r="21" spans="1:56" s="689" customFormat="1" ht="120" customHeight="1">
      <c r="A21" s="692" t="s">
        <v>1109</v>
      </c>
      <c r="B21" s="692" t="s">
        <v>1517</v>
      </c>
      <c r="C21" s="692" t="s">
        <v>15</v>
      </c>
      <c r="D21" s="692" t="s">
        <v>1516</v>
      </c>
      <c r="E21" s="692" t="s">
        <v>1515</v>
      </c>
      <c r="F21" s="692">
        <v>42531</v>
      </c>
      <c r="G21" s="692" t="s">
        <v>395</v>
      </c>
      <c r="H21" s="692" t="s">
        <v>10</v>
      </c>
      <c r="I21" s="692"/>
      <c r="J21" s="692">
        <v>4</v>
      </c>
      <c r="K21" s="692">
        <v>10</v>
      </c>
      <c r="L21" s="692">
        <v>1</v>
      </c>
      <c r="M21" s="692"/>
      <c r="N21" s="692"/>
      <c r="O21" s="692" t="s">
        <v>1514</v>
      </c>
      <c r="P21" s="692"/>
      <c r="Q21" s="692" t="s">
        <v>1513</v>
      </c>
      <c r="R21" s="692"/>
      <c r="S21" s="692"/>
      <c r="T21" s="692"/>
      <c r="U21" s="692"/>
      <c r="V21" s="692"/>
      <c r="W21" s="692"/>
      <c r="X21" s="692"/>
      <c r="Y21" s="692"/>
      <c r="Z21" s="692"/>
      <c r="AA21" s="692"/>
      <c r="AB21" s="692"/>
      <c r="AC21" s="692"/>
      <c r="AD21" s="692"/>
      <c r="AE21" s="692"/>
      <c r="AF21" s="692"/>
      <c r="AG21" s="692"/>
      <c r="AH21" s="692"/>
      <c r="AI21" s="692"/>
      <c r="AJ21" s="692"/>
      <c r="AK21" s="692"/>
      <c r="AL21" s="692"/>
      <c r="AM21" s="692"/>
      <c r="AN21" s="692"/>
      <c r="AO21" s="692"/>
      <c r="AP21" s="692"/>
      <c r="AQ21" s="692"/>
      <c r="AR21" s="692"/>
      <c r="AS21" s="692"/>
      <c r="AT21" s="692"/>
      <c r="AU21" s="692"/>
      <c r="AV21" s="692"/>
      <c r="AW21" s="692"/>
      <c r="AX21" s="692"/>
      <c r="AY21" s="692"/>
      <c r="AZ21" s="692"/>
      <c r="BA21" s="692"/>
      <c r="BB21" s="692"/>
      <c r="BC21" s="692"/>
      <c r="BD21" s="692"/>
    </row>
    <row r="22" spans="1:56" s="689" customFormat="1" ht="120" customHeight="1">
      <c r="A22" s="692" t="s">
        <v>1042</v>
      </c>
      <c r="B22" s="692" t="s">
        <v>1512</v>
      </c>
      <c r="C22" s="692" t="s">
        <v>15</v>
      </c>
      <c r="D22" s="692" t="s">
        <v>1511</v>
      </c>
      <c r="E22" s="692" t="s">
        <v>1510</v>
      </c>
      <c r="F22" s="692">
        <v>43913</v>
      </c>
      <c r="G22" s="692" t="s">
        <v>63</v>
      </c>
      <c r="H22" s="692" t="s">
        <v>10</v>
      </c>
      <c r="I22" s="692"/>
      <c r="J22" s="692">
        <v>8</v>
      </c>
      <c r="K22" s="692">
        <v>41</v>
      </c>
      <c r="L22" s="692">
        <v>1</v>
      </c>
      <c r="M22" s="692"/>
      <c r="N22" s="692"/>
      <c r="O22" s="692" t="s">
        <v>1509</v>
      </c>
      <c r="P22" s="692"/>
      <c r="Q22" s="692"/>
      <c r="R22" s="692"/>
      <c r="S22" s="692"/>
      <c r="T22" s="692"/>
      <c r="U22" s="692"/>
      <c r="V22" s="692"/>
      <c r="W22" s="692"/>
      <c r="X22" s="692"/>
      <c r="Y22" s="692"/>
      <c r="Z22" s="692"/>
      <c r="AA22" s="692"/>
      <c r="AB22" s="692"/>
      <c r="AC22" s="692"/>
      <c r="AD22" s="692"/>
      <c r="AE22" s="692"/>
      <c r="AF22" s="692"/>
      <c r="AG22" s="692"/>
      <c r="AH22" s="692"/>
      <c r="AI22" s="692"/>
      <c r="AJ22" s="692"/>
      <c r="AK22" s="692"/>
      <c r="AL22" s="692"/>
      <c r="AM22" s="692"/>
      <c r="AN22" s="692"/>
      <c r="AO22" s="692"/>
      <c r="AP22" s="692"/>
      <c r="AQ22" s="692"/>
      <c r="AR22" s="692"/>
      <c r="AS22" s="692"/>
      <c r="AT22" s="692"/>
      <c r="AU22" s="692"/>
      <c r="AV22" s="692"/>
      <c r="AW22" s="692"/>
      <c r="AX22" s="692"/>
      <c r="AY22" s="692"/>
      <c r="AZ22" s="692"/>
      <c r="BA22" s="692"/>
      <c r="BB22" s="692"/>
      <c r="BC22" s="692"/>
      <c r="BD22" s="692"/>
    </row>
    <row r="23" spans="1:56" s="689" customFormat="1" ht="120" customHeight="1">
      <c r="A23" s="692" t="s">
        <v>1176</v>
      </c>
      <c r="B23" s="692" t="s">
        <v>1508</v>
      </c>
      <c r="C23" s="692" t="s">
        <v>15</v>
      </c>
      <c r="D23" s="692" t="s">
        <v>1507</v>
      </c>
      <c r="E23" s="692" t="s">
        <v>1506</v>
      </c>
      <c r="F23" s="692">
        <v>44457</v>
      </c>
      <c r="G23" s="692" t="s">
        <v>1505</v>
      </c>
      <c r="H23" s="692" t="s">
        <v>10</v>
      </c>
      <c r="I23" s="692"/>
      <c r="J23" s="692">
        <v>1</v>
      </c>
      <c r="K23" s="692">
        <v>6</v>
      </c>
      <c r="L23" s="692">
        <v>1</v>
      </c>
      <c r="M23" s="692"/>
      <c r="N23" s="692"/>
      <c r="O23" s="692" t="s">
        <v>1504</v>
      </c>
      <c r="P23" s="692"/>
      <c r="Q23" s="692"/>
      <c r="R23" s="692"/>
      <c r="S23" s="692"/>
      <c r="T23" s="692"/>
      <c r="U23" s="692"/>
      <c r="V23" s="692"/>
      <c r="W23" s="692"/>
      <c r="X23" s="692"/>
      <c r="Y23" s="692"/>
      <c r="Z23" s="692"/>
      <c r="AA23" s="692"/>
      <c r="AB23" s="692"/>
      <c r="AC23" s="692"/>
      <c r="AD23" s="692"/>
      <c r="AE23" s="692"/>
      <c r="AF23" s="692"/>
      <c r="AG23" s="692"/>
      <c r="AH23" s="692"/>
      <c r="AI23" s="692"/>
      <c r="AJ23" s="692"/>
      <c r="AK23" s="692"/>
      <c r="AL23" s="692"/>
      <c r="AM23" s="692"/>
      <c r="AN23" s="692"/>
      <c r="AO23" s="692"/>
      <c r="AP23" s="692"/>
      <c r="AQ23" s="692"/>
      <c r="AR23" s="692"/>
      <c r="AS23" s="692"/>
      <c r="AT23" s="692"/>
      <c r="AU23" s="692"/>
      <c r="AV23" s="692"/>
      <c r="AW23" s="692"/>
      <c r="AX23" s="692"/>
      <c r="AY23" s="692"/>
      <c r="AZ23" s="692"/>
      <c r="BA23" s="692"/>
      <c r="BB23" s="692"/>
      <c r="BC23" s="692"/>
      <c r="BD23" s="692"/>
    </row>
    <row r="24" spans="1:56" s="689" customFormat="1" ht="120" customHeight="1">
      <c r="A24" s="692" t="s">
        <v>1141</v>
      </c>
      <c r="B24" s="692" t="s">
        <v>1503</v>
      </c>
      <c r="C24" s="692" t="s">
        <v>15</v>
      </c>
      <c r="D24" s="692" t="s">
        <v>1502</v>
      </c>
      <c r="E24" s="692" t="s">
        <v>1501</v>
      </c>
      <c r="F24" s="692">
        <v>43265</v>
      </c>
      <c r="G24" s="692" t="s">
        <v>4107</v>
      </c>
      <c r="H24" s="692" t="s">
        <v>10</v>
      </c>
      <c r="I24" s="692"/>
      <c r="J24" s="692">
        <v>1</v>
      </c>
      <c r="K24" s="692">
        <v>13</v>
      </c>
      <c r="L24" s="692">
        <v>1</v>
      </c>
      <c r="M24" s="692"/>
      <c r="N24" s="692"/>
      <c r="O24" s="692" t="s">
        <v>1500</v>
      </c>
      <c r="P24" s="692"/>
      <c r="Q24" s="692"/>
      <c r="R24" s="692"/>
      <c r="S24" s="692"/>
      <c r="T24" s="692"/>
      <c r="U24" s="692"/>
      <c r="V24" s="692"/>
      <c r="W24" s="692"/>
      <c r="X24" s="692"/>
      <c r="Y24" s="692"/>
      <c r="Z24" s="692"/>
      <c r="AA24" s="692"/>
      <c r="AB24" s="692"/>
      <c r="AC24" s="692"/>
      <c r="AD24" s="692"/>
      <c r="AE24" s="692"/>
      <c r="AF24" s="692"/>
      <c r="AG24" s="692"/>
      <c r="AH24" s="692"/>
      <c r="AI24" s="692"/>
      <c r="AJ24" s="692"/>
      <c r="AK24" s="692"/>
      <c r="AL24" s="692"/>
      <c r="AM24" s="692"/>
      <c r="AN24" s="692"/>
      <c r="AO24" s="692"/>
      <c r="AP24" s="692"/>
      <c r="AQ24" s="692"/>
      <c r="AR24" s="692"/>
      <c r="AS24" s="692"/>
      <c r="AT24" s="692"/>
      <c r="AU24" s="692"/>
      <c r="AV24" s="692"/>
      <c r="AW24" s="692"/>
      <c r="AX24" s="692"/>
      <c r="AY24" s="692"/>
      <c r="AZ24" s="692"/>
      <c r="BA24" s="692"/>
      <c r="BB24" s="692"/>
      <c r="BC24" s="692"/>
      <c r="BD24" s="692"/>
    </row>
    <row r="25" spans="1:56" s="689" customFormat="1" ht="120" customHeight="1">
      <c r="A25" s="692" t="s">
        <v>1008</v>
      </c>
      <c r="B25" s="692" t="s">
        <v>1499</v>
      </c>
      <c r="C25" s="692" t="s">
        <v>15</v>
      </c>
      <c r="D25" s="692" t="s">
        <v>1498</v>
      </c>
      <c r="E25" s="692" t="s">
        <v>1497</v>
      </c>
      <c r="F25" s="692">
        <v>38572</v>
      </c>
      <c r="G25" s="692" t="s">
        <v>4108</v>
      </c>
      <c r="H25" s="692" t="s">
        <v>10</v>
      </c>
      <c r="I25" s="692"/>
      <c r="J25" s="692">
        <v>1</v>
      </c>
      <c r="K25" s="692">
        <v>8</v>
      </c>
      <c r="L25" s="692">
        <v>1</v>
      </c>
      <c r="M25" s="692"/>
      <c r="N25" s="692"/>
      <c r="O25" s="692"/>
      <c r="P25" s="692"/>
      <c r="Q25" s="692"/>
      <c r="R25" s="692"/>
      <c r="S25" s="692"/>
      <c r="T25" s="692"/>
      <c r="U25" s="692"/>
      <c r="V25" s="692"/>
      <c r="W25" s="692"/>
      <c r="X25" s="692"/>
      <c r="Y25" s="692"/>
      <c r="Z25" s="692"/>
      <c r="AA25" s="692"/>
      <c r="AB25" s="692"/>
      <c r="AC25" s="692"/>
      <c r="AD25" s="692"/>
      <c r="AE25" s="692"/>
      <c r="AF25" s="692"/>
      <c r="AG25" s="692"/>
      <c r="AH25" s="692"/>
      <c r="AI25" s="692"/>
      <c r="AJ25" s="692"/>
      <c r="AK25" s="692"/>
      <c r="AL25" s="692"/>
      <c r="AM25" s="692"/>
      <c r="AN25" s="692"/>
      <c r="AO25" s="692"/>
      <c r="AP25" s="692"/>
      <c r="AQ25" s="692"/>
      <c r="AR25" s="692"/>
      <c r="AS25" s="692"/>
      <c r="AT25" s="692"/>
      <c r="AU25" s="692"/>
      <c r="AV25" s="692"/>
      <c r="AW25" s="692"/>
      <c r="AX25" s="692"/>
      <c r="AY25" s="692"/>
      <c r="AZ25" s="692"/>
      <c r="BA25" s="692"/>
      <c r="BB25" s="692"/>
      <c r="BC25" s="692"/>
      <c r="BD25" s="692"/>
    </row>
    <row r="26" spans="1:56" s="689" customFormat="1" ht="120" customHeight="1">
      <c r="A26" s="692" t="s">
        <v>1496</v>
      </c>
      <c r="B26" s="692" t="s">
        <v>1495</v>
      </c>
      <c r="C26" s="692" t="s">
        <v>15</v>
      </c>
      <c r="D26" s="692" t="s">
        <v>1493</v>
      </c>
      <c r="E26" s="692" t="s">
        <v>1492</v>
      </c>
      <c r="F26" s="692">
        <v>43431</v>
      </c>
      <c r="G26" s="692" t="s">
        <v>1239</v>
      </c>
      <c r="H26" s="692" t="s">
        <v>10</v>
      </c>
      <c r="I26" s="692"/>
      <c r="J26" s="692">
        <v>1</v>
      </c>
      <c r="K26" s="692">
        <v>6</v>
      </c>
      <c r="L26" s="692">
        <v>1</v>
      </c>
      <c r="M26" s="692"/>
      <c r="N26" s="692"/>
      <c r="O26" s="692"/>
      <c r="P26" s="692"/>
      <c r="Q26" s="692"/>
      <c r="R26" s="692"/>
      <c r="S26" s="692"/>
      <c r="T26" s="692"/>
      <c r="U26" s="692"/>
      <c r="V26" s="692"/>
      <c r="W26" s="692"/>
      <c r="X26" s="692"/>
      <c r="Y26" s="692"/>
      <c r="Z26" s="692"/>
      <c r="AA26" s="692"/>
      <c r="AB26" s="692"/>
      <c r="AC26" s="692"/>
      <c r="AD26" s="692"/>
      <c r="AE26" s="692"/>
      <c r="AF26" s="692"/>
      <c r="AG26" s="692"/>
      <c r="AH26" s="692"/>
      <c r="AI26" s="692"/>
      <c r="AJ26" s="692"/>
      <c r="AK26" s="692"/>
      <c r="AL26" s="692"/>
      <c r="AM26" s="692"/>
      <c r="AN26" s="692"/>
      <c r="AO26" s="692"/>
      <c r="AP26" s="692"/>
      <c r="AQ26" s="692"/>
      <c r="AR26" s="692"/>
      <c r="AS26" s="692"/>
      <c r="AT26" s="692"/>
      <c r="AU26" s="692"/>
      <c r="AV26" s="692"/>
      <c r="AW26" s="692"/>
      <c r="AX26" s="692"/>
      <c r="AY26" s="692"/>
      <c r="AZ26" s="692"/>
      <c r="BA26" s="692"/>
      <c r="BB26" s="692"/>
      <c r="BC26" s="692"/>
      <c r="BD26" s="692"/>
    </row>
    <row r="27" spans="1:56" s="689" customFormat="1" ht="120" customHeight="1">
      <c r="A27" s="692" t="s">
        <v>1167</v>
      </c>
      <c r="B27" s="692" t="s">
        <v>1494</v>
      </c>
      <c r="C27" s="692" t="s">
        <v>15</v>
      </c>
      <c r="D27" s="692" t="s">
        <v>1493</v>
      </c>
      <c r="E27" s="692" t="s">
        <v>1492</v>
      </c>
      <c r="F27" s="692">
        <v>43431</v>
      </c>
      <c r="G27" s="692" t="s">
        <v>1239</v>
      </c>
      <c r="H27" s="692" t="s">
        <v>10</v>
      </c>
      <c r="I27" s="692"/>
      <c r="J27" s="692">
        <v>1</v>
      </c>
      <c r="K27" s="692">
        <v>6</v>
      </c>
      <c r="L27" s="692">
        <v>1</v>
      </c>
      <c r="M27" s="692"/>
      <c r="N27" s="692"/>
      <c r="O27" s="692"/>
      <c r="P27" s="692"/>
      <c r="Q27" s="692"/>
      <c r="R27" s="692"/>
      <c r="S27" s="692"/>
      <c r="T27" s="692"/>
      <c r="U27" s="692"/>
      <c r="V27" s="692"/>
      <c r="W27" s="692"/>
      <c r="X27" s="692"/>
      <c r="Y27" s="692"/>
      <c r="Z27" s="692"/>
      <c r="AA27" s="692"/>
      <c r="AB27" s="692"/>
      <c r="AC27" s="692"/>
      <c r="AD27" s="692"/>
      <c r="AE27" s="692"/>
      <c r="AF27" s="692"/>
      <c r="AG27" s="692"/>
      <c r="AH27" s="692"/>
      <c r="AI27" s="692"/>
      <c r="AJ27" s="692"/>
      <c r="AK27" s="692"/>
      <c r="AL27" s="692"/>
      <c r="AM27" s="692"/>
      <c r="AN27" s="692"/>
      <c r="AO27" s="692"/>
      <c r="AP27" s="692"/>
      <c r="AQ27" s="692"/>
      <c r="AR27" s="692"/>
      <c r="AS27" s="692"/>
      <c r="AT27" s="692"/>
      <c r="AU27" s="692"/>
      <c r="AV27" s="692"/>
      <c r="AW27" s="692"/>
      <c r="AX27" s="692"/>
      <c r="AY27" s="692"/>
      <c r="AZ27" s="692"/>
      <c r="BA27" s="692"/>
      <c r="BB27" s="692"/>
      <c r="BC27" s="692"/>
      <c r="BD27" s="692"/>
    </row>
    <row r="28" spans="1:56" s="689" customFormat="1" ht="120" customHeight="1">
      <c r="A28" s="692" t="s">
        <v>240</v>
      </c>
      <c r="B28" s="692" t="s">
        <v>1490</v>
      </c>
      <c r="C28" s="692" t="s">
        <v>27</v>
      </c>
      <c r="D28" s="692" t="s">
        <v>1489</v>
      </c>
      <c r="E28" s="692" t="s">
        <v>1488</v>
      </c>
      <c r="F28" s="692">
        <v>44375</v>
      </c>
      <c r="G28" s="692"/>
      <c r="H28" s="692" t="s">
        <v>10</v>
      </c>
      <c r="I28" s="692"/>
      <c r="J28" s="692">
        <v>1</v>
      </c>
      <c r="K28" s="692">
        <v>6</v>
      </c>
      <c r="L28" s="692">
        <v>1</v>
      </c>
      <c r="M28" s="692"/>
      <c r="N28" s="692"/>
      <c r="O28" s="692"/>
      <c r="P28" s="692"/>
      <c r="Q28" s="692"/>
      <c r="R28" s="692"/>
      <c r="S28" s="692"/>
      <c r="T28" s="692"/>
      <c r="U28" s="692"/>
      <c r="V28" s="692"/>
      <c r="W28" s="692"/>
      <c r="X28" s="692"/>
      <c r="Y28" s="692"/>
      <c r="Z28" s="692"/>
      <c r="AA28" s="692"/>
      <c r="AB28" s="692"/>
      <c r="AC28" s="692"/>
      <c r="AD28" s="692"/>
      <c r="AE28" s="692"/>
      <c r="AF28" s="692"/>
      <c r="AG28" s="692"/>
      <c r="AH28" s="692"/>
      <c r="AI28" s="692"/>
      <c r="AJ28" s="692"/>
      <c r="AK28" s="692"/>
      <c r="AL28" s="692"/>
      <c r="AM28" s="692"/>
      <c r="AN28" s="692"/>
      <c r="AO28" s="692"/>
      <c r="AP28" s="692"/>
      <c r="AQ28" s="692"/>
      <c r="AR28" s="692"/>
      <c r="AS28" s="692"/>
      <c r="AT28" s="692"/>
      <c r="AU28" s="692"/>
      <c r="AV28" s="692"/>
      <c r="AW28" s="692"/>
      <c r="AX28" s="692"/>
      <c r="AY28" s="692"/>
      <c r="AZ28" s="692"/>
      <c r="BA28" s="692"/>
      <c r="BB28" s="692"/>
      <c r="BC28" s="692"/>
      <c r="BD28" s="692"/>
    </row>
    <row r="29" spans="1:56" s="689" customFormat="1" ht="120" customHeight="1">
      <c r="A29" s="692" t="s">
        <v>1491</v>
      </c>
      <c r="B29" s="692" t="s">
        <v>1486</v>
      </c>
      <c r="C29" s="692" t="s">
        <v>15</v>
      </c>
      <c r="D29" s="692" t="s">
        <v>1485</v>
      </c>
      <c r="E29" s="692" t="s">
        <v>1484</v>
      </c>
      <c r="F29" s="692">
        <v>44678</v>
      </c>
      <c r="G29" s="692" t="s">
        <v>1479</v>
      </c>
      <c r="H29" s="692" t="s">
        <v>10</v>
      </c>
      <c r="I29" s="692"/>
      <c r="J29" s="692">
        <v>6</v>
      </c>
      <c r="K29" s="692">
        <v>12</v>
      </c>
      <c r="L29" s="692">
        <v>1</v>
      </c>
      <c r="M29" s="692"/>
      <c r="N29" s="692"/>
      <c r="O29" s="692" t="s">
        <v>4686</v>
      </c>
      <c r="P29" s="692"/>
      <c r="Q29" s="692"/>
      <c r="R29" s="692"/>
      <c r="S29" s="692"/>
      <c r="T29" s="692"/>
      <c r="U29" s="692"/>
      <c r="V29" s="692"/>
      <c r="W29" s="692"/>
      <c r="X29" s="692"/>
      <c r="Y29" s="692"/>
      <c r="Z29" s="692"/>
      <c r="AA29" s="692"/>
      <c r="AB29" s="692"/>
      <c r="AC29" s="692"/>
      <c r="AD29" s="692"/>
      <c r="AE29" s="692"/>
      <c r="AF29" s="692"/>
      <c r="AG29" s="692"/>
      <c r="AH29" s="692"/>
      <c r="AI29" s="692"/>
      <c r="AJ29" s="692"/>
      <c r="AK29" s="692"/>
      <c r="AL29" s="692"/>
      <c r="AM29" s="692"/>
      <c r="AN29" s="692"/>
      <c r="AO29" s="692"/>
      <c r="AP29" s="692"/>
      <c r="AQ29" s="692"/>
      <c r="AR29" s="692"/>
      <c r="AS29" s="692"/>
      <c r="AT29" s="692"/>
      <c r="AU29" s="692"/>
      <c r="AV29" s="692"/>
      <c r="AW29" s="692"/>
      <c r="AX29" s="692"/>
      <c r="AY29" s="692"/>
      <c r="AZ29" s="692"/>
      <c r="BA29" s="692"/>
      <c r="BB29" s="692"/>
      <c r="BC29" s="692"/>
      <c r="BD29" s="692"/>
    </row>
    <row r="30" spans="1:56" ht="120" customHeight="1">
      <c r="A30" s="692" t="s">
        <v>1487</v>
      </c>
      <c r="B30" s="692" t="s">
        <v>1482</v>
      </c>
      <c r="C30" s="692" t="s">
        <v>15</v>
      </c>
      <c r="D30" s="692" t="s">
        <v>1481</v>
      </c>
      <c r="E30" s="692" t="s">
        <v>1480</v>
      </c>
      <c r="F30" s="692">
        <v>42502</v>
      </c>
      <c r="G30" s="692" t="s">
        <v>1479</v>
      </c>
      <c r="H30" s="692" t="s">
        <v>10</v>
      </c>
      <c r="I30" s="692"/>
      <c r="J30" s="692">
        <v>1</v>
      </c>
      <c r="K30" s="692">
        <v>10</v>
      </c>
      <c r="L30" s="692">
        <v>1</v>
      </c>
      <c r="M30" s="692"/>
      <c r="N30" s="692"/>
      <c r="O30" s="692" t="s">
        <v>4687</v>
      </c>
      <c r="P30" s="692"/>
      <c r="Q30" s="692"/>
      <c r="R30" s="692"/>
      <c r="S30" s="692"/>
      <c r="T30" s="692"/>
      <c r="U30" s="692"/>
      <c r="V30" s="692"/>
      <c r="W30" s="692"/>
      <c r="X30" s="692"/>
      <c r="Y30" s="692"/>
      <c r="Z30" s="692"/>
      <c r="AA30" s="692"/>
      <c r="AB30" s="692"/>
      <c r="AC30" s="692"/>
      <c r="AD30" s="692"/>
      <c r="AE30" s="692"/>
      <c r="AF30" s="692"/>
      <c r="AG30" s="692"/>
      <c r="AH30" s="692"/>
      <c r="AI30" s="692"/>
      <c r="AJ30" s="692"/>
      <c r="AK30" s="692"/>
      <c r="AL30" s="692"/>
      <c r="AM30" s="692"/>
      <c r="AN30" s="692"/>
      <c r="AO30" s="692"/>
      <c r="AP30" s="692"/>
      <c r="AQ30" s="692"/>
      <c r="AR30" s="692"/>
      <c r="AS30" s="692"/>
      <c r="AT30" s="692"/>
      <c r="AU30" s="692"/>
      <c r="AV30" s="692"/>
      <c r="AW30" s="692"/>
      <c r="AX30" s="692"/>
      <c r="AY30" s="692"/>
      <c r="AZ30" s="692"/>
      <c r="BA30" s="692"/>
      <c r="BB30" s="692"/>
      <c r="BC30" s="692"/>
      <c r="BD30" s="692"/>
    </row>
    <row r="31" spans="1:56" s="689" customFormat="1" ht="120" customHeight="1">
      <c r="A31" s="692" t="s">
        <v>1483</v>
      </c>
      <c r="B31" s="692" t="s">
        <v>4688</v>
      </c>
      <c r="C31" s="692" t="s">
        <v>15</v>
      </c>
      <c r="D31" s="692" t="s">
        <v>1474</v>
      </c>
      <c r="E31" s="692" t="s">
        <v>1473</v>
      </c>
      <c r="F31" s="692">
        <v>43542</v>
      </c>
      <c r="G31" s="692" t="s">
        <v>4109</v>
      </c>
      <c r="H31" s="692" t="s">
        <v>1477</v>
      </c>
      <c r="I31" s="692"/>
      <c r="J31" s="692">
        <v>9</v>
      </c>
      <c r="K31" s="692">
        <v>28</v>
      </c>
      <c r="L31" s="692">
        <v>1</v>
      </c>
      <c r="M31" s="692"/>
      <c r="N31" s="692"/>
      <c r="O31" s="692" t="s">
        <v>4689</v>
      </c>
      <c r="P31" s="692"/>
      <c r="Q31" s="692"/>
      <c r="R31" s="692"/>
      <c r="S31" s="692"/>
      <c r="T31" s="692"/>
      <c r="U31" s="692"/>
      <c r="V31" s="692"/>
      <c r="W31" s="692"/>
      <c r="X31" s="692"/>
      <c r="Y31" s="692"/>
      <c r="Z31" s="692"/>
      <c r="AA31" s="692"/>
      <c r="AB31" s="692"/>
      <c r="AC31" s="692"/>
      <c r="AD31" s="692"/>
      <c r="AE31" s="692"/>
      <c r="AF31" s="692"/>
      <c r="AG31" s="692"/>
      <c r="AH31" s="692"/>
      <c r="AI31" s="692"/>
      <c r="AJ31" s="692"/>
      <c r="AK31" s="692"/>
      <c r="AL31" s="692"/>
      <c r="AM31" s="692"/>
      <c r="AN31" s="692"/>
      <c r="AO31" s="692"/>
      <c r="AP31" s="692"/>
      <c r="AQ31" s="692"/>
      <c r="AR31" s="692"/>
      <c r="AS31" s="692"/>
      <c r="AT31" s="692"/>
      <c r="AU31" s="692"/>
      <c r="AV31" s="692"/>
      <c r="AW31" s="692"/>
      <c r="AX31" s="692"/>
      <c r="AY31" s="692"/>
      <c r="AZ31" s="692"/>
      <c r="BA31" s="692"/>
      <c r="BB31" s="692"/>
      <c r="BC31" s="692"/>
      <c r="BD31" s="692"/>
    </row>
    <row r="32" spans="1:56" s="689" customFormat="1" ht="120" customHeight="1">
      <c r="A32" s="692" t="s">
        <v>1478</v>
      </c>
      <c r="B32" s="692" t="s">
        <v>1475</v>
      </c>
      <c r="C32" s="692" t="s">
        <v>15</v>
      </c>
      <c r="D32" s="692" t="s">
        <v>1474</v>
      </c>
      <c r="E32" s="692" t="s">
        <v>1473</v>
      </c>
      <c r="F32" s="692">
        <v>43542</v>
      </c>
      <c r="G32" s="692" t="s">
        <v>4109</v>
      </c>
      <c r="H32" s="692" t="s">
        <v>10</v>
      </c>
      <c r="I32" s="692"/>
      <c r="J32" s="692">
        <v>5</v>
      </c>
      <c r="K32" s="692">
        <v>17</v>
      </c>
      <c r="L32" s="692">
        <v>1</v>
      </c>
      <c r="M32" s="692"/>
      <c r="N32" s="692"/>
      <c r="O32" s="692" t="s">
        <v>4690</v>
      </c>
      <c r="P32" s="692"/>
      <c r="Q32" s="692"/>
      <c r="R32" s="692"/>
      <c r="S32" s="692"/>
      <c r="T32" s="692"/>
      <c r="U32" s="692"/>
      <c r="V32" s="692"/>
      <c r="W32" s="692"/>
      <c r="X32" s="692"/>
      <c r="Y32" s="692"/>
      <c r="Z32" s="692"/>
      <c r="AA32" s="692"/>
      <c r="AB32" s="692"/>
      <c r="AC32" s="692"/>
      <c r="AD32" s="692"/>
      <c r="AE32" s="692"/>
      <c r="AF32" s="692"/>
      <c r="AG32" s="692"/>
      <c r="AH32" s="692"/>
      <c r="AI32" s="692"/>
      <c r="AJ32" s="692"/>
      <c r="AK32" s="692"/>
      <c r="AL32" s="692"/>
      <c r="AM32" s="692"/>
      <c r="AN32" s="692"/>
      <c r="AO32" s="692"/>
      <c r="AP32" s="692"/>
      <c r="AQ32" s="692"/>
      <c r="AR32" s="692"/>
      <c r="AS32" s="692"/>
      <c r="AT32" s="692"/>
      <c r="AU32" s="692"/>
      <c r="AV32" s="692"/>
      <c r="AW32" s="692"/>
      <c r="AX32" s="692"/>
      <c r="AY32" s="692"/>
      <c r="AZ32" s="692"/>
      <c r="BA32" s="692"/>
      <c r="BB32" s="692"/>
      <c r="BC32" s="692"/>
      <c r="BD32" s="692"/>
    </row>
    <row r="33" spans="1:121" s="689" customFormat="1" ht="120" customHeight="1">
      <c r="A33" s="692" t="s">
        <v>1476</v>
      </c>
      <c r="B33" s="692" t="s">
        <v>1471</v>
      </c>
      <c r="C33" s="692" t="s">
        <v>15</v>
      </c>
      <c r="D33" s="692" t="s">
        <v>1470</v>
      </c>
      <c r="E33" s="692" t="s">
        <v>1469</v>
      </c>
      <c r="F33" s="692">
        <v>44481</v>
      </c>
      <c r="G33" s="692" t="s">
        <v>63</v>
      </c>
      <c r="H33" s="692" t="s">
        <v>10</v>
      </c>
      <c r="I33" s="692"/>
      <c r="J33" s="692">
        <v>6</v>
      </c>
      <c r="K33" s="692">
        <v>10</v>
      </c>
      <c r="L33" s="692">
        <v>1</v>
      </c>
      <c r="M33" s="692"/>
      <c r="N33" s="692"/>
      <c r="O33" s="692" t="s">
        <v>1468</v>
      </c>
      <c r="P33" s="692"/>
      <c r="Q33" s="692" t="s">
        <v>1307</v>
      </c>
      <c r="R33" s="692"/>
      <c r="S33" s="692"/>
      <c r="T33" s="692"/>
      <c r="U33" s="692"/>
      <c r="V33" s="692"/>
      <c r="W33" s="692"/>
      <c r="X33" s="692"/>
      <c r="Y33" s="692"/>
      <c r="Z33" s="692"/>
      <c r="AA33" s="692"/>
      <c r="AB33" s="692"/>
      <c r="AC33" s="692"/>
      <c r="AD33" s="692"/>
      <c r="AE33" s="692"/>
      <c r="AF33" s="692"/>
      <c r="AG33" s="692"/>
      <c r="AH33" s="692"/>
      <c r="AI33" s="692"/>
      <c r="AJ33" s="692"/>
      <c r="AK33" s="692"/>
      <c r="AL33" s="692"/>
      <c r="AM33" s="692"/>
      <c r="AN33" s="692"/>
      <c r="AO33" s="692"/>
      <c r="AP33" s="692"/>
      <c r="AQ33" s="692"/>
      <c r="AR33" s="692"/>
      <c r="AS33" s="692"/>
      <c r="AT33" s="692"/>
      <c r="AU33" s="692"/>
      <c r="AV33" s="692"/>
      <c r="AW33" s="692"/>
      <c r="AX33" s="692"/>
      <c r="AY33" s="692"/>
      <c r="AZ33" s="692"/>
      <c r="BA33" s="692"/>
      <c r="BB33" s="692"/>
      <c r="BC33" s="692"/>
      <c r="BD33" s="692"/>
    </row>
    <row r="34" spans="1:121" s="689" customFormat="1" ht="120" customHeight="1">
      <c r="A34" s="692" t="s">
        <v>1472</v>
      </c>
      <c r="B34" s="692" t="s">
        <v>1467</v>
      </c>
      <c r="C34" s="692" t="s">
        <v>27</v>
      </c>
      <c r="D34" s="692" t="s">
        <v>1466</v>
      </c>
      <c r="E34" s="692" t="s">
        <v>1465</v>
      </c>
      <c r="F34" s="692">
        <v>44382</v>
      </c>
      <c r="G34" s="692"/>
      <c r="H34" s="692" t="s">
        <v>10</v>
      </c>
      <c r="I34" s="692"/>
      <c r="J34" s="692">
        <v>1</v>
      </c>
      <c r="K34" s="692">
        <v>6</v>
      </c>
      <c r="L34" s="692">
        <v>0</v>
      </c>
      <c r="M34" s="692"/>
      <c r="N34" s="692"/>
      <c r="O34" s="692"/>
      <c r="P34" s="692"/>
      <c r="Q34" s="692"/>
      <c r="R34" s="692"/>
      <c r="S34" s="692"/>
      <c r="T34" s="692"/>
      <c r="U34" s="692"/>
      <c r="V34" s="692"/>
      <c r="W34" s="692"/>
      <c r="X34" s="692"/>
      <c r="Y34" s="692"/>
      <c r="Z34" s="692"/>
      <c r="AA34" s="692"/>
      <c r="AB34" s="692"/>
      <c r="AC34" s="692"/>
      <c r="AD34" s="692"/>
      <c r="AE34" s="692"/>
      <c r="AF34" s="692"/>
      <c r="AG34" s="692"/>
      <c r="AH34" s="692"/>
      <c r="AI34" s="692"/>
      <c r="AJ34" s="692"/>
      <c r="AK34" s="692"/>
      <c r="AL34" s="692"/>
      <c r="AM34" s="692"/>
      <c r="AN34" s="692"/>
      <c r="AO34" s="692"/>
      <c r="AP34" s="692"/>
      <c r="AQ34" s="692"/>
      <c r="AR34" s="692"/>
      <c r="AS34" s="692"/>
      <c r="AT34" s="692"/>
      <c r="AU34" s="692"/>
      <c r="AV34" s="692"/>
      <c r="AW34" s="692"/>
      <c r="AX34" s="692"/>
      <c r="AY34" s="692"/>
      <c r="AZ34" s="692"/>
      <c r="BA34" s="692"/>
      <c r="BB34" s="692"/>
      <c r="BC34" s="692"/>
      <c r="BD34" s="692"/>
    </row>
    <row r="35" spans="1:121" s="325" customFormat="1" ht="120" customHeight="1">
      <c r="A35" s="692" t="s">
        <v>1277</v>
      </c>
      <c r="B35" s="692" t="s">
        <v>4691</v>
      </c>
      <c r="C35" s="692" t="s">
        <v>27</v>
      </c>
      <c r="D35" s="692" t="s">
        <v>1463</v>
      </c>
      <c r="E35" s="692" t="s">
        <v>1462</v>
      </c>
      <c r="F35" s="692">
        <v>44019</v>
      </c>
      <c r="G35" s="692"/>
      <c r="H35" s="692" t="s">
        <v>10</v>
      </c>
      <c r="I35" s="692"/>
      <c r="J35" s="692">
        <v>1</v>
      </c>
      <c r="K35" s="692">
        <v>10</v>
      </c>
      <c r="L35" s="692">
        <v>0</v>
      </c>
      <c r="M35" s="692"/>
      <c r="N35" s="692"/>
      <c r="O35" s="692"/>
      <c r="P35" s="692"/>
      <c r="Q35" s="692" t="s">
        <v>1461</v>
      </c>
      <c r="R35" s="692"/>
      <c r="S35" s="692"/>
      <c r="T35" s="692"/>
      <c r="U35" s="692"/>
      <c r="V35" s="692"/>
      <c r="W35" s="692"/>
      <c r="X35" s="692"/>
      <c r="Y35" s="692"/>
      <c r="Z35" s="692"/>
      <c r="AA35" s="692"/>
      <c r="AB35" s="692"/>
      <c r="AC35" s="692"/>
      <c r="AD35" s="692"/>
      <c r="AE35" s="692"/>
      <c r="AF35" s="692"/>
      <c r="AG35" s="692"/>
      <c r="AH35" s="692"/>
      <c r="AI35" s="692"/>
      <c r="AJ35" s="692"/>
      <c r="AK35" s="692"/>
      <c r="AL35" s="692"/>
      <c r="AM35" s="692"/>
      <c r="AN35" s="692"/>
      <c r="AO35" s="692"/>
      <c r="AP35" s="692"/>
      <c r="AQ35" s="692"/>
      <c r="AR35" s="692"/>
      <c r="AS35" s="692"/>
      <c r="AT35" s="692"/>
      <c r="AU35" s="692"/>
      <c r="AV35" s="692"/>
      <c r="AW35" s="692"/>
      <c r="AX35" s="692"/>
      <c r="AY35" s="692"/>
      <c r="AZ35" s="692"/>
      <c r="BA35" s="692"/>
      <c r="BB35" s="692"/>
      <c r="BC35" s="692"/>
      <c r="BD35" s="692"/>
    </row>
    <row r="36" spans="1:121" ht="120" customHeight="1">
      <c r="A36" s="692" t="s">
        <v>1464</v>
      </c>
      <c r="B36" s="692" t="s">
        <v>4692</v>
      </c>
      <c r="C36" s="692" t="s">
        <v>27</v>
      </c>
      <c r="D36" s="692" t="s">
        <v>1460</v>
      </c>
      <c r="E36" s="692" t="s">
        <v>1459</v>
      </c>
      <c r="F36" s="692">
        <v>44125</v>
      </c>
      <c r="G36" s="692"/>
      <c r="H36" s="692" t="s">
        <v>10</v>
      </c>
      <c r="I36" s="692"/>
      <c r="J36" s="692">
        <v>1</v>
      </c>
      <c r="K36" s="692">
        <v>4</v>
      </c>
      <c r="L36" s="692">
        <v>0</v>
      </c>
      <c r="M36" s="692"/>
      <c r="N36" s="692"/>
      <c r="O36" s="692"/>
      <c r="P36" s="692"/>
      <c r="Q36" s="692"/>
      <c r="R36" s="692"/>
      <c r="S36" s="692"/>
      <c r="T36" s="692"/>
      <c r="U36" s="692"/>
      <c r="V36" s="692"/>
      <c r="W36" s="692"/>
      <c r="X36" s="692"/>
      <c r="Y36" s="692"/>
      <c r="Z36" s="692"/>
      <c r="AA36" s="692"/>
      <c r="AB36" s="692"/>
      <c r="AC36" s="692"/>
      <c r="AD36" s="692"/>
      <c r="AE36" s="692"/>
      <c r="AF36" s="692"/>
      <c r="AG36" s="692"/>
      <c r="AH36" s="692"/>
      <c r="AI36" s="692"/>
      <c r="AJ36" s="692"/>
      <c r="AK36" s="692"/>
      <c r="AL36" s="692"/>
      <c r="AM36" s="692"/>
      <c r="AN36" s="692"/>
      <c r="AO36" s="692"/>
      <c r="AP36" s="692"/>
      <c r="AQ36" s="692"/>
      <c r="AR36" s="692"/>
      <c r="AS36" s="692"/>
      <c r="AT36" s="692"/>
      <c r="AU36" s="692"/>
      <c r="AV36" s="692"/>
      <c r="AW36" s="692"/>
      <c r="AX36" s="692"/>
      <c r="AY36" s="692"/>
      <c r="AZ36" s="692"/>
      <c r="BA36" s="692"/>
      <c r="BB36" s="692"/>
      <c r="BC36" s="692"/>
      <c r="BD36" s="692"/>
    </row>
    <row r="37" spans="1:121" ht="120" customHeight="1">
      <c r="A37" s="692" t="s">
        <v>1160</v>
      </c>
      <c r="B37" s="692" t="s">
        <v>1457</v>
      </c>
      <c r="C37" s="692" t="s">
        <v>27</v>
      </c>
      <c r="D37" s="692" t="s">
        <v>1456</v>
      </c>
      <c r="E37" s="692" t="s">
        <v>1455</v>
      </c>
      <c r="F37" s="692">
        <v>44481</v>
      </c>
      <c r="G37" s="692"/>
      <c r="H37" s="692" t="s">
        <v>10</v>
      </c>
      <c r="I37" s="692"/>
      <c r="J37" s="692">
        <v>1</v>
      </c>
      <c r="K37" s="692">
        <v>6</v>
      </c>
      <c r="L37" s="692">
        <v>0</v>
      </c>
      <c r="M37" s="692"/>
      <c r="N37" s="692"/>
      <c r="O37" s="692" t="s">
        <v>4693</v>
      </c>
      <c r="P37" s="692"/>
      <c r="Q37" s="692"/>
      <c r="R37" s="692"/>
      <c r="S37" s="692"/>
      <c r="T37" s="692"/>
      <c r="U37" s="692"/>
      <c r="V37" s="692"/>
      <c r="W37" s="692"/>
      <c r="X37" s="692"/>
      <c r="Y37" s="692"/>
      <c r="Z37" s="692"/>
      <c r="AA37" s="692"/>
      <c r="AB37" s="692"/>
      <c r="AC37" s="692"/>
      <c r="AD37" s="692"/>
      <c r="AE37" s="692"/>
      <c r="AF37" s="692"/>
      <c r="AG37" s="692"/>
      <c r="AH37" s="692"/>
      <c r="AI37" s="692"/>
      <c r="AJ37" s="692"/>
      <c r="AK37" s="692"/>
      <c r="AL37" s="692"/>
      <c r="AM37" s="692"/>
      <c r="AN37" s="692"/>
      <c r="AO37" s="692"/>
      <c r="AP37" s="692"/>
      <c r="AQ37" s="692"/>
      <c r="AR37" s="692"/>
      <c r="AS37" s="692"/>
      <c r="AT37" s="692"/>
      <c r="AU37" s="692"/>
      <c r="AV37" s="692"/>
      <c r="AW37" s="692"/>
      <c r="AX37" s="692"/>
      <c r="AY37" s="692"/>
      <c r="AZ37" s="692"/>
      <c r="BA37" s="692"/>
      <c r="BB37" s="692"/>
      <c r="BC37" s="692"/>
      <c r="BD37" s="692"/>
    </row>
    <row r="38" spans="1:121" ht="120" customHeight="1">
      <c r="A38" s="692" t="s">
        <v>1458</v>
      </c>
      <c r="B38" s="692" t="s">
        <v>1453</v>
      </c>
      <c r="C38" s="692" t="s">
        <v>27</v>
      </c>
      <c r="D38" s="692" t="s">
        <v>1452</v>
      </c>
      <c r="E38" s="692" t="s">
        <v>1451</v>
      </c>
      <c r="F38" s="692">
        <v>44482</v>
      </c>
      <c r="G38" s="692"/>
      <c r="H38" s="692" t="s">
        <v>10</v>
      </c>
      <c r="I38" s="692"/>
      <c r="J38" s="692">
        <v>1</v>
      </c>
      <c r="K38" s="692">
        <v>6</v>
      </c>
      <c r="L38" s="692">
        <v>0</v>
      </c>
      <c r="M38" s="692"/>
      <c r="N38" s="692"/>
      <c r="O38" s="692"/>
      <c r="P38" s="692"/>
      <c r="Q38" s="692"/>
      <c r="R38" s="692"/>
      <c r="S38" s="692"/>
      <c r="T38" s="692"/>
      <c r="U38" s="692"/>
      <c r="V38" s="692"/>
      <c r="W38" s="692"/>
      <c r="X38" s="692"/>
      <c r="Y38" s="692"/>
      <c r="Z38" s="692"/>
      <c r="AA38" s="692"/>
      <c r="AB38" s="692"/>
      <c r="AC38" s="692"/>
      <c r="AD38" s="692"/>
      <c r="AE38" s="692"/>
      <c r="AF38" s="692"/>
      <c r="AG38" s="692"/>
      <c r="AH38" s="692"/>
      <c r="AI38" s="692"/>
      <c r="AJ38" s="692"/>
      <c r="AK38" s="692"/>
      <c r="AL38" s="692"/>
      <c r="AM38" s="692"/>
      <c r="AN38" s="692"/>
      <c r="AO38" s="692"/>
      <c r="AP38" s="692"/>
      <c r="AQ38" s="692"/>
      <c r="AR38" s="692"/>
      <c r="AS38" s="692"/>
      <c r="AT38" s="692"/>
      <c r="AU38" s="692"/>
      <c r="AV38" s="692"/>
      <c r="AW38" s="692"/>
      <c r="AX38" s="692"/>
      <c r="AY38" s="692"/>
      <c r="AZ38" s="692"/>
      <c r="BA38" s="692"/>
      <c r="BB38" s="692"/>
      <c r="BC38" s="692"/>
      <c r="BD38" s="692"/>
    </row>
    <row r="39" spans="1:121" ht="120" customHeight="1">
      <c r="A39" s="692" t="s">
        <v>1454</v>
      </c>
      <c r="B39" s="692" t="s">
        <v>4694</v>
      </c>
      <c r="C39" s="692" t="s">
        <v>27</v>
      </c>
      <c r="D39" s="692" t="s">
        <v>1449</v>
      </c>
      <c r="E39" s="692" t="s">
        <v>1448</v>
      </c>
      <c r="F39" s="692">
        <v>44508</v>
      </c>
      <c r="G39" s="692"/>
      <c r="H39" s="692" t="s">
        <v>10</v>
      </c>
      <c r="I39" s="692"/>
      <c r="J39" s="692">
        <v>3</v>
      </c>
      <c r="K39" s="692">
        <v>12</v>
      </c>
      <c r="L39" s="692">
        <v>0</v>
      </c>
      <c r="M39" s="692"/>
      <c r="N39" s="692"/>
      <c r="O39" s="692" t="s">
        <v>4695</v>
      </c>
      <c r="P39" s="692"/>
      <c r="Q39" s="692"/>
      <c r="R39" s="692"/>
      <c r="S39" s="692"/>
      <c r="T39" s="692"/>
      <c r="U39" s="692"/>
      <c r="V39" s="692"/>
      <c r="W39" s="692"/>
      <c r="X39" s="692"/>
      <c r="Y39" s="692"/>
      <c r="Z39" s="692"/>
      <c r="AA39" s="692"/>
      <c r="AB39" s="692"/>
      <c r="AC39" s="692"/>
      <c r="AD39" s="692"/>
      <c r="AE39" s="692"/>
      <c r="AF39" s="692"/>
      <c r="AG39" s="692"/>
      <c r="AH39" s="692"/>
      <c r="AI39" s="692"/>
      <c r="AJ39" s="692"/>
      <c r="AK39" s="692"/>
      <c r="AL39" s="692"/>
      <c r="AM39" s="692"/>
      <c r="AN39" s="692"/>
      <c r="AO39" s="692"/>
      <c r="AP39" s="692"/>
      <c r="AQ39" s="692"/>
      <c r="AR39" s="692"/>
      <c r="AS39" s="692"/>
      <c r="AT39" s="692"/>
      <c r="AU39" s="692"/>
      <c r="AV39" s="692"/>
      <c r="AW39" s="692"/>
      <c r="AX39" s="692"/>
      <c r="AY39" s="692"/>
      <c r="AZ39" s="692"/>
      <c r="BA39" s="692"/>
      <c r="BB39" s="692"/>
      <c r="BC39" s="692"/>
      <c r="BD39" s="692"/>
    </row>
    <row r="40" spans="1:121" ht="120" customHeight="1">
      <c r="A40" s="692" t="s">
        <v>1450</v>
      </c>
      <c r="B40" s="692" t="s">
        <v>1446</v>
      </c>
      <c r="C40" s="692" t="s">
        <v>27</v>
      </c>
      <c r="D40" s="692" t="s">
        <v>1445</v>
      </c>
      <c r="E40" s="692" t="s">
        <v>1444</v>
      </c>
      <c r="F40" s="692">
        <v>44507</v>
      </c>
      <c r="G40" s="692"/>
      <c r="H40" s="692" t="s">
        <v>10</v>
      </c>
      <c r="I40" s="692"/>
      <c r="J40" s="692">
        <v>1</v>
      </c>
      <c r="K40" s="692">
        <v>6</v>
      </c>
      <c r="L40" s="692">
        <v>0</v>
      </c>
      <c r="M40" s="692"/>
      <c r="N40" s="692"/>
      <c r="O40" s="692"/>
      <c r="P40" s="692"/>
      <c r="Q40" s="692"/>
      <c r="R40" s="692"/>
      <c r="S40" s="692"/>
      <c r="T40" s="692"/>
      <c r="U40" s="692"/>
      <c r="V40" s="692"/>
      <c r="W40" s="692"/>
      <c r="X40" s="692"/>
      <c r="Y40" s="692"/>
      <c r="Z40" s="692"/>
      <c r="AA40" s="692"/>
      <c r="AB40" s="692"/>
      <c r="AC40" s="692"/>
      <c r="AD40" s="692"/>
      <c r="AE40" s="692"/>
      <c r="AF40" s="692"/>
      <c r="AG40" s="692"/>
      <c r="AH40" s="692"/>
      <c r="AI40" s="692"/>
      <c r="AJ40" s="692"/>
      <c r="AK40" s="692"/>
      <c r="AL40" s="692"/>
      <c r="AM40" s="692"/>
      <c r="AN40" s="692"/>
      <c r="AO40" s="692"/>
      <c r="AP40" s="692"/>
      <c r="AQ40" s="692"/>
      <c r="AR40" s="692"/>
      <c r="AS40" s="692"/>
      <c r="AT40" s="692"/>
      <c r="AU40" s="692"/>
      <c r="AV40" s="692"/>
      <c r="AW40" s="692"/>
      <c r="AX40" s="692"/>
      <c r="AY40" s="692"/>
      <c r="AZ40" s="692"/>
      <c r="BA40" s="692"/>
      <c r="BB40" s="692"/>
      <c r="BC40" s="692"/>
      <c r="BD40" s="692"/>
    </row>
    <row r="41" spans="1:121" ht="120" customHeight="1">
      <c r="A41" s="692" t="s">
        <v>1447</v>
      </c>
      <c r="B41" s="692" t="s">
        <v>1442</v>
      </c>
      <c r="C41" s="692" t="s">
        <v>27</v>
      </c>
      <c r="D41" s="692" t="s">
        <v>1441</v>
      </c>
      <c r="E41" s="692" t="s">
        <v>1440</v>
      </c>
      <c r="F41" s="692">
        <v>44644</v>
      </c>
      <c r="G41" s="692"/>
      <c r="H41" s="692" t="s">
        <v>10</v>
      </c>
      <c r="I41" s="692"/>
      <c r="J41" s="692">
        <v>1</v>
      </c>
      <c r="K41" s="692">
        <v>6</v>
      </c>
      <c r="L41" s="692">
        <v>0</v>
      </c>
      <c r="M41" s="692"/>
      <c r="N41" s="692"/>
      <c r="O41" s="692" t="s">
        <v>4696</v>
      </c>
      <c r="P41" s="692"/>
      <c r="Q41" s="692"/>
      <c r="R41" s="692"/>
      <c r="S41" s="692"/>
      <c r="T41" s="692"/>
      <c r="U41" s="692"/>
      <c r="V41" s="692"/>
      <c r="W41" s="692"/>
      <c r="X41" s="692"/>
      <c r="Y41" s="692"/>
      <c r="Z41" s="692"/>
      <c r="AA41" s="692"/>
      <c r="AB41" s="692"/>
      <c r="AC41" s="692"/>
      <c r="AD41" s="692"/>
      <c r="AE41" s="692"/>
      <c r="AF41" s="692"/>
      <c r="AG41" s="692"/>
      <c r="AH41" s="692"/>
      <c r="AI41" s="692"/>
      <c r="AJ41" s="692"/>
      <c r="AK41" s="692"/>
      <c r="AL41" s="692"/>
      <c r="AM41" s="692"/>
      <c r="AN41" s="692"/>
      <c r="AO41" s="692"/>
      <c r="AP41" s="692"/>
      <c r="AQ41" s="692"/>
      <c r="AR41" s="692"/>
      <c r="AS41" s="692"/>
      <c r="AT41" s="692"/>
      <c r="AU41" s="692"/>
      <c r="AV41" s="692"/>
      <c r="AW41" s="692"/>
      <c r="AX41" s="692"/>
      <c r="AY41" s="692"/>
      <c r="AZ41" s="692"/>
      <c r="BA41" s="692"/>
      <c r="BB41" s="692"/>
      <c r="BC41" s="692"/>
      <c r="BD41" s="692"/>
    </row>
    <row r="42" spans="1:121" ht="120" customHeight="1">
      <c r="A42" s="692" t="s">
        <v>1443</v>
      </c>
      <c r="B42" s="692" t="s">
        <v>1439</v>
      </c>
      <c r="C42" s="692" t="s">
        <v>27</v>
      </c>
      <c r="D42" s="692" t="s">
        <v>1438</v>
      </c>
      <c r="E42" s="692" t="s">
        <v>1437</v>
      </c>
      <c r="F42" s="692">
        <v>44412</v>
      </c>
      <c r="G42" s="692"/>
      <c r="H42" s="692" t="s">
        <v>10</v>
      </c>
      <c r="I42" s="692"/>
      <c r="J42" s="692">
        <v>1</v>
      </c>
      <c r="K42" s="692">
        <v>6</v>
      </c>
      <c r="L42" s="692">
        <v>0</v>
      </c>
      <c r="M42" s="692"/>
      <c r="N42" s="692"/>
      <c r="O42" s="692"/>
      <c r="P42" s="692"/>
      <c r="Q42" s="692"/>
      <c r="R42" s="692"/>
      <c r="S42" s="692"/>
      <c r="T42" s="692"/>
      <c r="U42" s="692"/>
      <c r="V42" s="692"/>
      <c r="W42" s="692"/>
      <c r="X42" s="692"/>
      <c r="Y42" s="692"/>
      <c r="Z42" s="692"/>
      <c r="AA42" s="692"/>
      <c r="AB42" s="692"/>
      <c r="AC42" s="692"/>
      <c r="AD42" s="692"/>
      <c r="AE42" s="692"/>
      <c r="AF42" s="692"/>
      <c r="AG42" s="692"/>
      <c r="AH42" s="692"/>
      <c r="AI42" s="692"/>
      <c r="AJ42" s="692"/>
      <c r="AK42" s="692"/>
      <c r="AL42" s="692"/>
      <c r="AM42" s="692"/>
      <c r="AN42" s="692"/>
      <c r="AO42" s="692"/>
      <c r="AP42" s="692"/>
      <c r="AQ42" s="692"/>
      <c r="AR42" s="692"/>
      <c r="AS42" s="692"/>
      <c r="AT42" s="692"/>
      <c r="AU42" s="692"/>
      <c r="AV42" s="692"/>
      <c r="AW42" s="692"/>
      <c r="AX42" s="692"/>
      <c r="AY42" s="692"/>
      <c r="AZ42" s="692"/>
      <c r="BA42" s="692"/>
      <c r="BB42" s="692"/>
      <c r="BC42" s="692"/>
      <c r="BD42" s="692"/>
    </row>
    <row r="43" spans="1:121" ht="120" customHeight="1">
      <c r="A43" s="692" t="s">
        <v>1147</v>
      </c>
      <c r="B43" s="692" t="s">
        <v>1435</v>
      </c>
      <c r="C43" s="692" t="s">
        <v>27</v>
      </c>
      <c r="D43" s="692" t="s">
        <v>1434</v>
      </c>
      <c r="E43" s="692" t="s">
        <v>1433</v>
      </c>
      <c r="F43" s="692">
        <v>44029</v>
      </c>
      <c r="G43" s="692"/>
      <c r="H43" s="692" t="s">
        <v>10</v>
      </c>
      <c r="I43" s="692"/>
      <c r="J43" s="692">
        <v>2</v>
      </c>
      <c r="K43" s="692">
        <v>12</v>
      </c>
      <c r="L43" s="692">
        <v>0</v>
      </c>
      <c r="M43" s="692"/>
      <c r="N43" s="692"/>
      <c r="O43" s="692" t="s">
        <v>4697</v>
      </c>
      <c r="P43" s="692"/>
      <c r="Q43" s="692"/>
      <c r="R43" s="692"/>
      <c r="S43" s="692"/>
      <c r="T43" s="692"/>
      <c r="U43" s="692"/>
      <c r="V43" s="692"/>
      <c r="W43" s="692"/>
      <c r="X43" s="692"/>
      <c r="Y43" s="692"/>
      <c r="Z43" s="692"/>
      <c r="AA43" s="692"/>
      <c r="AB43" s="692"/>
      <c r="AC43" s="692"/>
      <c r="AD43" s="692"/>
      <c r="AE43" s="692"/>
      <c r="AF43" s="692"/>
      <c r="AG43" s="692"/>
      <c r="AH43" s="692"/>
      <c r="AI43" s="692"/>
      <c r="AJ43" s="692"/>
      <c r="AK43" s="692"/>
      <c r="AL43" s="692"/>
      <c r="AM43" s="692"/>
      <c r="AN43" s="692"/>
      <c r="AO43" s="692"/>
      <c r="AP43" s="692"/>
      <c r="AQ43" s="692"/>
      <c r="AR43" s="692"/>
      <c r="AS43" s="692"/>
      <c r="AT43" s="692"/>
      <c r="AU43" s="692"/>
      <c r="AV43" s="692"/>
      <c r="AW43" s="692"/>
      <c r="AX43" s="692"/>
      <c r="AY43" s="692"/>
      <c r="AZ43" s="692"/>
      <c r="BA43" s="692"/>
      <c r="BB43" s="692"/>
      <c r="BC43" s="692"/>
      <c r="BD43" s="692"/>
    </row>
    <row r="44" spans="1:121" ht="120" customHeight="1">
      <c r="A44" s="692" t="s">
        <v>1436</v>
      </c>
      <c r="B44" s="692" t="s">
        <v>1431</v>
      </c>
      <c r="C44" s="692" t="s">
        <v>27</v>
      </c>
      <c r="D44" s="692" t="s">
        <v>1430</v>
      </c>
      <c r="E44" s="692" t="s">
        <v>1429</v>
      </c>
      <c r="F44" s="692">
        <v>44016</v>
      </c>
      <c r="G44" s="692"/>
      <c r="H44" s="692" t="s">
        <v>10</v>
      </c>
      <c r="I44" s="692"/>
      <c r="J44" s="692">
        <v>1</v>
      </c>
      <c r="K44" s="692">
        <v>6</v>
      </c>
      <c r="L44" s="692">
        <v>0</v>
      </c>
      <c r="M44" s="692"/>
      <c r="N44" s="692"/>
      <c r="O44" s="692" t="s">
        <v>4698</v>
      </c>
      <c r="P44" s="692"/>
      <c r="Q44" s="692"/>
      <c r="R44" s="692"/>
      <c r="S44" s="692"/>
      <c r="T44" s="692"/>
      <c r="U44" s="692"/>
      <c r="V44" s="692"/>
      <c r="W44" s="692"/>
      <c r="X44" s="692"/>
      <c r="Y44" s="692"/>
      <c r="Z44" s="692"/>
      <c r="AA44" s="692"/>
      <c r="AB44" s="692"/>
      <c r="AC44" s="692"/>
      <c r="AD44" s="692"/>
      <c r="AE44" s="692"/>
      <c r="AF44" s="692"/>
      <c r="AG44" s="692"/>
      <c r="AH44" s="692"/>
      <c r="AI44" s="692"/>
      <c r="AJ44" s="692"/>
      <c r="AK44" s="692"/>
      <c r="AL44" s="692"/>
      <c r="AM44" s="692"/>
      <c r="AN44" s="692"/>
      <c r="AO44" s="692"/>
      <c r="AP44" s="692"/>
      <c r="AQ44" s="692"/>
      <c r="AR44" s="692"/>
      <c r="AS44" s="692"/>
      <c r="AT44" s="692"/>
      <c r="AU44" s="692"/>
      <c r="AV44" s="692"/>
      <c r="AW44" s="692"/>
      <c r="AX44" s="692"/>
      <c r="AY44" s="692"/>
      <c r="AZ44" s="692"/>
      <c r="BA44" s="692"/>
      <c r="BB44" s="692"/>
      <c r="BC44" s="692"/>
      <c r="BD44" s="692"/>
    </row>
    <row r="45" spans="1:121" ht="120" customHeight="1">
      <c r="A45" s="692" t="s">
        <v>1432</v>
      </c>
      <c r="B45" s="692" t="s">
        <v>1427</v>
      </c>
      <c r="C45" s="692" t="s">
        <v>27</v>
      </c>
      <c r="D45" s="692" t="s">
        <v>1426</v>
      </c>
      <c r="E45" s="692" t="s">
        <v>1425</v>
      </c>
      <c r="F45" s="692">
        <v>44032</v>
      </c>
      <c r="G45" s="692"/>
      <c r="H45" s="692" t="s">
        <v>10</v>
      </c>
      <c r="I45" s="692"/>
      <c r="J45" s="692">
        <v>1</v>
      </c>
      <c r="K45" s="692">
        <v>7</v>
      </c>
      <c r="L45" s="692">
        <v>0</v>
      </c>
      <c r="M45" s="692"/>
      <c r="N45" s="692"/>
      <c r="O45" s="692"/>
      <c r="P45" s="692"/>
      <c r="Q45" s="692"/>
      <c r="R45" s="692"/>
      <c r="S45" s="692"/>
      <c r="T45" s="692"/>
      <c r="U45" s="692"/>
      <c r="V45" s="692"/>
      <c r="W45" s="692"/>
      <c r="X45" s="692"/>
      <c r="Y45" s="692"/>
      <c r="Z45" s="692"/>
      <c r="AA45" s="692"/>
      <c r="AB45" s="692"/>
      <c r="AC45" s="692"/>
      <c r="AD45" s="692"/>
      <c r="AE45" s="692"/>
      <c r="AF45" s="692"/>
      <c r="AG45" s="692"/>
      <c r="AH45" s="692"/>
      <c r="AI45" s="692"/>
      <c r="AJ45" s="692"/>
      <c r="AK45" s="692"/>
      <c r="AL45" s="692"/>
      <c r="AM45" s="692"/>
      <c r="AN45" s="692"/>
      <c r="AO45" s="692"/>
      <c r="AP45" s="692"/>
      <c r="AQ45" s="692"/>
      <c r="AR45" s="692"/>
      <c r="AS45" s="692"/>
      <c r="AT45" s="692"/>
      <c r="AU45" s="692"/>
      <c r="AV45" s="692"/>
      <c r="AW45" s="692"/>
      <c r="AX45" s="692"/>
      <c r="AY45" s="692"/>
      <c r="AZ45" s="692"/>
      <c r="BA45" s="692"/>
      <c r="BB45" s="692"/>
      <c r="BC45" s="692"/>
      <c r="BD45" s="692"/>
    </row>
    <row r="46" spans="1:121" ht="120" customHeight="1">
      <c r="A46" s="692" t="s">
        <v>1428</v>
      </c>
      <c r="B46" s="692" t="s">
        <v>1423</v>
      </c>
      <c r="C46" s="692" t="s">
        <v>27</v>
      </c>
      <c r="D46" s="692" t="s">
        <v>1311</v>
      </c>
      <c r="E46" s="692" t="s">
        <v>1422</v>
      </c>
      <c r="F46" s="692">
        <v>44676</v>
      </c>
      <c r="G46" s="692"/>
      <c r="H46" s="692" t="s">
        <v>10</v>
      </c>
      <c r="I46" s="692"/>
      <c r="J46" s="692">
        <v>1</v>
      </c>
      <c r="K46" s="692">
        <v>6</v>
      </c>
      <c r="L46" s="692">
        <v>0</v>
      </c>
      <c r="M46" s="692"/>
      <c r="N46" s="692"/>
      <c r="O46" s="692" t="s">
        <v>1421</v>
      </c>
      <c r="P46" s="692"/>
      <c r="Q46" s="692"/>
      <c r="R46" s="692"/>
      <c r="S46" s="692"/>
      <c r="T46" s="692"/>
      <c r="U46" s="692"/>
      <c r="V46" s="692"/>
      <c r="W46" s="692"/>
      <c r="X46" s="692"/>
      <c r="Y46" s="692"/>
      <c r="Z46" s="692"/>
      <c r="AA46" s="692"/>
      <c r="AB46" s="692"/>
      <c r="AC46" s="692"/>
      <c r="AD46" s="692"/>
      <c r="AE46" s="692"/>
      <c r="AF46" s="692"/>
      <c r="AG46" s="692"/>
      <c r="AH46" s="692"/>
      <c r="AI46" s="692"/>
      <c r="AJ46" s="692"/>
      <c r="AK46" s="692"/>
      <c r="AL46" s="692"/>
      <c r="AM46" s="692"/>
      <c r="AN46" s="692"/>
      <c r="AO46" s="692"/>
      <c r="AP46" s="692"/>
      <c r="AQ46" s="692"/>
      <c r="AR46" s="692"/>
      <c r="AS46" s="692"/>
      <c r="AT46" s="692"/>
      <c r="AU46" s="692"/>
      <c r="AV46" s="692"/>
      <c r="AW46" s="692"/>
      <c r="AX46" s="692"/>
      <c r="AY46" s="692"/>
      <c r="AZ46" s="692"/>
      <c r="BA46" s="692"/>
      <c r="BB46" s="692"/>
      <c r="BC46" s="692"/>
      <c r="BD46" s="692"/>
    </row>
    <row r="47" spans="1:121" ht="120" customHeight="1">
      <c r="A47" s="692" t="s">
        <v>1424</v>
      </c>
      <c r="B47" s="692" t="s">
        <v>1419</v>
      </c>
      <c r="C47" s="692" t="s">
        <v>27</v>
      </c>
      <c r="D47" s="692" t="s">
        <v>1418</v>
      </c>
      <c r="E47" s="692" t="s">
        <v>1417</v>
      </c>
      <c r="F47" s="692">
        <v>44146</v>
      </c>
      <c r="G47" s="692" t="s">
        <v>1416</v>
      </c>
      <c r="H47" s="692" t="s">
        <v>10</v>
      </c>
      <c r="I47" s="692"/>
      <c r="J47" s="692">
        <v>7</v>
      </c>
      <c r="K47" s="692">
        <v>14</v>
      </c>
      <c r="L47" s="692">
        <v>0</v>
      </c>
      <c r="M47" s="692"/>
      <c r="N47" s="692"/>
      <c r="O47" s="692" t="s">
        <v>4699</v>
      </c>
      <c r="P47" s="692"/>
      <c r="Q47" s="692" t="s">
        <v>1307</v>
      </c>
      <c r="R47" s="692"/>
      <c r="S47" s="692"/>
      <c r="T47" s="692"/>
      <c r="U47" s="692"/>
      <c r="V47" s="692"/>
      <c r="W47" s="692"/>
      <c r="X47" s="692"/>
      <c r="Y47" s="692"/>
      <c r="Z47" s="692"/>
      <c r="AA47" s="692"/>
      <c r="AB47" s="692"/>
      <c r="AC47" s="692"/>
      <c r="AD47" s="692"/>
      <c r="AE47" s="692"/>
      <c r="AF47" s="692"/>
      <c r="AG47" s="692"/>
      <c r="AH47" s="692"/>
      <c r="AI47" s="692"/>
      <c r="AJ47" s="692"/>
      <c r="AK47" s="692"/>
      <c r="AL47" s="692"/>
      <c r="AM47" s="692"/>
      <c r="AN47" s="692"/>
      <c r="AO47" s="692"/>
      <c r="AP47" s="692"/>
      <c r="AQ47" s="692"/>
      <c r="AR47" s="692"/>
      <c r="AS47" s="692"/>
      <c r="AT47" s="692"/>
      <c r="AU47" s="692"/>
      <c r="AV47" s="692"/>
      <c r="AW47" s="692"/>
      <c r="AX47" s="692"/>
      <c r="AY47" s="692"/>
      <c r="AZ47" s="692"/>
      <c r="BA47" s="692"/>
      <c r="BB47" s="692"/>
      <c r="BC47" s="692"/>
      <c r="BD47" s="692"/>
    </row>
    <row r="48" spans="1:121" s="12" customFormat="1" ht="120" customHeight="1">
      <c r="A48" s="692" t="s">
        <v>1420</v>
      </c>
      <c r="B48" s="692" t="s">
        <v>1414</v>
      </c>
      <c r="C48" s="692" t="s">
        <v>27</v>
      </c>
      <c r="D48" s="692" t="s">
        <v>1411</v>
      </c>
      <c r="E48" s="692" t="s">
        <v>1410</v>
      </c>
      <c r="F48" s="692" t="s">
        <v>1409</v>
      </c>
      <c r="G48" s="692"/>
      <c r="H48" s="692" t="s">
        <v>10</v>
      </c>
      <c r="I48" s="692"/>
      <c r="J48" s="692">
        <v>2</v>
      </c>
      <c r="K48" s="692">
        <v>4</v>
      </c>
      <c r="L48" s="692">
        <v>0</v>
      </c>
      <c r="M48" s="692"/>
      <c r="N48" s="692"/>
      <c r="O48" s="692" t="s">
        <v>4700</v>
      </c>
      <c r="P48" s="692"/>
      <c r="Q48" s="692" t="s">
        <v>1307</v>
      </c>
      <c r="R48" s="692"/>
      <c r="S48" s="692"/>
      <c r="T48" s="692"/>
      <c r="U48" s="692"/>
      <c r="V48" s="692"/>
      <c r="W48" s="692"/>
      <c r="X48" s="692"/>
      <c r="Y48" s="692"/>
      <c r="Z48" s="692"/>
      <c r="AA48" s="692"/>
      <c r="AB48" s="692"/>
      <c r="AC48" s="692"/>
      <c r="AD48" s="692"/>
      <c r="AE48" s="692"/>
      <c r="AF48" s="692"/>
      <c r="AG48" s="692"/>
      <c r="AH48" s="692"/>
      <c r="AI48" s="692"/>
      <c r="AJ48" s="692"/>
      <c r="AK48" s="692"/>
      <c r="AL48" s="692"/>
      <c r="AM48" s="692"/>
      <c r="AN48" s="692"/>
      <c r="AO48" s="692"/>
      <c r="AP48" s="692"/>
      <c r="AQ48" s="692"/>
      <c r="AR48" s="692"/>
      <c r="AS48" s="692"/>
      <c r="AT48" s="692"/>
      <c r="AU48" s="692"/>
      <c r="AV48" s="692"/>
      <c r="AW48" s="692"/>
      <c r="AX48" s="692"/>
      <c r="AY48" s="692"/>
      <c r="AZ48" s="692"/>
      <c r="BA48" s="692"/>
      <c r="BB48" s="692"/>
      <c r="BC48" s="692"/>
      <c r="BD48" s="692"/>
      <c r="BE48" s="17"/>
      <c r="BF48" s="17"/>
      <c r="BG48" s="17"/>
      <c r="BH48" s="17"/>
      <c r="BI48" s="17"/>
      <c r="BJ48" s="17"/>
      <c r="BK48" s="17"/>
      <c r="BL48" s="17"/>
      <c r="BM48" s="17"/>
      <c r="BN48" s="17"/>
      <c r="BO48" s="17"/>
      <c r="BP48" s="17"/>
      <c r="BQ48" s="17"/>
      <c r="BR48" s="17"/>
      <c r="BS48" s="17"/>
      <c r="BT48" s="17"/>
      <c r="BU48" s="17"/>
      <c r="BV48" s="17"/>
      <c r="BW48" s="17"/>
      <c r="BX48" s="17"/>
      <c r="BY48" s="17"/>
      <c r="BZ48" s="17"/>
      <c r="CA48" s="17"/>
      <c r="CB48" s="17"/>
      <c r="CC48" s="17"/>
      <c r="CD48" s="17"/>
      <c r="CE48" s="17"/>
      <c r="CF48" s="17"/>
      <c r="CG48" s="17"/>
      <c r="CH48" s="17"/>
      <c r="CI48" s="17"/>
      <c r="CJ48" s="17"/>
      <c r="CK48" s="17"/>
      <c r="CL48" s="17"/>
      <c r="CM48" s="17"/>
      <c r="CN48" s="17"/>
      <c r="CO48" s="17"/>
      <c r="CP48" s="17"/>
      <c r="CQ48" s="17"/>
      <c r="CR48" s="17"/>
      <c r="CS48" s="17"/>
      <c r="CT48" s="17"/>
      <c r="CU48" s="17"/>
      <c r="CV48" s="17"/>
      <c r="CW48" s="17"/>
      <c r="CX48" s="17"/>
      <c r="CY48" s="17"/>
      <c r="CZ48" s="17"/>
      <c r="DA48" s="17"/>
      <c r="DB48" s="17"/>
      <c r="DC48" s="17"/>
      <c r="DD48" s="17"/>
      <c r="DE48" s="17"/>
      <c r="DF48" s="17"/>
      <c r="DG48" s="17"/>
      <c r="DH48" s="17"/>
      <c r="DI48" s="17"/>
      <c r="DJ48" s="17"/>
      <c r="DK48" s="17"/>
      <c r="DL48" s="17"/>
      <c r="DM48" s="17"/>
      <c r="DN48" s="17"/>
      <c r="DO48" s="17"/>
      <c r="DP48" s="17"/>
      <c r="DQ48" s="17"/>
    </row>
    <row r="49" spans="1:121" ht="120" customHeight="1">
      <c r="A49" s="692" t="s">
        <v>1415</v>
      </c>
      <c r="B49" s="692" t="s">
        <v>1412</v>
      </c>
      <c r="C49" s="692" t="s">
        <v>27</v>
      </c>
      <c r="D49" s="692" t="s">
        <v>1411</v>
      </c>
      <c r="E49" s="692" t="s">
        <v>1410</v>
      </c>
      <c r="F49" s="692" t="s">
        <v>1409</v>
      </c>
      <c r="G49" s="692"/>
      <c r="H49" s="692" t="s">
        <v>10</v>
      </c>
      <c r="I49" s="692"/>
      <c r="J49" s="692">
        <v>1</v>
      </c>
      <c r="K49" s="692">
        <v>2</v>
      </c>
      <c r="L49" s="692">
        <v>0</v>
      </c>
      <c r="M49" s="692"/>
      <c r="N49" s="692"/>
      <c r="O49" s="692" t="s">
        <v>4701</v>
      </c>
      <c r="P49" s="692"/>
      <c r="Q49" s="692" t="s">
        <v>1307</v>
      </c>
      <c r="R49" s="692"/>
      <c r="S49" s="692"/>
      <c r="T49" s="692"/>
      <c r="U49" s="692"/>
      <c r="V49" s="692"/>
      <c r="W49" s="692"/>
      <c r="X49" s="692"/>
      <c r="Y49" s="692"/>
      <c r="Z49" s="692"/>
      <c r="AA49" s="692"/>
      <c r="AB49" s="692"/>
      <c r="AC49" s="692"/>
      <c r="AD49" s="692"/>
      <c r="AE49" s="692"/>
      <c r="AF49" s="692"/>
      <c r="AG49" s="692"/>
      <c r="AH49" s="692"/>
      <c r="AI49" s="692"/>
      <c r="AJ49" s="692"/>
      <c r="AK49" s="692"/>
      <c r="AL49" s="692"/>
      <c r="AM49" s="692"/>
      <c r="AN49" s="692"/>
      <c r="AO49" s="692"/>
      <c r="AP49" s="692"/>
      <c r="AQ49" s="692"/>
      <c r="AR49" s="692"/>
      <c r="AS49" s="692"/>
      <c r="AT49" s="692"/>
      <c r="AU49" s="692"/>
      <c r="AV49" s="692"/>
      <c r="AW49" s="692"/>
      <c r="AX49" s="692"/>
      <c r="AY49" s="692"/>
      <c r="AZ49" s="692"/>
      <c r="BA49" s="692"/>
      <c r="BB49" s="692"/>
      <c r="BC49" s="692"/>
      <c r="BD49" s="692"/>
    </row>
    <row r="50" spans="1:121" s="12" customFormat="1" ht="120" customHeight="1">
      <c r="A50" s="692" t="s">
        <v>1413</v>
      </c>
      <c r="B50" s="692" t="s">
        <v>1407</v>
      </c>
      <c r="C50" s="692" t="s">
        <v>179</v>
      </c>
      <c r="D50" s="692" t="s">
        <v>1406</v>
      </c>
      <c r="E50" s="692" t="s">
        <v>1405</v>
      </c>
      <c r="F50" s="692">
        <v>40206</v>
      </c>
      <c r="G50" s="692" t="s">
        <v>869</v>
      </c>
      <c r="H50" s="692" t="s">
        <v>1404</v>
      </c>
      <c r="I50" s="692"/>
      <c r="J50" s="692">
        <v>13</v>
      </c>
      <c r="K50" s="692">
        <v>62</v>
      </c>
      <c r="L50" s="692">
        <v>5</v>
      </c>
      <c r="M50" s="692"/>
      <c r="N50" s="692"/>
      <c r="O50" s="692" t="s">
        <v>1403</v>
      </c>
      <c r="P50" s="692"/>
      <c r="Q50" s="692"/>
      <c r="R50" s="692"/>
      <c r="S50" s="692"/>
      <c r="T50" s="692"/>
      <c r="U50" s="692"/>
      <c r="V50" s="692"/>
      <c r="W50" s="692"/>
      <c r="X50" s="692"/>
      <c r="Y50" s="692"/>
      <c r="Z50" s="692"/>
      <c r="AA50" s="692"/>
      <c r="AB50" s="692"/>
      <c r="AC50" s="692"/>
      <c r="AD50" s="692"/>
      <c r="AE50" s="692"/>
      <c r="AF50" s="692"/>
      <c r="AG50" s="692"/>
      <c r="AH50" s="692"/>
      <c r="AI50" s="692"/>
      <c r="AJ50" s="692"/>
      <c r="AK50" s="692"/>
      <c r="AL50" s="692"/>
      <c r="AM50" s="692"/>
      <c r="AN50" s="692"/>
      <c r="AO50" s="692"/>
      <c r="AP50" s="692"/>
      <c r="AQ50" s="692"/>
      <c r="AR50" s="692"/>
      <c r="AS50" s="692"/>
      <c r="AT50" s="692"/>
      <c r="AU50" s="692"/>
      <c r="AV50" s="692"/>
      <c r="AW50" s="692"/>
      <c r="AX50" s="692"/>
      <c r="AY50" s="692"/>
      <c r="AZ50" s="692"/>
      <c r="BA50" s="692"/>
      <c r="BB50" s="692"/>
      <c r="BC50" s="692"/>
      <c r="BD50" s="692"/>
      <c r="BE50" s="17"/>
      <c r="BF50" s="17"/>
      <c r="BG50" s="17"/>
      <c r="BH50" s="17"/>
      <c r="BI50" s="17"/>
      <c r="BJ50" s="17"/>
      <c r="BK50" s="17"/>
      <c r="BL50" s="17"/>
      <c r="BM50" s="17"/>
      <c r="BN50" s="17"/>
      <c r="BO50" s="17"/>
      <c r="BP50" s="17"/>
      <c r="BQ50" s="17"/>
      <c r="BR50" s="17"/>
      <c r="BS50" s="17"/>
      <c r="BT50" s="17"/>
      <c r="BU50" s="17"/>
      <c r="BV50" s="17"/>
      <c r="BW50" s="17"/>
      <c r="BX50" s="17"/>
      <c r="BY50" s="17"/>
      <c r="BZ50" s="17"/>
      <c r="CA50" s="17"/>
      <c r="CB50" s="17"/>
      <c r="CC50" s="17"/>
      <c r="CD50" s="17"/>
      <c r="CE50" s="17"/>
      <c r="CF50" s="17"/>
      <c r="CG50" s="17"/>
      <c r="CH50" s="17"/>
      <c r="CI50" s="17"/>
      <c r="CJ50" s="17"/>
      <c r="CK50" s="17"/>
      <c r="CL50" s="17"/>
      <c r="CM50" s="17"/>
      <c r="CN50" s="17"/>
      <c r="CO50" s="17"/>
      <c r="CP50" s="17"/>
      <c r="CQ50" s="17"/>
      <c r="CR50" s="17"/>
      <c r="CS50" s="17"/>
      <c r="CT50" s="17"/>
      <c r="CU50" s="17"/>
      <c r="CV50" s="17"/>
      <c r="CW50" s="17"/>
      <c r="CX50" s="17"/>
      <c r="CY50" s="17"/>
      <c r="CZ50" s="17"/>
      <c r="DA50" s="17"/>
      <c r="DB50" s="17"/>
      <c r="DC50" s="17"/>
      <c r="DD50" s="17"/>
      <c r="DE50" s="17"/>
      <c r="DF50" s="17"/>
      <c r="DG50" s="17"/>
      <c r="DH50" s="17"/>
      <c r="DI50" s="17"/>
      <c r="DJ50" s="17"/>
      <c r="DK50" s="17"/>
      <c r="DL50" s="17"/>
      <c r="DM50" s="17"/>
      <c r="DN50" s="17"/>
      <c r="DO50" s="17"/>
      <c r="DP50" s="17"/>
      <c r="DQ50" s="17"/>
    </row>
    <row r="51" spans="1:121" s="12" customFormat="1" ht="120" customHeight="1">
      <c r="A51" s="692" t="s">
        <v>1408</v>
      </c>
      <c r="B51" s="692" t="s">
        <v>4702</v>
      </c>
      <c r="C51" s="692" t="s">
        <v>179</v>
      </c>
      <c r="D51" s="692" t="s">
        <v>1401</v>
      </c>
      <c r="E51" s="692" t="s">
        <v>1400</v>
      </c>
      <c r="F51" s="692">
        <v>39913</v>
      </c>
      <c r="G51" s="692" t="s">
        <v>383</v>
      </c>
      <c r="H51" s="692" t="s">
        <v>4703</v>
      </c>
      <c r="I51" s="692"/>
      <c r="J51" s="692">
        <v>1</v>
      </c>
      <c r="K51" s="692">
        <v>6</v>
      </c>
      <c r="L51" s="692">
        <v>1</v>
      </c>
      <c r="M51" s="692"/>
      <c r="N51" s="692"/>
      <c r="O51" s="692"/>
      <c r="P51" s="692"/>
      <c r="Q51" s="692"/>
      <c r="R51" s="692"/>
      <c r="S51" s="692"/>
      <c r="T51" s="692"/>
      <c r="U51" s="692"/>
      <c r="V51" s="692"/>
      <c r="W51" s="692"/>
      <c r="X51" s="692"/>
      <c r="Y51" s="692"/>
      <c r="Z51" s="692"/>
      <c r="AA51" s="692"/>
      <c r="AB51" s="692"/>
      <c r="AC51" s="692"/>
      <c r="AD51" s="692"/>
      <c r="AE51" s="692"/>
      <c r="AF51" s="692"/>
      <c r="AG51" s="692"/>
      <c r="AH51" s="692"/>
      <c r="AI51" s="692"/>
      <c r="AJ51" s="692"/>
      <c r="AK51" s="692"/>
      <c r="AL51" s="692"/>
      <c r="AM51" s="692"/>
      <c r="AN51" s="692"/>
      <c r="AO51" s="692"/>
      <c r="AP51" s="692"/>
      <c r="AQ51" s="692"/>
      <c r="AR51" s="692"/>
      <c r="AS51" s="692"/>
      <c r="AT51" s="692"/>
      <c r="AU51" s="692"/>
      <c r="AV51" s="692"/>
      <c r="AW51" s="692"/>
      <c r="AX51" s="692"/>
      <c r="AY51" s="692"/>
      <c r="AZ51" s="692"/>
      <c r="BA51" s="692"/>
      <c r="BB51" s="692"/>
      <c r="BC51" s="692"/>
      <c r="BD51" s="692"/>
      <c r="BE51" s="17"/>
      <c r="BF51" s="17"/>
      <c r="BG51" s="17"/>
      <c r="BH51" s="17"/>
      <c r="BI51" s="17"/>
      <c r="BJ51" s="17"/>
      <c r="BK51" s="17"/>
      <c r="BL51" s="17"/>
      <c r="BM51" s="17"/>
      <c r="BN51" s="17"/>
      <c r="BO51" s="17"/>
      <c r="BP51" s="17"/>
      <c r="BQ51" s="17"/>
      <c r="BR51" s="17"/>
      <c r="BS51" s="17"/>
      <c r="BT51" s="17"/>
      <c r="BU51" s="17"/>
      <c r="BV51" s="17"/>
      <c r="BW51" s="17"/>
      <c r="BX51" s="17"/>
      <c r="BY51" s="17"/>
      <c r="BZ51" s="17"/>
      <c r="CA51" s="17"/>
      <c r="CB51" s="17"/>
      <c r="CC51" s="17"/>
      <c r="CD51" s="17"/>
      <c r="CE51" s="17"/>
      <c r="CF51" s="17"/>
      <c r="CG51" s="17"/>
      <c r="CH51" s="17"/>
      <c r="CI51" s="17"/>
      <c r="CJ51" s="17"/>
      <c r="CK51" s="17"/>
      <c r="CL51" s="17"/>
      <c r="CM51" s="17"/>
      <c r="CN51" s="17"/>
      <c r="CO51" s="17"/>
      <c r="CP51" s="17"/>
      <c r="CQ51" s="17"/>
      <c r="CR51" s="17"/>
      <c r="CS51" s="17"/>
      <c r="CT51" s="17"/>
      <c r="CU51" s="17"/>
      <c r="CV51" s="17"/>
      <c r="CW51" s="17"/>
      <c r="CX51" s="17"/>
      <c r="CY51" s="17"/>
      <c r="CZ51" s="17"/>
      <c r="DA51" s="17"/>
      <c r="DB51" s="17"/>
      <c r="DC51" s="17"/>
      <c r="DD51" s="17"/>
      <c r="DE51" s="17"/>
      <c r="DF51" s="17"/>
      <c r="DG51" s="17"/>
      <c r="DH51" s="17"/>
      <c r="DI51" s="17"/>
      <c r="DJ51" s="17"/>
      <c r="DK51" s="17"/>
      <c r="DL51" s="17"/>
      <c r="DM51" s="17"/>
      <c r="DN51" s="17"/>
      <c r="DO51" s="17"/>
      <c r="DP51" s="17"/>
      <c r="DQ51" s="17"/>
    </row>
    <row r="52" spans="1:121" ht="120" customHeight="1">
      <c r="A52" s="692" t="s">
        <v>1402</v>
      </c>
      <c r="B52" s="692" t="s">
        <v>1398</v>
      </c>
      <c r="C52" s="692" t="s">
        <v>179</v>
      </c>
      <c r="D52" s="692" t="s">
        <v>1397</v>
      </c>
      <c r="E52" s="692" t="s">
        <v>1396</v>
      </c>
      <c r="F52" s="692">
        <v>39482</v>
      </c>
      <c r="G52" s="692" t="s">
        <v>4110</v>
      </c>
      <c r="H52" s="692" t="s">
        <v>10</v>
      </c>
      <c r="I52" s="692"/>
      <c r="J52" s="692">
        <v>23</v>
      </c>
      <c r="K52" s="692">
        <v>136</v>
      </c>
      <c r="L52" s="692">
        <v>1</v>
      </c>
      <c r="M52" s="692"/>
      <c r="N52" s="692"/>
      <c r="O52" s="692" t="s">
        <v>4704</v>
      </c>
      <c r="P52" s="692"/>
      <c r="Q52" s="692"/>
      <c r="R52" s="692"/>
      <c r="S52" s="692"/>
      <c r="T52" s="692"/>
      <c r="U52" s="692"/>
      <c r="V52" s="692"/>
      <c r="W52" s="692"/>
      <c r="X52" s="692"/>
      <c r="Y52" s="692"/>
      <c r="Z52" s="692"/>
      <c r="AA52" s="692"/>
      <c r="AB52" s="692"/>
      <c r="AC52" s="692"/>
      <c r="AD52" s="692"/>
      <c r="AE52" s="692"/>
      <c r="AF52" s="692"/>
      <c r="AG52" s="692"/>
      <c r="AH52" s="692"/>
      <c r="AI52" s="692"/>
      <c r="AJ52" s="692"/>
      <c r="AK52" s="692"/>
      <c r="AL52" s="692"/>
      <c r="AM52" s="692"/>
      <c r="AN52" s="692"/>
      <c r="AO52" s="692"/>
      <c r="AP52" s="692"/>
      <c r="AQ52" s="692"/>
      <c r="AR52" s="692"/>
      <c r="AS52" s="692"/>
      <c r="AT52" s="692"/>
      <c r="AU52" s="692"/>
      <c r="AV52" s="692"/>
      <c r="AW52" s="692"/>
      <c r="AX52" s="692"/>
      <c r="AY52" s="692"/>
      <c r="AZ52" s="692"/>
      <c r="BA52" s="692"/>
      <c r="BB52" s="692"/>
      <c r="BC52" s="692"/>
      <c r="BD52" s="692"/>
    </row>
    <row r="53" spans="1:121" ht="120" customHeight="1">
      <c r="A53" s="692" t="s">
        <v>1399</v>
      </c>
      <c r="B53" s="692" t="s">
        <v>1394</v>
      </c>
      <c r="C53" s="692" t="s">
        <v>179</v>
      </c>
      <c r="D53" s="692" t="s">
        <v>1393</v>
      </c>
      <c r="E53" s="692" t="s">
        <v>1392</v>
      </c>
      <c r="F53" s="692">
        <v>37526</v>
      </c>
      <c r="G53" s="692" t="s">
        <v>4111</v>
      </c>
      <c r="H53" s="692" t="s">
        <v>4157</v>
      </c>
      <c r="I53" s="692"/>
      <c r="J53" s="692">
        <v>6</v>
      </c>
      <c r="K53" s="692">
        <v>20</v>
      </c>
      <c r="L53" s="692">
        <v>1</v>
      </c>
      <c r="M53" s="692"/>
      <c r="N53" s="692"/>
      <c r="O53" s="692" t="s">
        <v>4705</v>
      </c>
      <c r="P53" s="692"/>
      <c r="Q53" s="692"/>
      <c r="R53" s="692"/>
      <c r="S53" s="692"/>
      <c r="T53" s="692"/>
      <c r="U53" s="692"/>
      <c r="V53" s="692"/>
      <c r="W53" s="692"/>
      <c r="X53" s="692"/>
      <c r="Y53" s="692"/>
      <c r="Z53" s="692"/>
      <c r="AA53" s="692"/>
      <c r="AB53" s="692"/>
      <c r="AC53" s="692"/>
      <c r="AD53" s="692"/>
      <c r="AE53" s="692"/>
      <c r="AF53" s="692"/>
      <c r="AG53" s="692"/>
      <c r="AH53" s="692"/>
      <c r="AI53" s="692"/>
      <c r="AJ53" s="692"/>
      <c r="AK53" s="692"/>
      <c r="AL53" s="692"/>
      <c r="AM53" s="692"/>
      <c r="AN53" s="692"/>
      <c r="AO53" s="692"/>
      <c r="AP53" s="692"/>
      <c r="AQ53" s="692"/>
      <c r="AR53" s="692"/>
      <c r="AS53" s="692"/>
      <c r="AT53" s="692"/>
      <c r="AU53" s="692"/>
      <c r="AV53" s="692"/>
      <c r="AW53" s="692"/>
      <c r="AX53" s="692"/>
      <c r="AY53" s="692"/>
      <c r="AZ53" s="692"/>
      <c r="BA53" s="692"/>
      <c r="BB53" s="692"/>
      <c r="BC53" s="692"/>
      <c r="BD53" s="692"/>
    </row>
    <row r="54" spans="1:121" s="162" customFormat="1" ht="120" customHeight="1">
      <c r="A54" s="692" t="s">
        <v>1395</v>
      </c>
      <c r="B54" s="692" t="s">
        <v>1390</v>
      </c>
      <c r="C54" s="692" t="s">
        <v>15</v>
      </c>
      <c r="D54" s="692" t="s">
        <v>1389</v>
      </c>
      <c r="E54" s="692" t="s">
        <v>1388</v>
      </c>
      <c r="F54" s="692">
        <v>41488</v>
      </c>
      <c r="G54" s="692" t="s">
        <v>63</v>
      </c>
      <c r="H54" s="692" t="s">
        <v>1387</v>
      </c>
      <c r="I54" s="692"/>
      <c r="J54" s="692">
        <v>24</v>
      </c>
      <c r="K54" s="692">
        <v>70</v>
      </c>
      <c r="L54" s="692">
        <v>1</v>
      </c>
      <c r="M54" s="692"/>
      <c r="N54" s="692"/>
      <c r="O54" s="692" t="s">
        <v>4706</v>
      </c>
      <c r="P54" s="692"/>
      <c r="Q54" s="692"/>
      <c r="R54" s="692"/>
      <c r="S54" s="692"/>
      <c r="T54" s="692"/>
      <c r="U54" s="692"/>
      <c r="V54" s="692"/>
      <c r="W54" s="692"/>
      <c r="X54" s="692"/>
      <c r="Y54" s="692"/>
      <c r="Z54" s="692"/>
      <c r="AA54" s="692"/>
      <c r="AB54" s="692"/>
      <c r="AC54" s="692"/>
      <c r="AD54" s="692"/>
      <c r="AE54" s="692"/>
      <c r="AF54" s="692"/>
      <c r="AG54" s="692"/>
      <c r="AH54" s="692"/>
      <c r="AI54" s="692"/>
      <c r="AJ54" s="692"/>
      <c r="AK54" s="692"/>
      <c r="AL54" s="692"/>
      <c r="AM54" s="692"/>
      <c r="AN54" s="692"/>
      <c r="AO54" s="692"/>
      <c r="AP54" s="692"/>
      <c r="AQ54" s="692"/>
      <c r="AR54" s="692"/>
      <c r="AS54" s="692"/>
      <c r="AT54" s="692"/>
      <c r="AU54" s="692"/>
      <c r="AV54" s="692"/>
      <c r="AW54" s="692"/>
      <c r="AX54" s="692"/>
      <c r="AY54" s="692"/>
      <c r="AZ54" s="692"/>
      <c r="BA54" s="692"/>
      <c r="BB54" s="692"/>
      <c r="BC54" s="692"/>
      <c r="BD54" s="692"/>
    </row>
    <row r="55" spans="1:121" ht="144" customHeight="1">
      <c r="A55" s="692" t="s">
        <v>1391</v>
      </c>
      <c r="B55" s="692" t="s">
        <v>1385</v>
      </c>
      <c r="C55" s="692" t="s">
        <v>179</v>
      </c>
      <c r="D55" s="692" t="s">
        <v>1384</v>
      </c>
      <c r="E55" s="692" t="s">
        <v>1383</v>
      </c>
      <c r="F55" s="692">
        <v>42041</v>
      </c>
      <c r="G55" s="692" t="s">
        <v>4112</v>
      </c>
      <c r="H55" s="692" t="s">
        <v>1382</v>
      </c>
      <c r="I55" s="692"/>
      <c r="J55" s="692">
        <v>9</v>
      </c>
      <c r="K55" s="692">
        <v>18</v>
      </c>
      <c r="L55" s="692">
        <v>6</v>
      </c>
      <c r="M55" s="692"/>
      <c r="N55" s="692"/>
      <c r="O55" s="692" t="s">
        <v>4707</v>
      </c>
      <c r="P55" s="692"/>
      <c r="Q55" s="692" t="s">
        <v>1381</v>
      </c>
      <c r="R55" s="692"/>
      <c r="S55" s="692"/>
      <c r="T55" s="692"/>
      <c r="U55" s="692"/>
      <c r="V55" s="692"/>
      <c r="W55" s="692"/>
      <c r="X55" s="692"/>
      <c r="Y55" s="692"/>
      <c r="Z55" s="692"/>
      <c r="AA55" s="692"/>
      <c r="AB55" s="692"/>
      <c r="AC55" s="692"/>
      <c r="AD55" s="692"/>
      <c r="AE55" s="692"/>
      <c r="AF55" s="692"/>
      <c r="AG55" s="692"/>
      <c r="AH55" s="692"/>
      <c r="AI55" s="692"/>
      <c r="AJ55" s="692"/>
      <c r="AK55" s="692"/>
      <c r="AL55" s="692"/>
      <c r="AM55" s="692"/>
      <c r="AN55" s="692"/>
      <c r="AO55" s="692"/>
      <c r="AP55" s="692"/>
      <c r="AQ55" s="692"/>
      <c r="AR55" s="692"/>
      <c r="AS55" s="692"/>
      <c r="AT55" s="692"/>
      <c r="AU55" s="692"/>
      <c r="AV55" s="692"/>
      <c r="AW55" s="692"/>
      <c r="AX55" s="692"/>
      <c r="AY55" s="692"/>
      <c r="AZ55" s="692"/>
      <c r="BA55" s="692"/>
      <c r="BB55" s="692"/>
      <c r="BC55" s="692"/>
      <c r="BD55" s="692"/>
    </row>
    <row r="56" spans="1:121" s="689" customFormat="1" ht="120" customHeight="1">
      <c r="A56" s="692" t="s">
        <v>1386</v>
      </c>
      <c r="B56" s="692" t="s">
        <v>1379</v>
      </c>
      <c r="C56" s="692" t="s">
        <v>179</v>
      </c>
      <c r="D56" s="692" t="s">
        <v>1378</v>
      </c>
      <c r="E56" s="692" t="s">
        <v>1377</v>
      </c>
      <c r="F56" s="692">
        <v>38671</v>
      </c>
      <c r="G56" s="692" t="s">
        <v>63</v>
      </c>
      <c r="H56" s="692" t="s">
        <v>1376</v>
      </c>
      <c r="I56" s="692"/>
      <c r="J56" s="692">
        <v>31</v>
      </c>
      <c r="K56" s="692">
        <v>74</v>
      </c>
      <c r="L56" s="692">
        <v>2</v>
      </c>
      <c r="M56" s="692"/>
      <c r="N56" s="692"/>
      <c r="O56" s="692" t="s">
        <v>4708</v>
      </c>
      <c r="P56" s="692"/>
      <c r="Q56" s="692"/>
      <c r="R56" s="692"/>
      <c r="S56" s="692"/>
      <c r="T56" s="692"/>
      <c r="U56" s="692"/>
      <c r="V56" s="692"/>
      <c r="W56" s="692"/>
      <c r="X56" s="692"/>
      <c r="Y56" s="692"/>
      <c r="Z56" s="692"/>
      <c r="AA56" s="692"/>
      <c r="AB56" s="692"/>
      <c r="AC56" s="692"/>
      <c r="AD56" s="692"/>
      <c r="AE56" s="692"/>
      <c r="AF56" s="692"/>
      <c r="AG56" s="692"/>
      <c r="AH56" s="692"/>
      <c r="AI56" s="692"/>
      <c r="AJ56" s="692"/>
      <c r="AK56" s="692"/>
      <c r="AL56" s="692"/>
      <c r="AM56" s="692"/>
      <c r="AN56" s="692"/>
      <c r="AO56" s="692"/>
      <c r="AP56" s="692"/>
      <c r="AQ56" s="692"/>
      <c r="AR56" s="692"/>
      <c r="AS56" s="692"/>
      <c r="AT56" s="692"/>
      <c r="AU56" s="692"/>
      <c r="AV56" s="692"/>
      <c r="AW56" s="692"/>
      <c r="AX56" s="692"/>
      <c r="AY56" s="692"/>
      <c r="AZ56" s="692"/>
      <c r="BA56" s="692"/>
      <c r="BB56" s="692"/>
      <c r="BC56" s="692"/>
      <c r="BD56" s="692"/>
    </row>
    <row r="57" spans="1:121" ht="141.75" customHeight="1">
      <c r="A57" s="692" t="s">
        <v>1380</v>
      </c>
      <c r="B57" s="692" t="s">
        <v>1374</v>
      </c>
      <c r="C57" s="692" t="s">
        <v>179</v>
      </c>
      <c r="D57" s="692" t="s">
        <v>1373</v>
      </c>
      <c r="E57" s="692" t="s">
        <v>1372</v>
      </c>
      <c r="F57" s="692">
        <v>42199</v>
      </c>
      <c r="G57" s="692" t="s">
        <v>63</v>
      </c>
      <c r="H57" s="692" t="s">
        <v>10</v>
      </c>
      <c r="I57" s="692"/>
      <c r="J57" s="692">
        <v>20</v>
      </c>
      <c r="K57" s="692">
        <v>92</v>
      </c>
      <c r="L57" s="692">
        <v>2</v>
      </c>
      <c r="M57" s="692"/>
      <c r="N57" s="692"/>
      <c r="O57" s="692" t="s">
        <v>4709</v>
      </c>
      <c r="P57" s="692"/>
      <c r="Q57" s="692"/>
      <c r="R57" s="692"/>
      <c r="S57" s="692"/>
      <c r="T57" s="692"/>
      <c r="U57" s="692"/>
      <c r="V57" s="692"/>
      <c r="W57" s="692"/>
      <c r="X57" s="692"/>
      <c r="Y57" s="692"/>
      <c r="Z57" s="692"/>
      <c r="AA57" s="692"/>
      <c r="AB57" s="692"/>
      <c r="AC57" s="692"/>
      <c r="AD57" s="692"/>
      <c r="AE57" s="692"/>
      <c r="AF57" s="692"/>
      <c r="AG57" s="692"/>
      <c r="AH57" s="692"/>
      <c r="AI57" s="692"/>
      <c r="AJ57" s="692"/>
      <c r="AK57" s="692"/>
      <c r="AL57" s="692"/>
      <c r="AM57" s="692"/>
      <c r="AN57" s="692"/>
      <c r="AO57" s="692"/>
      <c r="AP57" s="692"/>
      <c r="AQ57" s="692"/>
      <c r="AR57" s="692"/>
      <c r="AS57" s="692"/>
      <c r="AT57" s="692"/>
      <c r="AU57" s="692"/>
      <c r="AV57" s="692"/>
      <c r="AW57" s="692"/>
      <c r="AX57" s="692"/>
      <c r="AY57" s="692"/>
      <c r="AZ57" s="692"/>
      <c r="BA57" s="692"/>
      <c r="BB57" s="692"/>
      <c r="BC57" s="692"/>
      <c r="BD57" s="692"/>
    </row>
    <row r="58" spans="1:121" ht="120" customHeight="1">
      <c r="A58" s="692" t="s">
        <v>1375</v>
      </c>
      <c r="B58" s="692" t="s">
        <v>1370</v>
      </c>
      <c r="C58" s="692" t="s">
        <v>179</v>
      </c>
      <c r="D58" s="692" t="s">
        <v>1366</v>
      </c>
      <c r="E58" s="692" t="s">
        <v>1369</v>
      </c>
      <c r="F58" s="692">
        <v>41127</v>
      </c>
      <c r="G58" s="692" t="s">
        <v>4103</v>
      </c>
      <c r="H58" s="692" t="s">
        <v>1364</v>
      </c>
      <c r="I58" s="692"/>
      <c r="J58" s="692">
        <v>9</v>
      </c>
      <c r="K58" s="692">
        <v>28</v>
      </c>
      <c r="L58" s="692">
        <v>1</v>
      </c>
      <c r="M58" s="692"/>
      <c r="N58" s="692"/>
      <c r="O58" s="692" t="s">
        <v>4710</v>
      </c>
      <c r="P58" s="692"/>
      <c r="Q58" s="692"/>
      <c r="R58" s="692"/>
      <c r="S58" s="692"/>
      <c r="T58" s="692"/>
      <c r="U58" s="692"/>
      <c r="V58" s="692"/>
      <c r="W58" s="692"/>
      <c r="X58" s="692"/>
      <c r="Y58" s="692"/>
      <c r="Z58" s="692"/>
      <c r="AA58" s="692"/>
      <c r="AB58" s="692"/>
      <c r="AC58" s="692"/>
      <c r="AD58" s="692"/>
      <c r="AE58" s="692"/>
      <c r="AF58" s="692"/>
      <c r="AG58" s="692"/>
      <c r="AH58" s="692"/>
      <c r="AI58" s="692"/>
      <c r="AJ58" s="692"/>
      <c r="AK58" s="692"/>
      <c r="AL58" s="692"/>
      <c r="AM58" s="692"/>
      <c r="AN58" s="692"/>
      <c r="AO58" s="692"/>
      <c r="AP58" s="692"/>
      <c r="AQ58" s="692"/>
      <c r="AR58" s="692"/>
      <c r="AS58" s="692"/>
      <c r="AT58" s="692"/>
      <c r="AU58" s="692"/>
      <c r="AV58" s="692"/>
      <c r="AW58" s="692"/>
      <c r="AX58" s="692"/>
      <c r="AY58" s="692"/>
      <c r="AZ58" s="692"/>
      <c r="BA58" s="692"/>
      <c r="BB58" s="692"/>
      <c r="BC58" s="692"/>
      <c r="BD58" s="692"/>
    </row>
    <row r="59" spans="1:121" s="162" customFormat="1" ht="120" customHeight="1">
      <c r="A59" s="692" t="s">
        <v>1371</v>
      </c>
      <c r="B59" s="692" t="s">
        <v>1367</v>
      </c>
      <c r="C59" s="692" t="s">
        <v>179</v>
      </c>
      <c r="D59" s="692" t="s">
        <v>1366</v>
      </c>
      <c r="E59" s="692" t="s">
        <v>1365</v>
      </c>
      <c r="F59" s="692">
        <v>41127</v>
      </c>
      <c r="G59" s="692" t="s">
        <v>4103</v>
      </c>
      <c r="H59" s="692" t="s">
        <v>4164</v>
      </c>
      <c r="I59" s="692"/>
      <c r="J59" s="692">
        <v>10</v>
      </c>
      <c r="K59" s="692">
        <v>42</v>
      </c>
      <c r="L59" s="692">
        <v>1</v>
      </c>
      <c r="M59" s="692"/>
      <c r="N59" s="692"/>
      <c r="O59" s="692"/>
      <c r="P59" s="692"/>
      <c r="Q59" s="692"/>
      <c r="R59" s="692"/>
      <c r="S59" s="692"/>
      <c r="T59" s="692"/>
      <c r="U59" s="692"/>
      <c r="V59" s="692"/>
      <c r="W59" s="692"/>
      <c r="X59" s="692"/>
      <c r="Y59" s="692"/>
      <c r="Z59" s="692"/>
      <c r="AA59" s="692"/>
      <c r="AB59" s="692"/>
      <c r="AC59" s="692"/>
      <c r="AD59" s="692"/>
      <c r="AE59" s="692"/>
      <c r="AF59" s="692"/>
      <c r="AG59" s="692"/>
      <c r="AH59" s="692"/>
      <c r="AI59" s="692"/>
      <c r="AJ59" s="692"/>
      <c r="AK59" s="692"/>
      <c r="AL59" s="692"/>
      <c r="AM59" s="692"/>
      <c r="AN59" s="692"/>
      <c r="AO59" s="692"/>
      <c r="AP59" s="692"/>
      <c r="AQ59" s="692"/>
      <c r="AR59" s="692"/>
      <c r="AS59" s="692"/>
      <c r="AT59" s="692"/>
      <c r="AU59" s="692"/>
      <c r="AV59" s="692"/>
      <c r="AW59" s="692"/>
      <c r="AX59" s="692"/>
      <c r="AY59" s="692"/>
      <c r="AZ59" s="692"/>
      <c r="BA59" s="692"/>
      <c r="BB59" s="692"/>
      <c r="BC59" s="692"/>
      <c r="BD59" s="692"/>
    </row>
    <row r="60" spans="1:121" s="162" customFormat="1" ht="120" customHeight="1">
      <c r="A60" s="692" t="s">
        <v>1368</v>
      </c>
      <c r="B60" s="692" t="s">
        <v>1363</v>
      </c>
      <c r="C60" s="692" t="s">
        <v>179</v>
      </c>
      <c r="D60" s="692" t="s">
        <v>1362</v>
      </c>
      <c r="E60" s="692" t="s">
        <v>1361</v>
      </c>
      <c r="F60" s="692">
        <v>42807</v>
      </c>
      <c r="G60" s="692" t="s">
        <v>63</v>
      </c>
      <c r="H60" s="692" t="s">
        <v>1360</v>
      </c>
      <c r="I60" s="692"/>
      <c r="J60" s="692">
        <v>16</v>
      </c>
      <c r="K60" s="692">
        <v>61</v>
      </c>
      <c r="L60" s="692">
        <v>2</v>
      </c>
      <c r="M60" s="692"/>
      <c r="N60" s="692"/>
      <c r="O60" s="692" t="s">
        <v>4711</v>
      </c>
      <c r="P60" s="692"/>
      <c r="Q60" s="692"/>
      <c r="R60" s="692"/>
      <c r="S60" s="692"/>
      <c r="T60" s="692"/>
      <c r="U60" s="692"/>
      <c r="V60" s="692"/>
      <c r="W60" s="692"/>
      <c r="X60" s="692"/>
      <c r="Y60" s="692"/>
      <c r="Z60" s="692"/>
      <c r="AA60" s="692"/>
      <c r="AB60" s="692"/>
      <c r="AC60" s="692"/>
      <c r="AD60" s="692"/>
      <c r="AE60" s="692"/>
      <c r="AF60" s="692"/>
      <c r="AG60" s="692"/>
      <c r="AH60" s="692"/>
      <c r="AI60" s="692"/>
      <c r="AJ60" s="692"/>
      <c r="AK60" s="692"/>
      <c r="AL60" s="692"/>
      <c r="AM60" s="692"/>
      <c r="AN60" s="692"/>
      <c r="AO60" s="692"/>
      <c r="AP60" s="692"/>
      <c r="AQ60" s="692"/>
      <c r="AR60" s="692"/>
      <c r="AS60" s="692"/>
      <c r="AT60" s="692"/>
      <c r="AU60" s="692"/>
      <c r="AV60" s="692"/>
      <c r="AW60" s="692"/>
      <c r="AX60" s="692"/>
      <c r="AY60" s="692"/>
      <c r="AZ60" s="692"/>
      <c r="BA60" s="692"/>
      <c r="BB60" s="692"/>
      <c r="BC60" s="692"/>
      <c r="BD60" s="692"/>
    </row>
    <row r="61" spans="1:121" s="162" customFormat="1" ht="181.5" customHeight="1">
      <c r="A61" s="692" t="s">
        <v>1276</v>
      </c>
      <c r="B61" s="692" t="s">
        <v>4712</v>
      </c>
      <c r="C61" s="692" t="s">
        <v>179</v>
      </c>
      <c r="D61" s="692" t="s">
        <v>4713</v>
      </c>
      <c r="E61" s="692" t="s">
        <v>1278</v>
      </c>
      <c r="F61" s="692">
        <v>39968</v>
      </c>
      <c r="G61" s="692" t="s">
        <v>383</v>
      </c>
      <c r="H61" s="692"/>
      <c r="I61" s="692"/>
      <c r="J61" s="692">
        <v>2</v>
      </c>
      <c r="K61" s="692">
        <v>16</v>
      </c>
      <c r="L61" s="692">
        <v>5</v>
      </c>
      <c r="M61" s="692"/>
      <c r="N61" s="692"/>
      <c r="O61" s="692" t="s">
        <v>4714</v>
      </c>
      <c r="P61" s="692"/>
      <c r="Q61" s="692"/>
      <c r="R61" s="692"/>
      <c r="S61" s="692"/>
      <c r="T61" s="692"/>
      <c r="U61" s="692"/>
      <c r="V61" s="692"/>
      <c r="W61" s="692"/>
      <c r="X61" s="692"/>
      <c r="Y61" s="692"/>
      <c r="Z61" s="692"/>
      <c r="AA61" s="692"/>
      <c r="AB61" s="692"/>
      <c r="AC61" s="692"/>
      <c r="AD61" s="692"/>
      <c r="AE61" s="692"/>
      <c r="AF61" s="692"/>
      <c r="AG61" s="692"/>
      <c r="AH61" s="692"/>
      <c r="AI61" s="692"/>
      <c r="AJ61" s="692"/>
      <c r="AK61" s="692"/>
      <c r="AL61" s="692"/>
      <c r="AM61" s="692"/>
      <c r="AN61" s="692"/>
      <c r="AO61" s="692"/>
      <c r="AP61" s="692"/>
      <c r="AQ61" s="692"/>
      <c r="AR61" s="692"/>
      <c r="AS61" s="692"/>
      <c r="AT61" s="692"/>
      <c r="AU61" s="692"/>
      <c r="AV61" s="692"/>
      <c r="AW61" s="692"/>
      <c r="AX61" s="692"/>
      <c r="AY61" s="692"/>
      <c r="AZ61" s="692"/>
      <c r="BA61" s="692"/>
      <c r="BB61" s="692"/>
      <c r="BC61" s="692"/>
      <c r="BD61" s="692"/>
    </row>
    <row r="62" spans="1:121" ht="120" customHeight="1">
      <c r="A62" s="692" t="s">
        <v>1359</v>
      </c>
      <c r="B62" s="692" t="s">
        <v>4715</v>
      </c>
      <c r="C62" s="692" t="s">
        <v>27</v>
      </c>
      <c r="D62" s="692" t="s">
        <v>1357</v>
      </c>
      <c r="E62" s="692" t="s">
        <v>1356</v>
      </c>
      <c r="F62" s="692">
        <v>45028</v>
      </c>
      <c r="G62" s="692"/>
      <c r="H62" s="692"/>
      <c r="I62" s="692"/>
      <c r="J62" s="692">
        <v>1</v>
      </c>
      <c r="K62" s="692">
        <v>6</v>
      </c>
      <c r="L62" s="692">
        <v>0</v>
      </c>
      <c r="M62" s="692"/>
      <c r="N62" s="692"/>
      <c r="O62" s="692" t="s">
        <v>4716</v>
      </c>
      <c r="P62" s="692"/>
      <c r="Q62" s="692"/>
      <c r="R62" s="692"/>
      <c r="S62" s="692"/>
      <c r="T62" s="692"/>
      <c r="U62" s="692"/>
      <c r="V62" s="692"/>
      <c r="W62" s="692"/>
      <c r="X62" s="692"/>
      <c r="Y62" s="692"/>
      <c r="Z62" s="692"/>
      <c r="AA62" s="692"/>
      <c r="AB62" s="692"/>
      <c r="AC62" s="692"/>
      <c r="AD62" s="692"/>
      <c r="AE62" s="692"/>
      <c r="AF62" s="692"/>
      <c r="AG62" s="692"/>
      <c r="AH62" s="692"/>
      <c r="AI62" s="692"/>
      <c r="AJ62" s="692"/>
      <c r="AK62" s="692"/>
      <c r="AL62" s="692"/>
      <c r="AM62" s="692"/>
      <c r="AN62" s="692"/>
      <c r="AO62" s="692"/>
      <c r="AP62" s="692"/>
      <c r="AQ62" s="692"/>
      <c r="AR62" s="692"/>
      <c r="AS62" s="692"/>
      <c r="AT62" s="692"/>
      <c r="AU62" s="692"/>
      <c r="AV62" s="692"/>
      <c r="AW62" s="692"/>
      <c r="AX62" s="692"/>
      <c r="AY62" s="692"/>
      <c r="AZ62" s="692"/>
      <c r="BA62" s="692"/>
      <c r="BB62" s="692"/>
      <c r="BC62" s="692"/>
      <c r="BD62" s="692"/>
    </row>
    <row r="63" spans="1:121" s="17" customFormat="1" ht="60" customHeight="1">
      <c r="A63" s="692" t="s">
        <v>1358</v>
      </c>
      <c r="B63" s="692" t="s">
        <v>1354</v>
      </c>
      <c r="C63" s="692" t="s">
        <v>179</v>
      </c>
      <c r="D63" s="692" t="s">
        <v>1353</v>
      </c>
      <c r="E63" s="692">
        <v>1001284981</v>
      </c>
      <c r="F63" s="692">
        <v>41807</v>
      </c>
      <c r="G63" s="692" t="s">
        <v>63</v>
      </c>
      <c r="H63" s="692" t="s">
        <v>10</v>
      </c>
      <c r="I63" s="692"/>
      <c r="J63" s="692">
        <v>3</v>
      </c>
      <c r="K63" s="692">
        <v>8</v>
      </c>
      <c r="L63" s="692"/>
      <c r="M63" s="692"/>
      <c r="N63" s="692"/>
      <c r="O63" s="692" t="s">
        <v>4717</v>
      </c>
      <c r="P63" s="692"/>
      <c r="Q63" s="692"/>
      <c r="R63" s="692"/>
      <c r="S63" s="692"/>
      <c r="T63" s="692"/>
      <c r="U63" s="692"/>
      <c r="V63" s="692"/>
      <c r="W63" s="692"/>
      <c r="X63" s="692"/>
      <c r="Y63" s="692"/>
      <c r="Z63" s="692"/>
      <c r="AA63" s="692"/>
      <c r="AB63" s="692"/>
      <c r="AC63" s="692"/>
      <c r="AD63" s="692"/>
      <c r="AE63" s="692"/>
      <c r="AF63" s="692"/>
      <c r="AG63" s="692"/>
      <c r="AH63" s="692"/>
      <c r="AI63" s="692"/>
      <c r="AJ63" s="692"/>
      <c r="AK63" s="692"/>
      <c r="AL63" s="692"/>
      <c r="AM63" s="692"/>
      <c r="AN63" s="692"/>
      <c r="AO63" s="692"/>
      <c r="AP63" s="692"/>
      <c r="AQ63" s="692"/>
      <c r="AR63" s="692"/>
      <c r="AS63" s="692"/>
      <c r="AT63" s="692"/>
      <c r="AU63" s="692"/>
      <c r="AV63" s="692"/>
      <c r="AW63" s="692"/>
      <c r="AX63" s="692"/>
      <c r="AY63" s="692"/>
      <c r="AZ63" s="692"/>
      <c r="BA63" s="692"/>
      <c r="BB63" s="692"/>
      <c r="BC63" s="692"/>
      <c r="BD63" s="692"/>
    </row>
    <row r="64" spans="1:121" s="199" customFormat="1" ht="120" customHeight="1">
      <c r="A64" s="692" t="s">
        <v>1355</v>
      </c>
      <c r="B64" s="692" t="s">
        <v>1350</v>
      </c>
      <c r="C64" s="692" t="s">
        <v>179</v>
      </c>
      <c r="D64" s="692" t="s">
        <v>1349</v>
      </c>
      <c r="E64" s="692">
        <v>1001159807</v>
      </c>
      <c r="F64" s="692">
        <v>38330</v>
      </c>
      <c r="G64" s="692" t="s">
        <v>1348</v>
      </c>
      <c r="H64" s="692" t="s">
        <v>10</v>
      </c>
      <c r="I64" s="692"/>
      <c r="J64" s="692">
        <v>3</v>
      </c>
      <c r="K64" s="692">
        <v>22</v>
      </c>
      <c r="L64" s="692"/>
      <c r="M64" s="692">
        <v>2023</v>
      </c>
      <c r="N64" s="692"/>
      <c r="O64" s="692" t="s">
        <v>4718</v>
      </c>
      <c r="P64" s="692"/>
      <c r="Q64" s="692" t="s">
        <v>1307</v>
      </c>
      <c r="R64" s="692"/>
      <c r="S64" s="692"/>
      <c r="T64" s="692"/>
      <c r="U64" s="692"/>
      <c r="V64" s="692"/>
      <c r="W64" s="692"/>
      <c r="X64" s="692"/>
      <c r="Y64" s="692"/>
      <c r="Z64" s="692"/>
      <c r="AA64" s="692"/>
      <c r="AB64" s="692"/>
      <c r="AC64" s="692"/>
      <c r="AD64" s="692"/>
      <c r="AE64" s="692"/>
      <c r="AF64" s="692"/>
      <c r="AG64" s="692"/>
      <c r="AH64" s="692"/>
      <c r="AI64" s="692"/>
      <c r="AJ64" s="692"/>
      <c r="AK64" s="692"/>
      <c r="AL64" s="692"/>
      <c r="AM64" s="692"/>
      <c r="AN64" s="692"/>
      <c r="AO64" s="692"/>
      <c r="AP64" s="692"/>
      <c r="AQ64" s="692"/>
      <c r="AR64" s="692"/>
      <c r="AS64" s="692"/>
      <c r="AT64" s="692"/>
      <c r="AU64" s="692"/>
      <c r="AV64" s="692"/>
      <c r="AW64" s="692"/>
      <c r="AX64" s="692"/>
      <c r="AY64" s="692"/>
      <c r="AZ64" s="692"/>
      <c r="BA64" s="692"/>
      <c r="BB64" s="692"/>
      <c r="BC64" s="692"/>
      <c r="BD64" s="692"/>
    </row>
    <row r="65" spans="1:121" ht="126">
      <c r="A65" s="692" t="s">
        <v>1351</v>
      </c>
      <c r="B65" s="692" t="s">
        <v>1346</v>
      </c>
      <c r="C65" s="692" t="s">
        <v>179</v>
      </c>
      <c r="D65" s="692" t="s">
        <v>1345</v>
      </c>
      <c r="E65" s="692" t="s">
        <v>1344</v>
      </c>
      <c r="F65" s="692">
        <v>42899</v>
      </c>
      <c r="G65" s="692" t="s">
        <v>1343</v>
      </c>
      <c r="H65" s="692" t="s">
        <v>1342</v>
      </c>
      <c r="I65" s="692"/>
      <c r="J65" s="692">
        <v>2</v>
      </c>
      <c r="K65" s="692">
        <v>30</v>
      </c>
      <c r="L65" s="692">
        <v>8</v>
      </c>
      <c r="M65" s="692">
        <v>2023</v>
      </c>
      <c r="N65" s="692" t="s">
        <v>1341</v>
      </c>
      <c r="O65" s="692" t="s">
        <v>4719</v>
      </c>
      <c r="P65" s="692"/>
      <c r="Q65" s="692"/>
      <c r="R65" s="692"/>
      <c r="S65" s="692"/>
      <c r="T65" s="692"/>
      <c r="U65" s="692"/>
      <c r="V65" s="692"/>
      <c r="W65" s="692"/>
      <c r="X65" s="692"/>
      <c r="Y65" s="692"/>
      <c r="Z65" s="692"/>
      <c r="AA65" s="692"/>
      <c r="AB65" s="692"/>
      <c r="AC65" s="692"/>
      <c r="AD65" s="692"/>
      <c r="AE65" s="692"/>
      <c r="AF65" s="692"/>
      <c r="AG65" s="692"/>
      <c r="AH65" s="692"/>
      <c r="AI65" s="692"/>
      <c r="AJ65" s="692"/>
      <c r="AK65" s="692"/>
      <c r="AL65" s="692"/>
      <c r="AM65" s="692"/>
      <c r="AN65" s="692"/>
      <c r="AO65" s="692"/>
      <c r="AP65" s="692"/>
      <c r="AQ65" s="692"/>
      <c r="AR65" s="692"/>
      <c r="AS65" s="692"/>
      <c r="AT65" s="692"/>
      <c r="AU65" s="692"/>
      <c r="AV65" s="692"/>
      <c r="AW65" s="692"/>
      <c r="AX65" s="692"/>
      <c r="AY65" s="692"/>
      <c r="AZ65" s="692"/>
      <c r="BA65" s="692"/>
      <c r="BB65" s="692"/>
      <c r="BC65" s="692"/>
      <c r="BD65" s="692"/>
    </row>
    <row r="66" spans="1:121" s="17" customFormat="1" ht="107.25" customHeight="1">
      <c r="A66" s="692" t="s">
        <v>1347</v>
      </c>
      <c r="B66" s="692" t="s">
        <v>1339</v>
      </c>
      <c r="C66" s="692" t="s">
        <v>27</v>
      </c>
      <c r="D66" s="692" t="s">
        <v>1338</v>
      </c>
      <c r="E66" s="692" t="s">
        <v>1337</v>
      </c>
      <c r="F66" s="692">
        <v>44978</v>
      </c>
      <c r="G66" s="692"/>
      <c r="H66" s="692"/>
      <c r="I66" s="692"/>
      <c r="J66" s="692">
        <v>1</v>
      </c>
      <c r="K66" s="692">
        <v>6</v>
      </c>
      <c r="L66" s="692"/>
      <c r="M66" s="692">
        <v>2023</v>
      </c>
      <c r="N66" s="692"/>
      <c r="O66" s="692" t="s">
        <v>4720</v>
      </c>
      <c r="P66" s="692"/>
      <c r="Q66" s="692"/>
      <c r="R66" s="692"/>
      <c r="S66" s="692"/>
      <c r="T66" s="692"/>
      <c r="U66" s="692"/>
      <c r="V66" s="692"/>
      <c r="W66" s="692"/>
      <c r="X66" s="692"/>
      <c r="Y66" s="692"/>
      <c r="Z66" s="692"/>
      <c r="AA66" s="692"/>
      <c r="AB66" s="692"/>
      <c r="AC66" s="692"/>
      <c r="AD66" s="692"/>
      <c r="AE66" s="692"/>
      <c r="AF66" s="692"/>
      <c r="AG66" s="692"/>
      <c r="AH66" s="692"/>
      <c r="AI66" s="692"/>
      <c r="AJ66" s="692"/>
      <c r="AK66" s="692"/>
      <c r="AL66" s="692"/>
      <c r="AM66" s="692"/>
      <c r="AN66" s="692"/>
      <c r="AO66" s="692"/>
      <c r="AP66" s="692"/>
      <c r="AQ66" s="692"/>
      <c r="AR66" s="692"/>
      <c r="AS66" s="692"/>
      <c r="AT66" s="692"/>
      <c r="AU66" s="692"/>
      <c r="AV66" s="692"/>
      <c r="AW66" s="692"/>
      <c r="AX66" s="692"/>
      <c r="AY66" s="692"/>
      <c r="AZ66" s="692"/>
      <c r="BA66" s="692"/>
      <c r="BB66" s="692"/>
      <c r="BC66" s="692"/>
      <c r="BD66" s="692"/>
    </row>
    <row r="67" spans="1:121" s="17" customFormat="1" ht="107.25" customHeight="1">
      <c r="A67" s="692" t="s">
        <v>1340</v>
      </c>
      <c r="B67" s="692" t="s">
        <v>1335</v>
      </c>
      <c r="C67" s="692" t="s">
        <v>15</v>
      </c>
      <c r="D67" s="692" t="s">
        <v>1334</v>
      </c>
      <c r="E67" s="692" t="s">
        <v>1333</v>
      </c>
      <c r="F67" s="692">
        <v>44718</v>
      </c>
      <c r="G67" s="692" t="s">
        <v>63</v>
      </c>
      <c r="H67" s="692" t="s">
        <v>10</v>
      </c>
      <c r="I67" s="692"/>
      <c r="J67" s="692">
        <v>9</v>
      </c>
      <c r="K67" s="692">
        <v>18</v>
      </c>
      <c r="L67" s="692">
        <v>1</v>
      </c>
      <c r="M67" s="692">
        <v>2022</v>
      </c>
      <c r="N67" s="692"/>
      <c r="O67" s="692" t="s">
        <v>4721</v>
      </c>
      <c r="P67" s="692"/>
      <c r="Q67" s="692"/>
      <c r="R67" s="692"/>
      <c r="S67" s="692"/>
      <c r="T67" s="692"/>
      <c r="U67" s="692"/>
      <c r="V67" s="692"/>
      <c r="W67" s="692"/>
      <c r="X67" s="692"/>
      <c r="Y67" s="692"/>
      <c r="Z67" s="692"/>
      <c r="AA67" s="692"/>
      <c r="AB67" s="692"/>
      <c r="AC67" s="692"/>
      <c r="AD67" s="692"/>
      <c r="AE67" s="692"/>
      <c r="AF67" s="692"/>
      <c r="AG67" s="692"/>
      <c r="AH67" s="692"/>
      <c r="AI67" s="692"/>
      <c r="AJ67" s="692"/>
      <c r="AK67" s="692"/>
      <c r="AL67" s="692"/>
      <c r="AM67" s="692"/>
      <c r="AN67" s="692"/>
      <c r="AO67" s="692"/>
      <c r="AP67" s="692"/>
      <c r="AQ67" s="692"/>
      <c r="AR67" s="692"/>
      <c r="AS67" s="692"/>
      <c r="AT67" s="692"/>
      <c r="AU67" s="692"/>
      <c r="AV67" s="692"/>
      <c r="AW67" s="692"/>
      <c r="AX67" s="692"/>
      <c r="AY67" s="692"/>
      <c r="AZ67" s="692"/>
      <c r="BA67" s="692"/>
      <c r="BB67" s="692"/>
      <c r="BC67" s="692"/>
      <c r="BD67" s="692"/>
    </row>
    <row r="68" spans="1:121" s="689" customFormat="1" ht="120" customHeight="1">
      <c r="A68" s="692" t="s">
        <v>1336</v>
      </c>
      <c r="B68" s="692" t="s">
        <v>1331</v>
      </c>
      <c r="C68" s="692" t="s">
        <v>53</v>
      </c>
      <c r="D68" s="692" t="s">
        <v>1330</v>
      </c>
      <c r="E68" s="692" t="s">
        <v>1329</v>
      </c>
      <c r="F68" s="692" t="s">
        <v>50</v>
      </c>
      <c r="G68" s="692"/>
      <c r="H68" s="692"/>
      <c r="I68" s="692"/>
      <c r="J68" s="692">
        <v>1</v>
      </c>
      <c r="K68" s="692">
        <v>6</v>
      </c>
      <c r="L68" s="692"/>
      <c r="M68" s="692"/>
      <c r="N68" s="692"/>
      <c r="O68" s="692" t="s">
        <v>4722</v>
      </c>
      <c r="P68" s="692"/>
      <c r="Q68" s="692" t="s">
        <v>1328</v>
      </c>
      <c r="R68" s="692"/>
      <c r="S68" s="692"/>
      <c r="T68" s="692"/>
      <c r="U68" s="692"/>
      <c r="V68" s="692"/>
      <c r="W68" s="692"/>
      <c r="X68" s="692"/>
      <c r="Y68" s="692"/>
      <c r="Z68" s="692"/>
      <c r="AA68" s="692"/>
      <c r="AB68" s="692"/>
      <c r="AC68" s="692"/>
      <c r="AD68" s="692"/>
      <c r="AE68" s="692"/>
      <c r="AF68" s="692"/>
      <c r="AG68" s="692"/>
      <c r="AH68" s="692"/>
      <c r="AI68" s="692"/>
      <c r="AJ68" s="692"/>
      <c r="AK68" s="692"/>
      <c r="AL68" s="692"/>
      <c r="AM68" s="692"/>
      <c r="AN68" s="692"/>
      <c r="AO68" s="692"/>
      <c r="AP68" s="692"/>
      <c r="AQ68" s="692"/>
      <c r="AR68" s="692"/>
      <c r="AS68" s="692"/>
      <c r="AT68" s="692"/>
      <c r="AU68" s="692"/>
      <c r="AV68" s="692"/>
      <c r="AW68" s="692"/>
      <c r="AX68" s="692"/>
      <c r="AY68" s="692"/>
      <c r="AZ68" s="692"/>
      <c r="BA68" s="692"/>
      <c r="BB68" s="692"/>
      <c r="BC68" s="692"/>
      <c r="BD68" s="692"/>
    </row>
    <row r="69" spans="1:121" s="12" customFormat="1" ht="120" customHeight="1">
      <c r="A69" s="692" t="s">
        <v>1332</v>
      </c>
      <c r="B69" s="692" t="s">
        <v>1326</v>
      </c>
      <c r="C69" s="692" t="s">
        <v>15</v>
      </c>
      <c r="D69" s="692" t="s">
        <v>1325</v>
      </c>
      <c r="E69" s="692" t="s">
        <v>1324</v>
      </c>
      <c r="F69" s="692">
        <v>38090</v>
      </c>
      <c r="G69" s="692" t="s">
        <v>1323</v>
      </c>
      <c r="H69" s="692" t="s">
        <v>10</v>
      </c>
      <c r="I69" s="692"/>
      <c r="J69" s="692">
        <v>6</v>
      </c>
      <c r="K69" s="692">
        <v>36</v>
      </c>
      <c r="L69" s="692">
        <v>1</v>
      </c>
      <c r="M69" s="692" t="s">
        <v>1322</v>
      </c>
      <c r="N69" s="692" t="s">
        <v>1321</v>
      </c>
      <c r="O69" s="692" t="s">
        <v>1320</v>
      </c>
      <c r="P69" s="692"/>
      <c r="Q69" s="692" t="s">
        <v>1307</v>
      </c>
      <c r="R69" s="692"/>
      <c r="S69" s="692"/>
      <c r="T69" s="692"/>
      <c r="U69" s="692"/>
      <c r="V69" s="692"/>
      <c r="W69" s="692"/>
      <c r="X69" s="692"/>
      <c r="Y69" s="692"/>
      <c r="Z69" s="692"/>
      <c r="AA69" s="692"/>
      <c r="AB69" s="692"/>
      <c r="AC69" s="692"/>
      <c r="AD69" s="692"/>
      <c r="AE69" s="692"/>
      <c r="AF69" s="692"/>
      <c r="AG69" s="692"/>
      <c r="AH69" s="692"/>
      <c r="AI69" s="692"/>
      <c r="AJ69" s="692"/>
      <c r="AK69" s="692"/>
      <c r="AL69" s="692"/>
      <c r="AM69" s="692"/>
      <c r="AN69" s="692"/>
      <c r="AO69" s="692"/>
      <c r="AP69" s="692"/>
      <c r="AQ69" s="692"/>
      <c r="AR69" s="692"/>
      <c r="AS69" s="692"/>
      <c r="AT69" s="692"/>
      <c r="AU69" s="692"/>
      <c r="AV69" s="692"/>
      <c r="AW69" s="692"/>
      <c r="AX69" s="692"/>
      <c r="AY69" s="692"/>
      <c r="AZ69" s="692"/>
      <c r="BA69" s="692"/>
      <c r="BB69" s="692"/>
      <c r="BC69" s="692"/>
      <c r="BD69" s="692"/>
      <c r="BE69" s="17"/>
      <c r="BF69" s="17"/>
      <c r="BG69" s="17"/>
      <c r="BH69" s="17"/>
      <c r="BI69" s="17"/>
      <c r="BJ69" s="17"/>
      <c r="BK69" s="17"/>
      <c r="BL69" s="17"/>
      <c r="BM69" s="17"/>
      <c r="BN69" s="17"/>
      <c r="BO69" s="17"/>
      <c r="BP69" s="17"/>
      <c r="BQ69" s="17"/>
      <c r="BR69" s="17"/>
      <c r="BS69" s="17"/>
      <c r="BT69" s="17"/>
      <c r="BU69" s="17"/>
      <c r="BV69" s="17"/>
      <c r="BW69" s="17"/>
      <c r="BX69" s="17"/>
      <c r="BY69" s="17"/>
      <c r="BZ69" s="17"/>
      <c r="CA69" s="17"/>
      <c r="CB69" s="17"/>
      <c r="CC69" s="17"/>
      <c r="CD69" s="17"/>
      <c r="CE69" s="17"/>
      <c r="CF69" s="17"/>
      <c r="CG69" s="17"/>
      <c r="CH69" s="17"/>
      <c r="CI69" s="17"/>
      <c r="CJ69" s="17"/>
      <c r="CK69" s="17"/>
      <c r="CL69" s="17"/>
      <c r="CM69" s="17"/>
      <c r="CN69" s="17"/>
      <c r="CO69" s="17"/>
      <c r="CP69" s="17"/>
      <c r="CQ69" s="17"/>
      <c r="CR69" s="17"/>
      <c r="CS69" s="17"/>
      <c r="CT69" s="17"/>
      <c r="CU69" s="17"/>
      <c r="CV69" s="17"/>
      <c r="CW69" s="17"/>
      <c r="CX69" s="17"/>
      <c r="CY69" s="17"/>
      <c r="CZ69" s="17"/>
      <c r="DA69" s="17"/>
      <c r="DB69" s="17"/>
      <c r="DC69" s="17"/>
      <c r="DD69" s="17"/>
      <c r="DE69" s="17"/>
      <c r="DF69" s="17"/>
      <c r="DG69" s="17"/>
      <c r="DH69" s="17"/>
      <c r="DI69" s="17"/>
      <c r="DJ69" s="17"/>
      <c r="DK69" s="17"/>
      <c r="DL69" s="17"/>
      <c r="DM69" s="17"/>
      <c r="DN69" s="17"/>
      <c r="DO69" s="17"/>
      <c r="DP69" s="17"/>
      <c r="DQ69" s="17"/>
    </row>
    <row r="70" spans="1:121" s="325" customFormat="1" ht="120" customHeight="1">
      <c r="A70" s="692" t="s">
        <v>1327</v>
      </c>
      <c r="B70" s="692" t="s">
        <v>4723</v>
      </c>
      <c r="C70" s="692" t="s">
        <v>179</v>
      </c>
      <c r="D70" s="692" t="s">
        <v>1317</v>
      </c>
      <c r="E70" s="692" t="s">
        <v>1278</v>
      </c>
      <c r="F70" s="692">
        <v>42583</v>
      </c>
      <c r="G70" s="692" t="s">
        <v>383</v>
      </c>
      <c r="H70" s="692" t="s">
        <v>10</v>
      </c>
      <c r="I70" s="692"/>
      <c r="J70" s="692">
        <v>2</v>
      </c>
      <c r="K70" s="692">
        <v>12</v>
      </c>
      <c r="L70" s="692">
        <v>2</v>
      </c>
      <c r="M70" s="692">
        <v>2018</v>
      </c>
      <c r="N70" s="692"/>
      <c r="O70" s="692"/>
      <c r="P70" s="692"/>
      <c r="Q70" s="692"/>
      <c r="R70" s="692"/>
      <c r="S70" s="692"/>
      <c r="T70" s="692"/>
      <c r="U70" s="692"/>
      <c r="V70" s="692"/>
      <c r="W70" s="692"/>
      <c r="X70" s="692"/>
      <c r="Y70" s="692"/>
      <c r="Z70" s="692"/>
      <c r="AA70" s="692"/>
      <c r="AB70" s="692"/>
      <c r="AC70" s="692"/>
      <c r="AD70" s="692"/>
      <c r="AE70" s="692"/>
      <c r="AF70" s="692"/>
      <c r="AG70" s="692"/>
      <c r="AH70" s="692"/>
      <c r="AI70" s="692"/>
      <c r="AJ70" s="692"/>
      <c r="AK70" s="692"/>
      <c r="AL70" s="692"/>
      <c r="AM70" s="692"/>
      <c r="AN70" s="692"/>
      <c r="AO70" s="692"/>
      <c r="AP70" s="692"/>
      <c r="AQ70" s="692"/>
      <c r="AR70" s="692"/>
      <c r="AS70" s="692"/>
      <c r="AT70" s="692"/>
      <c r="AU70" s="692"/>
      <c r="AV70" s="692"/>
      <c r="AW70" s="692"/>
      <c r="AX70" s="692"/>
      <c r="AY70" s="692"/>
      <c r="AZ70" s="692"/>
      <c r="BA70" s="692"/>
      <c r="BB70" s="692"/>
      <c r="BC70" s="692"/>
      <c r="BD70" s="692"/>
    </row>
    <row r="71" spans="1:121" s="200" customFormat="1" ht="120" customHeight="1">
      <c r="A71" s="692" t="s">
        <v>1319</v>
      </c>
      <c r="B71" s="692" t="s">
        <v>4724</v>
      </c>
      <c r="C71" s="692" t="s">
        <v>179</v>
      </c>
      <c r="D71" s="692" t="s">
        <v>1317</v>
      </c>
      <c r="E71" s="692" t="s">
        <v>1278</v>
      </c>
      <c r="F71" s="692">
        <v>42583</v>
      </c>
      <c r="G71" s="692" t="s">
        <v>383</v>
      </c>
      <c r="H71" s="692" t="s">
        <v>10</v>
      </c>
      <c r="I71" s="692"/>
      <c r="J71" s="692">
        <v>2</v>
      </c>
      <c r="K71" s="692">
        <v>8</v>
      </c>
      <c r="L71" s="692">
        <v>2</v>
      </c>
      <c r="M71" s="692">
        <v>2022</v>
      </c>
      <c r="N71" s="692"/>
      <c r="O71" s="692" t="s">
        <v>4725</v>
      </c>
      <c r="P71" s="692"/>
      <c r="Q71" s="692" t="s">
        <v>1307</v>
      </c>
      <c r="R71" s="692"/>
      <c r="S71" s="692"/>
      <c r="T71" s="692"/>
      <c r="U71" s="692"/>
      <c r="V71" s="692"/>
      <c r="W71" s="692"/>
      <c r="X71" s="692"/>
      <c r="Y71" s="692"/>
      <c r="Z71" s="692"/>
      <c r="AA71" s="692"/>
      <c r="AB71" s="692"/>
      <c r="AC71" s="692"/>
      <c r="AD71" s="692"/>
      <c r="AE71" s="692"/>
      <c r="AF71" s="692"/>
      <c r="AG71" s="692"/>
      <c r="AH71" s="692"/>
      <c r="AI71" s="692"/>
      <c r="AJ71" s="692"/>
      <c r="AK71" s="692"/>
      <c r="AL71" s="692"/>
      <c r="AM71" s="692"/>
      <c r="AN71" s="692"/>
      <c r="AO71" s="692"/>
      <c r="AP71" s="692"/>
      <c r="AQ71" s="692"/>
      <c r="AR71" s="692"/>
      <c r="AS71" s="692"/>
      <c r="AT71" s="692"/>
      <c r="AU71" s="692"/>
      <c r="AV71" s="692"/>
      <c r="AW71" s="692"/>
      <c r="AX71" s="692"/>
      <c r="AY71" s="692"/>
      <c r="AZ71" s="692"/>
      <c r="BA71" s="692"/>
      <c r="BB71" s="692"/>
      <c r="BC71" s="692"/>
      <c r="BD71" s="692"/>
    </row>
    <row r="72" spans="1:121" s="163" customFormat="1" ht="120" customHeight="1">
      <c r="A72" s="692" t="s">
        <v>1318</v>
      </c>
      <c r="B72" s="692" t="s">
        <v>1315</v>
      </c>
      <c r="C72" s="692" t="s">
        <v>27</v>
      </c>
      <c r="D72" s="692" t="s">
        <v>1314</v>
      </c>
      <c r="E72" s="692"/>
      <c r="F72" s="692"/>
      <c r="G72" s="692"/>
      <c r="H72" s="692"/>
      <c r="I72" s="692"/>
      <c r="J72" s="692">
        <v>1</v>
      </c>
      <c r="K72" s="692">
        <v>10</v>
      </c>
      <c r="L72" s="692">
        <v>1</v>
      </c>
      <c r="M72" s="692"/>
      <c r="N72" s="692"/>
      <c r="O72" s="692" t="s">
        <v>4726</v>
      </c>
      <c r="P72" s="692"/>
      <c r="Q72" s="692"/>
      <c r="R72" s="692"/>
      <c r="S72" s="692"/>
      <c r="T72" s="692"/>
      <c r="U72" s="692"/>
      <c r="V72" s="692"/>
      <c r="W72" s="692"/>
      <c r="X72" s="692"/>
      <c r="Y72" s="692"/>
      <c r="Z72" s="692"/>
      <c r="AA72" s="692"/>
      <c r="AB72" s="692"/>
      <c r="AC72" s="692"/>
      <c r="AD72" s="692"/>
      <c r="AE72" s="692"/>
      <c r="AF72" s="692"/>
      <c r="AG72" s="692"/>
      <c r="AH72" s="692"/>
      <c r="AI72" s="692"/>
      <c r="AJ72" s="692"/>
      <c r="AK72" s="692"/>
      <c r="AL72" s="692"/>
      <c r="AM72" s="692"/>
      <c r="AN72" s="692"/>
      <c r="AO72" s="692"/>
      <c r="AP72" s="692"/>
      <c r="AQ72" s="692"/>
      <c r="AR72" s="692"/>
      <c r="AS72" s="692"/>
      <c r="AT72" s="692"/>
      <c r="AU72" s="692"/>
      <c r="AV72" s="692"/>
      <c r="AW72" s="692"/>
      <c r="AX72" s="692"/>
      <c r="AY72" s="692"/>
      <c r="AZ72" s="692"/>
      <c r="BA72" s="692"/>
      <c r="BB72" s="692"/>
      <c r="BC72" s="692"/>
      <c r="BD72" s="692"/>
    </row>
    <row r="73" spans="1:121" s="163" customFormat="1" ht="120" customHeight="1">
      <c r="A73" s="692" t="s">
        <v>1316</v>
      </c>
      <c r="B73" s="692" t="s">
        <v>1312</v>
      </c>
      <c r="C73" s="692" t="s">
        <v>27</v>
      </c>
      <c r="D73" s="692" t="s">
        <v>1311</v>
      </c>
      <c r="E73" s="692"/>
      <c r="F73" s="692"/>
      <c r="G73" s="692"/>
      <c r="H73" s="692"/>
      <c r="I73" s="692"/>
      <c r="J73" s="692">
        <v>1</v>
      </c>
      <c r="K73" s="692">
        <v>10</v>
      </c>
      <c r="L73" s="692"/>
      <c r="M73" s="692"/>
      <c r="N73" s="692"/>
      <c r="O73" s="692" t="s">
        <v>4727</v>
      </c>
      <c r="P73" s="692"/>
      <c r="Q73" s="692"/>
      <c r="R73" s="692"/>
      <c r="S73" s="692"/>
      <c r="T73" s="692"/>
      <c r="U73" s="692"/>
      <c r="V73" s="692"/>
      <c r="W73" s="692"/>
      <c r="X73" s="692"/>
      <c r="Y73" s="692"/>
      <c r="Z73" s="692"/>
      <c r="AA73" s="692"/>
      <c r="AB73" s="692"/>
      <c r="AC73" s="692"/>
      <c r="AD73" s="692"/>
      <c r="AE73" s="692"/>
      <c r="AF73" s="692"/>
      <c r="AG73" s="692"/>
      <c r="AH73" s="692"/>
      <c r="AI73" s="692"/>
      <c r="AJ73" s="692"/>
      <c r="AK73" s="692"/>
      <c r="AL73" s="692"/>
      <c r="AM73" s="692"/>
      <c r="AN73" s="692"/>
      <c r="AO73" s="692"/>
      <c r="AP73" s="692"/>
      <c r="AQ73" s="692"/>
      <c r="AR73" s="692"/>
      <c r="AS73" s="692"/>
      <c r="AT73" s="692"/>
      <c r="AU73" s="692"/>
      <c r="AV73" s="692"/>
      <c r="AW73" s="692"/>
      <c r="AX73" s="692"/>
      <c r="AY73" s="692"/>
      <c r="AZ73" s="692"/>
      <c r="BA73" s="692"/>
      <c r="BB73" s="692"/>
      <c r="BC73" s="692"/>
      <c r="BD73" s="692"/>
    </row>
    <row r="74" spans="1:121" s="325" customFormat="1" ht="120" customHeight="1">
      <c r="A74" s="692" t="s">
        <v>1313</v>
      </c>
      <c r="B74" s="692" t="s">
        <v>4728</v>
      </c>
      <c r="C74" s="692" t="s">
        <v>179</v>
      </c>
      <c r="D74" s="692" t="s">
        <v>4729</v>
      </c>
      <c r="E74" s="692">
        <v>1000016108</v>
      </c>
      <c r="F74" s="692">
        <v>40857</v>
      </c>
      <c r="G74" s="692" t="s">
        <v>63</v>
      </c>
      <c r="H74" s="692" t="s">
        <v>4730</v>
      </c>
      <c r="I74" s="692"/>
      <c r="J74" s="692">
        <v>18</v>
      </c>
      <c r="K74" s="692" t="s">
        <v>1309</v>
      </c>
      <c r="L74" s="692">
        <v>20</v>
      </c>
      <c r="M74" s="692" t="s">
        <v>1308</v>
      </c>
      <c r="N74" s="692"/>
      <c r="O74" s="692" t="s">
        <v>4731</v>
      </c>
      <c r="P74" s="692"/>
      <c r="Q74" s="692" t="s">
        <v>1307</v>
      </c>
      <c r="R74" s="692"/>
      <c r="S74" s="692"/>
      <c r="T74" s="692"/>
      <c r="U74" s="692"/>
      <c r="V74" s="692"/>
      <c r="W74" s="692"/>
      <c r="X74" s="692"/>
      <c r="Y74" s="692"/>
      <c r="Z74" s="692"/>
      <c r="AA74" s="692"/>
      <c r="AB74" s="692"/>
      <c r="AC74" s="692"/>
      <c r="AD74" s="692"/>
      <c r="AE74" s="692"/>
      <c r="AF74" s="692"/>
      <c r="AG74" s="692"/>
      <c r="AH74" s="692"/>
      <c r="AI74" s="692"/>
      <c r="AJ74" s="692"/>
      <c r="AK74" s="692"/>
      <c r="AL74" s="692"/>
      <c r="AM74" s="692"/>
      <c r="AN74" s="692"/>
      <c r="AO74" s="692"/>
      <c r="AP74" s="692"/>
      <c r="AQ74" s="692"/>
      <c r="AR74" s="692"/>
      <c r="AS74" s="692"/>
      <c r="AT74" s="692"/>
      <c r="AU74" s="692"/>
      <c r="AV74" s="692"/>
      <c r="AW74" s="692"/>
      <c r="AX74" s="692"/>
      <c r="AY74" s="692"/>
      <c r="AZ74" s="692"/>
      <c r="BA74" s="692"/>
      <c r="BB74" s="692"/>
      <c r="BC74" s="692"/>
      <c r="BD74" s="692"/>
    </row>
    <row r="75" spans="1:121" s="325" customFormat="1" ht="120" customHeight="1">
      <c r="A75" s="692" t="s">
        <v>1310</v>
      </c>
      <c r="B75" s="692" t="s">
        <v>4732</v>
      </c>
      <c r="C75" s="692" t="s">
        <v>15</v>
      </c>
      <c r="D75" s="692" t="s">
        <v>4733</v>
      </c>
      <c r="E75" s="692" t="s">
        <v>4734</v>
      </c>
      <c r="F75" s="692"/>
      <c r="G75" s="692" t="s">
        <v>4735</v>
      </c>
      <c r="H75" s="692" t="s">
        <v>4736</v>
      </c>
      <c r="I75" s="692"/>
      <c r="J75" s="692"/>
      <c r="K75" s="692"/>
      <c r="L75" s="692"/>
      <c r="M75" s="692" t="s">
        <v>4737</v>
      </c>
      <c r="N75" s="692"/>
      <c r="O75" s="692" t="s">
        <v>4738</v>
      </c>
      <c r="P75" s="692"/>
      <c r="Q75" s="692" t="s">
        <v>1307</v>
      </c>
      <c r="R75" s="692"/>
      <c r="S75" s="692"/>
      <c r="T75" s="692"/>
      <c r="U75" s="692"/>
      <c r="V75" s="692"/>
      <c r="W75" s="692"/>
      <c r="X75" s="692"/>
      <c r="Y75" s="692"/>
      <c r="Z75" s="692"/>
      <c r="AA75" s="692"/>
      <c r="AB75" s="692"/>
      <c r="AC75" s="692"/>
      <c r="AD75" s="692"/>
      <c r="AE75" s="692"/>
      <c r="AF75" s="692"/>
      <c r="AG75" s="692"/>
      <c r="AH75" s="692"/>
      <c r="AI75" s="692"/>
      <c r="AJ75" s="692"/>
      <c r="AK75" s="692"/>
      <c r="AL75" s="692"/>
      <c r="AM75" s="692"/>
      <c r="AN75" s="692"/>
      <c r="AO75" s="692"/>
      <c r="AP75" s="692"/>
      <c r="AQ75" s="692"/>
      <c r="AR75" s="692"/>
      <c r="AS75" s="692"/>
      <c r="AT75" s="692"/>
      <c r="AU75" s="692"/>
      <c r="AV75" s="692"/>
      <c r="AW75" s="692"/>
      <c r="AX75" s="692"/>
      <c r="AY75" s="692"/>
      <c r="AZ75" s="692"/>
      <c r="BA75" s="692"/>
      <c r="BB75" s="692"/>
      <c r="BC75" s="692"/>
      <c r="BD75" s="692"/>
    </row>
    <row r="76" spans="1:121" s="325" customFormat="1" ht="120" customHeight="1">
      <c r="A76" s="692" t="s">
        <v>1782</v>
      </c>
      <c r="B76" s="692" t="s">
        <v>4739</v>
      </c>
      <c r="C76" s="692" t="s">
        <v>15</v>
      </c>
      <c r="D76" s="692" t="s">
        <v>4740</v>
      </c>
      <c r="E76" s="692" t="s">
        <v>4741</v>
      </c>
      <c r="F76" s="692"/>
      <c r="G76" s="692" t="s">
        <v>4742</v>
      </c>
      <c r="H76" s="692" t="s">
        <v>10</v>
      </c>
      <c r="I76" s="692"/>
      <c r="J76" s="692">
        <v>3</v>
      </c>
      <c r="K76" s="692">
        <v>12</v>
      </c>
      <c r="L76" s="692"/>
      <c r="M76" s="692" t="s">
        <v>4743</v>
      </c>
      <c r="N76" s="692"/>
      <c r="O76" s="692" t="s">
        <v>4744</v>
      </c>
      <c r="P76" s="692"/>
      <c r="Q76" s="692" t="s">
        <v>1307</v>
      </c>
      <c r="R76" s="692"/>
      <c r="S76" s="692"/>
      <c r="T76" s="692"/>
      <c r="U76" s="692"/>
      <c r="V76" s="692"/>
      <c r="W76" s="692"/>
      <c r="X76" s="692"/>
      <c r="Y76" s="692"/>
      <c r="Z76" s="692"/>
      <c r="AA76" s="692"/>
      <c r="AB76" s="692"/>
      <c r="AC76" s="692"/>
      <c r="AD76" s="692"/>
      <c r="AE76" s="692"/>
      <c r="AF76" s="692"/>
      <c r="AG76" s="692"/>
      <c r="AH76" s="692"/>
      <c r="AI76" s="692"/>
      <c r="AJ76" s="692"/>
      <c r="AK76" s="692"/>
      <c r="AL76" s="692"/>
      <c r="AM76" s="692"/>
      <c r="AN76" s="692"/>
      <c r="AO76" s="692"/>
      <c r="AP76" s="692"/>
      <c r="AQ76" s="692"/>
      <c r="AR76" s="692"/>
      <c r="AS76" s="692"/>
      <c r="AT76" s="692"/>
      <c r="AU76" s="692"/>
      <c r="AV76" s="692"/>
      <c r="AW76" s="692"/>
      <c r="AX76" s="692"/>
      <c r="AY76" s="692"/>
      <c r="AZ76" s="692"/>
      <c r="BA76" s="692"/>
      <c r="BB76" s="692"/>
      <c r="BC76" s="692"/>
      <c r="BD76" s="692"/>
    </row>
    <row r="77" spans="1:121" s="325" customFormat="1" ht="120" customHeight="1">
      <c r="A77" s="692" t="s">
        <v>2833</v>
      </c>
      <c r="B77" s="692" t="s">
        <v>4745</v>
      </c>
      <c r="C77" s="692" t="s">
        <v>15</v>
      </c>
      <c r="D77" s="692" t="s">
        <v>4746</v>
      </c>
      <c r="E77" s="692" t="s">
        <v>4747</v>
      </c>
      <c r="F77" s="692">
        <v>42684</v>
      </c>
      <c r="G77" s="692" t="s">
        <v>231</v>
      </c>
      <c r="H77" s="692" t="s">
        <v>4748</v>
      </c>
      <c r="I77" s="692"/>
      <c r="J77" s="692">
        <v>4</v>
      </c>
      <c r="K77" s="692">
        <v>8</v>
      </c>
      <c r="L77" s="692">
        <v>1</v>
      </c>
      <c r="M77" s="692">
        <v>2024</v>
      </c>
      <c r="N77" s="692"/>
      <c r="O77" s="692" t="s">
        <v>4749</v>
      </c>
      <c r="P77" s="692"/>
      <c r="Q77" s="692" t="s">
        <v>1307</v>
      </c>
      <c r="R77" s="692"/>
      <c r="S77" s="692"/>
      <c r="T77" s="692"/>
      <c r="U77" s="692"/>
      <c r="V77" s="692"/>
      <c r="W77" s="692"/>
      <c r="X77" s="692"/>
      <c r="Y77" s="692"/>
      <c r="Z77" s="692"/>
      <c r="AA77" s="692"/>
      <c r="AB77" s="692"/>
      <c r="AC77" s="692"/>
      <c r="AD77" s="692"/>
      <c r="AE77" s="692"/>
      <c r="AF77" s="692"/>
      <c r="AG77" s="692"/>
      <c r="AH77" s="692"/>
      <c r="AI77" s="692"/>
      <c r="AJ77" s="692"/>
      <c r="AK77" s="692"/>
      <c r="AL77" s="692"/>
      <c r="AM77" s="692"/>
      <c r="AN77" s="692"/>
      <c r="AO77" s="692"/>
      <c r="AP77" s="692"/>
      <c r="AQ77" s="692"/>
      <c r="AR77" s="692"/>
      <c r="AS77" s="692"/>
      <c r="AT77" s="692"/>
      <c r="AU77" s="692"/>
      <c r="AV77" s="692"/>
      <c r="AW77" s="692"/>
      <c r="AX77" s="692"/>
      <c r="AY77" s="692"/>
      <c r="AZ77" s="692"/>
      <c r="BA77" s="692"/>
      <c r="BB77" s="692"/>
      <c r="BC77" s="692"/>
      <c r="BD77" s="692"/>
    </row>
    <row r="78" spans="1:121" s="325" customFormat="1" ht="120" customHeight="1">
      <c r="A78" s="692" t="s">
        <v>2830</v>
      </c>
      <c r="B78" s="692" t="s">
        <v>4750</v>
      </c>
      <c r="C78" s="692" t="s">
        <v>15</v>
      </c>
      <c r="D78" s="692" t="s">
        <v>4751</v>
      </c>
      <c r="E78" s="692"/>
      <c r="F78" s="692"/>
      <c r="G78" s="692"/>
      <c r="H78" s="692" t="s">
        <v>10</v>
      </c>
      <c r="I78" s="692"/>
      <c r="J78" s="692">
        <v>1</v>
      </c>
      <c r="K78" s="692">
        <v>6</v>
      </c>
      <c r="L78" s="692">
        <v>1</v>
      </c>
      <c r="M78" s="692">
        <v>2024</v>
      </c>
      <c r="N78" s="692" t="s">
        <v>4752</v>
      </c>
      <c r="O78" s="692"/>
      <c r="P78" s="692"/>
      <c r="Q78" s="692" t="s">
        <v>1307</v>
      </c>
      <c r="R78" s="692"/>
      <c r="S78" s="692"/>
      <c r="T78" s="692"/>
      <c r="U78" s="692"/>
      <c r="V78" s="692"/>
      <c r="W78" s="692"/>
      <c r="X78" s="692"/>
      <c r="Y78" s="692"/>
      <c r="Z78" s="692"/>
      <c r="AA78" s="692"/>
      <c r="AB78" s="692"/>
      <c r="AC78" s="692"/>
      <c r="AD78" s="692"/>
      <c r="AE78" s="692"/>
      <c r="AF78" s="692"/>
      <c r="AG78" s="692"/>
      <c r="AH78" s="692"/>
      <c r="AI78" s="692"/>
      <c r="AJ78" s="692"/>
      <c r="AK78" s="692"/>
      <c r="AL78" s="692"/>
      <c r="AM78" s="692"/>
      <c r="AN78" s="692"/>
      <c r="AO78" s="692"/>
      <c r="AP78" s="692"/>
      <c r="AQ78" s="692"/>
      <c r="AR78" s="692"/>
      <c r="AS78" s="692"/>
      <c r="AT78" s="692"/>
      <c r="AU78" s="692"/>
      <c r="AV78" s="692"/>
      <c r="AW78" s="692"/>
      <c r="AX78" s="692"/>
      <c r="AY78" s="692"/>
      <c r="AZ78" s="692"/>
      <c r="BA78" s="692"/>
      <c r="BB78" s="692"/>
      <c r="BC78" s="692"/>
      <c r="BD78" s="692"/>
    </row>
    <row r="79" spans="1:121" s="325" customFormat="1" ht="120" customHeight="1">
      <c r="A79" s="692" t="s">
        <v>2563</v>
      </c>
      <c r="B79" s="692" t="s">
        <v>4753</v>
      </c>
      <c r="C79" s="692" t="s">
        <v>15</v>
      </c>
      <c r="D79" s="692" t="s">
        <v>4754</v>
      </c>
      <c r="E79" s="692"/>
      <c r="F79" s="692"/>
      <c r="G79" s="692"/>
      <c r="H79" s="692" t="s">
        <v>10</v>
      </c>
      <c r="I79" s="692"/>
      <c r="J79" s="692">
        <v>1</v>
      </c>
      <c r="K79" s="692">
        <v>4</v>
      </c>
      <c r="L79" s="692">
        <v>1</v>
      </c>
      <c r="M79" s="692">
        <v>2024</v>
      </c>
      <c r="N79" s="692"/>
      <c r="O79" s="692"/>
      <c r="P79" s="692"/>
      <c r="Q79" s="692" t="s">
        <v>1307</v>
      </c>
      <c r="R79" s="692"/>
      <c r="S79" s="692"/>
      <c r="T79" s="692"/>
      <c r="U79" s="692"/>
      <c r="V79" s="692"/>
      <c r="W79" s="692"/>
      <c r="X79" s="692"/>
      <c r="Y79" s="692"/>
      <c r="Z79" s="692"/>
      <c r="AA79" s="692"/>
      <c r="AB79" s="692"/>
      <c r="AC79" s="692"/>
      <c r="AD79" s="692"/>
      <c r="AE79" s="692"/>
      <c r="AF79" s="692"/>
      <c r="AG79" s="692"/>
      <c r="AH79" s="692"/>
      <c r="AI79" s="692"/>
      <c r="AJ79" s="692"/>
      <c r="AK79" s="692"/>
      <c r="AL79" s="692"/>
      <c r="AM79" s="692"/>
      <c r="AN79" s="692"/>
      <c r="AO79" s="692"/>
      <c r="AP79" s="692"/>
      <c r="AQ79" s="692"/>
      <c r="AR79" s="692"/>
      <c r="AS79" s="692"/>
      <c r="AT79" s="692"/>
      <c r="AU79" s="692"/>
      <c r="AV79" s="692"/>
      <c r="AW79" s="692"/>
      <c r="AX79" s="692"/>
      <c r="AY79" s="692"/>
      <c r="AZ79" s="692"/>
      <c r="BA79" s="692"/>
      <c r="BB79" s="692"/>
      <c r="BC79" s="692"/>
      <c r="BD79" s="692"/>
    </row>
    <row r="80" spans="1:121" s="325" customFormat="1" ht="120" customHeight="1">
      <c r="A80" s="692" t="s">
        <v>2822</v>
      </c>
      <c r="B80" s="692" t="s">
        <v>4755</v>
      </c>
      <c r="C80" s="692" t="s">
        <v>15</v>
      </c>
      <c r="D80" s="692" t="s">
        <v>4754</v>
      </c>
      <c r="E80" s="692"/>
      <c r="F80" s="692"/>
      <c r="G80" s="692"/>
      <c r="H80" s="692" t="s">
        <v>10</v>
      </c>
      <c r="I80" s="692"/>
      <c r="J80" s="692">
        <v>1</v>
      </c>
      <c r="K80" s="692">
        <v>4</v>
      </c>
      <c r="L80" s="692">
        <v>1</v>
      </c>
      <c r="M80" s="692">
        <v>2024</v>
      </c>
      <c r="N80" s="692" t="s">
        <v>4752</v>
      </c>
      <c r="O80" s="692"/>
      <c r="P80" s="692"/>
      <c r="Q80" s="692" t="s">
        <v>1307</v>
      </c>
      <c r="R80" s="692"/>
      <c r="S80" s="692"/>
      <c r="T80" s="692"/>
      <c r="U80" s="692"/>
      <c r="V80" s="692"/>
      <c r="W80" s="692"/>
      <c r="X80" s="692"/>
      <c r="Y80" s="692"/>
      <c r="Z80" s="692"/>
      <c r="AA80" s="692"/>
      <c r="AB80" s="692"/>
      <c r="AC80" s="692"/>
      <c r="AD80" s="692"/>
      <c r="AE80" s="692"/>
      <c r="AF80" s="692"/>
      <c r="AG80" s="692"/>
      <c r="AH80" s="692"/>
      <c r="AI80" s="692"/>
      <c r="AJ80" s="692"/>
      <c r="AK80" s="692"/>
      <c r="AL80" s="692"/>
      <c r="AM80" s="692"/>
      <c r="AN80" s="692"/>
      <c r="AO80" s="692"/>
      <c r="AP80" s="692"/>
      <c r="AQ80" s="692"/>
      <c r="AR80" s="692"/>
      <c r="AS80" s="692"/>
      <c r="AT80" s="692"/>
      <c r="AU80" s="692"/>
      <c r="AV80" s="692"/>
      <c r="AW80" s="692"/>
      <c r="AX80" s="692"/>
      <c r="AY80" s="692"/>
      <c r="AZ80" s="692"/>
      <c r="BA80" s="692"/>
      <c r="BB80" s="692"/>
      <c r="BC80" s="692"/>
      <c r="BD80" s="692"/>
    </row>
    <row r="81" spans="1:121" s="325" customFormat="1" ht="120" customHeight="1">
      <c r="A81" s="692" t="s">
        <v>1153</v>
      </c>
      <c r="B81" s="692" t="s">
        <v>4756</v>
      </c>
      <c r="C81" s="692" t="s">
        <v>179</v>
      </c>
      <c r="D81" s="692" t="s">
        <v>4757</v>
      </c>
      <c r="E81" s="692">
        <v>1001334329</v>
      </c>
      <c r="F81" s="692">
        <v>43236</v>
      </c>
      <c r="G81" s="692" t="s">
        <v>231</v>
      </c>
      <c r="H81" s="692" t="s">
        <v>4748</v>
      </c>
      <c r="I81" s="692"/>
      <c r="J81" s="692">
        <v>2</v>
      </c>
      <c r="K81" s="692">
        <v>8</v>
      </c>
      <c r="L81" s="692">
        <v>2.5</v>
      </c>
      <c r="M81" s="692">
        <v>2025</v>
      </c>
      <c r="N81" s="692" t="s">
        <v>4758</v>
      </c>
      <c r="O81" s="692"/>
      <c r="P81" s="692"/>
      <c r="Q81" s="692" t="s">
        <v>1307</v>
      </c>
      <c r="R81" s="692"/>
      <c r="S81" s="692"/>
      <c r="T81" s="692"/>
      <c r="U81" s="692"/>
      <c r="V81" s="692"/>
      <c r="W81" s="692"/>
      <c r="X81" s="692"/>
      <c r="Y81" s="692"/>
      <c r="Z81" s="692"/>
      <c r="AA81" s="692"/>
      <c r="AB81" s="692"/>
      <c r="AC81" s="692"/>
      <c r="AD81" s="692"/>
      <c r="AE81" s="692"/>
      <c r="AF81" s="692"/>
      <c r="AG81" s="692"/>
      <c r="AH81" s="692"/>
      <c r="AI81" s="692"/>
      <c r="AJ81" s="692"/>
      <c r="AK81" s="692"/>
      <c r="AL81" s="692"/>
      <c r="AM81" s="692"/>
      <c r="AN81" s="692"/>
      <c r="AO81" s="692"/>
      <c r="AP81" s="692"/>
      <c r="AQ81" s="692"/>
      <c r="AR81" s="692"/>
      <c r="AS81" s="692"/>
      <c r="AT81" s="692"/>
      <c r="AU81" s="692"/>
      <c r="AV81" s="692"/>
      <c r="AW81" s="692"/>
      <c r="AX81" s="692"/>
      <c r="AY81" s="692"/>
      <c r="AZ81" s="692"/>
      <c r="BA81" s="692"/>
      <c r="BB81" s="692"/>
      <c r="BC81" s="692"/>
      <c r="BD81" s="692"/>
    </row>
    <row r="82" spans="1:121" ht="15" customHeight="1">
      <c r="A82" s="1253" t="s">
        <v>16</v>
      </c>
      <c r="B82" s="1254"/>
      <c r="C82" s="1254"/>
      <c r="D82" s="1254"/>
      <c r="E82" s="1254"/>
      <c r="F82" s="1254"/>
      <c r="G82" s="1254"/>
      <c r="H82" s="1254"/>
      <c r="I82" s="1255"/>
      <c r="J82" s="1254"/>
      <c r="K82" s="1254"/>
      <c r="L82" s="1254"/>
      <c r="M82" s="1254"/>
      <c r="N82" s="1254"/>
      <c r="O82" s="1254"/>
      <c r="P82" s="1254"/>
      <c r="Q82" s="1256"/>
      <c r="R82" s="692"/>
      <c r="S82" s="692"/>
      <c r="T82" s="692"/>
      <c r="U82" s="692"/>
      <c r="V82" s="692"/>
      <c r="W82" s="692"/>
      <c r="X82" s="692"/>
      <c r="Y82" s="692"/>
      <c r="Z82" s="692"/>
      <c r="AA82" s="692"/>
      <c r="AB82" s="692"/>
      <c r="AC82" s="692"/>
      <c r="AD82" s="692"/>
      <c r="AE82" s="692"/>
      <c r="AF82" s="692"/>
      <c r="AG82" s="692"/>
      <c r="AH82" s="692"/>
      <c r="AI82" s="692"/>
      <c r="AJ82" s="692"/>
      <c r="AK82" s="692"/>
      <c r="AL82" s="692"/>
      <c r="AM82" s="692"/>
      <c r="AN82" s="692"/>
      <c r="AO82" s="692"/>
      <c r="AP82" s="692"/>
      <c r="AQ82" s="692"/>
      <c r="AR82" s="692"/>
      <c r="AS82" s="692"/>
      <c r="AT82" s="692"/>
      <c r="AU82" s="692"/>
      <c r="AV82" s="692"/>
      <c r="AW82" s="692"/>
      <c r="AX82" s="692"/>
      <c r="AY82" s="692"/>
      <c r="AZ82" s="692"/>
      <c r="BA82" s="692"/>
      <c r="BB82" s="692"/>
      <c r="BC82" s="692"/>
      <c r="BD82" s="692"/>
    </row>
    <row r="83" spans="1:121" s="12" customFormat="1" ht="120" customHeight="1">
      <c r="A83" s="692">
        <v>1</v>
      </c>
      <c r="B83" s="692" t="s">
        <v>1306</v>
      </c>
      <c r="C83" s="692"/>
      <c r="D83" s="692" t="s">
        <v>1305</v>
      </c>
      <c r="E83" s="692"/>
      <c r="F83" s="692"/>
      <c r="G83" s="692"/>
      <c r="H83" s="692"/>
      <c r="I83" s="692"/>
      <c r="J83" s="692">
        <v>1</v>
      </c>
      <c r="K83" s="692">
        <v>13</v>
      </c>
      <c r="L83" s="692"/>
      <c r="M83" s="692"/>
      <c r="N83" s="692"/>
      <c r="O83" s="692"/>
      <c r="P83" s="692" t="s">
        <v>1304</v>
      </c>
      <c r="Q83" s="692" t="s">
        <v>1303</v>
      </c>
      <c r="R83" s="692"/>
      <c r="S83" s="692"/>
      <c r="T83" s="692"/>
      <c r="U83" s="692"/>
      <c r="V83" s="692"/>
      <c r="W83" s="692"/>
      <c r="X83" s="692"/>
      <c r="Y83" s="692"/>
      <c r="Z83" s="692"/>
      <c r="AA83" s="692"/>
      <c r="AB83" s="692"/>
      <c r="AC83" s="692"/>
      <c r="AD83" s="692"/>
      <c r="AE83" s="692"/>
      <c r="AF83" s="692"/>
      <c r="AG83" s="692"/>
      <c r="AH83" s="692"/>
      <c r="AI83" s="692"/>
      <c r="AJ83" s="692"/>
      <c r="AK83" s="692"/>
      <c r="AL83" s="692"/>
      <c r="AM83" s="692"/>
      <c r="AN83" s="692"/>
      <c r="AO83" s="692"/>
      <c r="AP83" s="692"/>
      <c r="AQ83" s="692"/>
      <c r="AR83" s="692"/>
      <c r="AS83" s="692"/>
      <c r="AT83" s="692"/>
      <c r="AU83" s="692"/>
      <c r="AV83" s="692"/>
      <c r="AW83" s="692"/>
      <c r="AX83" s="692"/>
      <c r="AY83" s="692"/>
      <c r="AZ83" s="692"/>
      <c r="BA83" s="692"/>
      <c r="BB83" s="692"/>
      <c r="BC83" s="692"/>
      <c r="BD83" s="692"/>
      <c r="BE83" s="17"/>
      <c r="BF83" s="17"/>
      <c r="BG83" s="17"/>
      <c r="BH83" s="17"/>
      <c r="BI83" s="17"/>
      <c r="BJ83" s="17"/>
      <c r="BK83" s="17"/>
      <c r="BL83" s="17"/>
      <c r="BM83" s="17"/>
      <c r="BN83" s="17"/>
      <c r="BO83" s="17"/>
      <c r="BP83" s="17"/>
      <c r="BQ83" s="17"/>
      <c r="BR83" s="17"/>
      <c r="BS83" s="17"/>
      <c r="BT83" s="17"/>
      <c r="BU83" s="17"/>
      <c r="BV83" s="17"/>
      <c r="BW83" s="17"/>
      <c r="BX83" s="17"/>
      <c r="BY83" s="17"/>
      <c r="BZ83" s="17"/>
      <c r="CA83" s="17"/>
      <c r="CB83" s="17"/>
      <c r="CC83" s="17"/>
      <c r="CD83" s="17"/>
      <c r="CE83" s="17"/>
      <c r="CF83" s="17"/>
      <c r="CG83" s="17"/>
      <c r="CH83" s="17"/>
      <c r="CI83" s="17"/>
      <c r="CJ83" s="17"/>
      <c r="CK83" s="17"/>
      <c r="CL83" s="17"/>
      <c r="CM83" s="17"/>
      <c r="CN83" s="17"/>
      <c r="CO83" s="17"/>
      <c r="CP83" s="17"/>
      <c r="CQ83" s="17"/>
      <c r="CR83" s="17"/>
      <c r="CS83" s="17"/>
      <c r="CT83" s="17"/>
      <c r="CU83" s="17"/>
      <c r="CV83" s="17"/>
      <c r="CW83" s="17"/>
      <c r="CX83" s="17"/>
      <c r="CY83" s="17"/>
      <c r="CZ83" s="17"/>
      <c r="DA83" s="17"/>
      <c r="DB83" s="17"/>
      <c r="DC83" s="17"/>
      <c r="DD83" s="17"/>
      <c r="DE83" s="17"/>
      <c r="DF83" s="17"/>
      <c r="DG83" s="17"/>
      <c r="DH83" s="17"/>
      <c r="DI83" s="17"/>
      <c r="DJ83" s="17"/>
      <c r="DK83" s="17"/>
      <c r="DL83" s="17"/>
      <c r="DM83" s="17"/>
      <c r="DN83" s="17"/>
      <c r="DO83" s="17"/>
      <c r="DP83" s="17"/>
      <c r="DQ83" s="17"/>
    </row>
    <row r="84" spans="1:121" s="12" customFormat="1" ht="120" customHeight="1">
      <c r="A84" s="692">
        <v>2</v>
      </c>
      <c r="B84" s="692" t="s">
        <v>1302</v>
      </c>
      <c r="C84" s="692"/>
      <c r="D84" s="692" t="s">
        <v>1301</v>
      </c>
      <c r="E84" s="692"/>
      <c r="F84" s="692"/>
      <c r="G84" s="692"/>
      <c r="H84" s="692"/>
      <c r="I84" s="692"/>
      <c r="J84" s="692"/>
      <c r="K84" s="692"/>
      <c r="L84" s="692" t="s">
        <v>1300</v>
      </c>
      <c r="M84" s="692"/>
      <c r="N84" s="692"/>
      <c r="O84" s="692"/>
      <c r="P84" s="692" t="s">
        <v>1299</v>
      </c>
      <c r="Q84" s="692" t="s">
        <v>1298</v>
      </c>
      <c r="R84" s="692"/>
      <c r="S84" s="692"/>
      <c r="T84" s="692"/>
      <c r="U84" s="692"/>
      <c r="V84" s="692"/>
      <c r="W84" s="692"/>
      <c r="X84" s="692"/>
      <c r="Y84" s="692"/>
      <c r="Z84" s="692"/>
      <c r="AA84" s="692"/>
      <c r="AB84" s="692"/>
      <c r="AC84" s="692"/>
      <c r="AD84" s="692"/>
      <c r="AE84" s="692"/>
      <c r="AF84" s="692"/>
      <c r="AG84" s="692"/>
      <c r="AH84" s="692"/>
      <c r="AI84" s="692"/>
      <c r="AJ84" s="692"/>
      <c r="AK84" s="692"/>
      <c r="AL84" s="692"/>
      <c r="AM84" s="692"/>
      <c r="AN84" s="692"/>
      <c r="AO84" s="692"/>
      <c r="AP84" s="692"/>
      <c r="AQ84" s="692"/>
      <c r="AR84" s="692"/>
      <c r="AS84" s="692"/>
      <c r="AT84" s="692"/>
      <c r="AU84" s="692"/>
      <c r="AV84" s="692"/>
      <c r="AW84" s="692"/>
      <c r="AX84" s="692"/>
      <c r="AY84" s="692"/>
      <c r="AZ84" s="692"/>
      <c r="BA84" s="692"/>
      <c r="BB84" s="692"/>
      <c r="BC84" s="692"/>
      <c r="BD84" s="692"/>
      <c r="BE84" s="17"/>
      <c r="BF84" s="17"/>
      <c r="BG84" s="17"/>
      <c r="BH84" s="17"/>
      <c r="BI84" s="17"/>
      <c r="BJ84" s="17"/>
      <c r="BK84" s="17"/>
      <c r="BL84" s="17"/>
      <c r="BM84" s="17"/>
      <c r="BN84" s="17"/>
      <c r="BO84" s="17"/>
      <c r="BP84" s="17"/>
      <c r="BQ84" s="17"/>
      <c r="BR84" s="17"/>
      <c r="BS84" s="17"/>
      <c r="BT84" s="17"/>
      <c r="BU84" s="17"/>
      <c r="BV84" s="17"/>
      <c r="BW84" s="17"/>
      <c r="BX84" s="17"/>
      <c r="BY84" s="17"/>
      <c r="BZ84" s="17"/>
      <c r="CA84" s="17"/>
      <c r="CB84" s="17"/>
      <c r="CC84" s="17"/>
      <c r="CD84" s="17"/>
      <c r="CE84" s="17"/>
      <c r="CF84" s="17"/>
      <c r="CG84" s="17"/>
      <c r="CH84" s="17"/>
      <c r="CI84" s="17"/>
      <c r="CJ84" s="17"/>
      <c r="CK84" s="17"/>
      <c r="CL84" s="17"/>
      <c r="CM84" s="17"/>
      <c r="CN84" s="17"/>
      <c r="CO84" s="17"/>
      <c r="CP84" s="17"/>
      <c r="CQ84" s="17"/>
      <c r="CR84" s="17"/>
      <c r="CS84" s="17"/>
      <c r="CT84" s="17"/>
      <c r="CU84" s="17"/>
      <c r="CV84" s="17"/>
      <c r="CW84" s="17"/>
      <c r="CX84" s="17"/>
      <c r="CY84" s="17"/>
      <c r="CZ84" s="17"/>
      <c r="DA84" s="17"/>
      <c r="DB84" s="17"/>
      <c r="DC84" s="17"/>
      <c r="DD84" s="17"/>
      <c r="DE84" s="17"/>
      <c r="DF84" s="17"/>
      <c r="DG84" s="17"/>
      <c r="DH84" s="17"/>
      <c r="DI84" s="17"/>
      <c r="DJ84" s="17"/>
      <c r="DK84" s="17"/>
      <c r="DL84" s="17"/>
      <c r="DM84" s="17"/>
      <c r="DN84" s="17"/>
      <c r="DO84" s="17"/>
      <c r="DP84" s="17"/>
      <c r="DQ84" s="17"/>
    </row>
    <row r="85" spans="1:121" s="689" customFormat="1" ht="15.75">
      <c r="A85" s="693"/>
      <c r="E85" s="699"/>
      <c r="H85" s="325"/>
      <c r="I85" s="325"/>
      <c r="J85" s="325"/>
      <c r="K85" s="325"/>
      <c r="L85" s="325"/>
      <c r="M85" s="325"/>
      <c r="N85" s="325"/>
      <c r="O85" s="325"/>
      <c r="Q85" s="325"/>
    </row>
    <row r="86" spans="1:121" s="333" customFormat="1" ht="15.75">
      <c r="A86" s="693"/>
      <c r="B86" s="700" t="s">
        <v>1297</v>
      </c>
      <c r="C86" s="700"/>
      <c r="D86" s="700"/>
      <c r="E86" s="700"/>
      <c r="F86" s="701"/>
      <c r="G86" s="700"/>
      <c r="H86" s="700"/>
      <c r="I86" s="700"/>
      <c r="J86" s="700"/>
      <c r="K86" s="700"/>
      <c r="L86" s="700"/>
      <c r="M86" s="700"/>
      <c r="N86" s="700"/>
      <c r="O86" s="700"/>
      <c r="P86" s="700"/>
      <c r="Q86" s="700"/>
    </row>
    <row r="87" spans="1:121" s="689" customFormat="1" ht="15.75">
      <c r="A87" s="693"/>
      <c r="E87" s="699"/>
      <c r="H87" s="325"/>
      <c r="I87" s="325"/>
      <c r="J87" s="325"/>
      <c r="K87" s="325"/>
      <c r="L87" s="325"/>
      <c r="M87" s="325"/>
      <c r="N87" s="325"/>
      <c r="O87" s="325"/>
      <c r="Q87" s="325"/>
    </row>
    <row r="88" spans="1:121" s="353" customFormat="1" ht="126">
      <c r="A88" s="702"/>
      <c r="B88" s="703" t="s">
        <v>1295</v>
      </c>
      <c r="C88" s="704" t="s">
        <v>1294</v>
      </c>
      <c r="D88" s="704" t="s">
        <v>1293</v>
      </c>
      <c r="E88" s="705" t="s">
        <v>1292</v>
      </c>
      <c r="F88" s="706">
        <v>44484</v>
      </c>
      <c r="G88" s="707" t="s">
        <v>27</v>
      </c>
      <c r="H88" s="707" t="s">
        <v>1283</v>
      </c>
      <c r="I88" s="1107"/>
    </row>
    <row r="89" spans="1:121" s="353" customFormat="1" ht="78.75">
      <c r="A89" s="702"/>
      <c r="B89" s="686" t="s">
        <v>1291</v>
      </c>
      <c r="C89" s="687" t="s">
        <v>1290</v>
      </c>
      <c r="D89" s="688" t="s">
        <v>1289</v>
      </c>
      <c r="E89" s="688" t="s">
        <v>1288</v>
      </c>
      <c r="F89" s="708">
        <v>44706</v>
      </c>
      <c r="G89" s="687" t="s">
        <v>27</v>
      </c>
      <c r="H89" s="687" t="s">
        <v>1283</v>
      </c>
      <c r="I89" s="1107"/>
    </row>
    <row r="90" spans="1:121" s="353" customFormat="1" ht="126">
      <c r="A90" s="702"/>
      <c r="B90" s="686" t="s">
        <v>1287</v>
      </c>
      <c r="C90" s="687" t="s">
        <v>1286</v>
      </c>
      <c r="D90" s="688" t="s">
        <v>1285</v>
      </c>
      <c r="E90" s="688" t="s">
        <v>1284</v>
      </c>
      <c r="F90" s="708">
        <v>44648</v>
      </c>
      <c r="G90" s="687" t="s">
        <v>27</v>
      </c>
      <c r="H90" s="687" t="s">
        <v>1283</v>
      </c>
      <c r="I90" s="1107"/>
    </row>
    <row r="91" spans="1:121" s="353" customFormat="1" ht="15.75">
      <c r="A91" s="702"/>
      <c r="B91" s="709"/>
      <c r="C91" s="696"/>
      <c r="D91" s="692"/>
      <c r="E91" s="710"/>
      <c r="F91" s="696"/>
      <c r="G91" s="711"/>
      <c r="H91" s="692"/>
      <c r="I91" s="1108"/>
    </row>
    <row r="92" spans="1:121" s="689" customFormat="1" ht="31.5">
      <c r="A92" s="323"/>
      <c r="B92" s="712" t="s">
        <v>1282</v>
      </c>
      <c r="C92" s="696"/>
      <c r="D92" s="692" t="s">
        <v>1281</v>
      </c>
      <c r="E92" s="710"/>
      <c r="F92" s="696"/>
      <c r="G92" s="711"/>
      <c r="H92" s="692"/>
      <c r="I92" s="1108"/>
      <c r="J92" s="325"/>
      <c r="K92" s="333"/>
      <c r="L92" s="333"/>
      <c r="M92" s="333"/>
      <c r="N92" s="333"/>
      <c r="O92" s="333"/>
      <c r="P92" s="506"/>
      <c r="Q92" s="333"/>
      <c r="R92" s="506"/>
    </row>
    <row r="93" spans="1:121" s="689" customFormat="1" ht="15.75">
      <c r="A93" s="323"/>
      <c r="B93" s="713"/>
      <c r="C93" s="713"/>
      <c r="D93" s="713"/>
      <c r="E93" s="697"/>
      <c r="F93" s="713"/>
      <c r="G93" s="713"/>
      <c r="H93" s="692"/>
      <c r="I93" s="1108"/>
      <c r="J93" s="333"/>
      <c r="K93" s="333"/>
      <c r="L93" s="333"/>
      <c r="M93" s="333"/>
      <c r="N93" s="333"/>
      <c r="O93" s="333"/>
      <c r="P93" s="506"/>
      <c r="Q93" s="333"/>
      <c r="R93" s="506"/>
    </row>
    <row r="94" spans="1:121" hidden="1">
      <c r="A94" s="14"/>
      <c r="B94" s="685"/>
      <c r="C94" s="682"/>
      <c r="D94" s="682"/>
      <c r="E94" s="683"/>
      <c r="F94" s="682"/>
      <c r="G94" s="684"/>
      <c r="H94" s="681"/>
      <c r="I94" s="1109"/>
      <c r="J94" s="9"/>
      <c r="K94" s="9"/>
      <c r="L94" s="9"/>
      <c r="M94" s="9"/>
      <c r="N94" s="9"/>
      <c r="O94" s="9"/>
      <c r="P94" s="10"/>
      <c r="Q94" s="9"/>
      <c r="R94" s="10"/>
    </row>
    <row r="95" spans="1:121" s="689" customFormat="1" ht="78.75">
      <c r="A95" s="693"/>
      <c r="B95" s="689" t="s">
        <v>1280</v>
      </c>
      <c r="E95" s="699"/>
      <c r="H95" s="325"/>
      <c r="I95" s="325"/>
      <c r="J95" s="325"/>
      <c r="K95" s="325"/>
      <c r="L95" s="325"/>
      <c r="M95" s="325"/>
      <c r="N95" s="325"/>
      <c r="O95" s="325"/>
      <c r="Q95" s="325"/>
    </row>
    <row r="96" spans="1:121" s="689" customFormat="1" ht="126">
      <c r="A96" s="693"/>
      <c r="B96" s="689" t="s">
        <v>1279</v>
      </c>
      <c r="E96" s="699"/>
      <c r="H96" s="325"/>
      <c r="I96" s="325"/>
      <c r="J96" s="325"/>
      <c r="K96" s="325"/>
      <c r="L96" s="325"/>
      <c r="M96" s="325"/>
      <c r="N96" s="325"/>
      <c r="O96" s="325"/>
      <c r="Q96" s="325"/>
    </row>
    <row r="97" spans="1:17" s="689" customFormat="1" ht="15.75">
      <c r="A97" s="693"/>
      <c r="E97" s="699"/>
      <c r="H97" s="325"/>
      <c r="I97" s="325"/>
      <c r="J97" s="325"/>
      <c r="K97" s="325"/>
      <c r="L97" s="325"/>
      <c r="M97" s="325"/>
      <c r="N97" s="325"/>
      <c r="O97" s="325"/>
      <c r="Q97" s="325"/>
    </row>
    <row r="98" spans="1:17" s="689" customFormat="1" ht="15.75">
      <c r="A98" s="693"/>
      <c r="E98" s="699"/>
      <c r="H98" s="325"/>
      <c r="I98" s="325"/>
      <c r="J98" s="325"/>
      <c r="K98" s="325"/>
      <c r="L98" s="325"/>
      <c r="M98" s="325"/>
      <c r="N98" s="325"/>
      <c r="O98" s="325"/>
      <c r="Q98" s="325"/>
    </row>
    <row r="99" spans="1:17" s="689" customFormat="1" ht="15.75">
      <c r="A99" s="693"/>
      <c r="E99" s="699"/>
      <c r="H99" s="325"/>
      <c r="I99" s="325"/>
      <c r="J99" s="325"/>
      <c r="K99" s="325"/>
      <c r="L99" s="325"/>
      <c r="M99" s="325"/>
      <c r="N99" s="325"/>
      <c r="O99" s="325"/>
      <c r="Q99" s="325"/>
    </row>
    <row r="100" spans="1:17" s="689" customFormat="1" ht="15.75">
      <c r="A100" s="693"/>
      <c r="E100" s="699"/>
      <c r="H100" s="325"/>
      <c r="I100" s="325"/>
      <c r="J100" s="325"/>
      <c r="K100" s="325"/>
      <c r="L100" s="325"/>
      <c r="M100" s="325"/>
      <c r="N100" s="325"/>
      <c r="O100" s="325"/>
      <c r="Q100" s="325"/>
    </row>
    <row r="101" spans="1:17" s="689" customFormat="1" ht="15.75">
      <c r="A101" s="693"/>
      <c r="E101" s="699"/>
      <c r="H101" s="325"/>
      <c r="I101" s="325"/>
      <c r="J101" s="325"/>
      <c r="K101" s="325"/>
      <c r="L101" s="325"/>
      <c r="M101" s="325"/>
      <c r="N101" s="325"/>
      <c r="O101" s="325"/>
      <c r="Q101" s="325"/>
    </row>
    <row r="102" spans="1:17" s="689" customFormat="1" ht="15.75">
      <c r="A102" s="693"/>
      <c r="E102" s="699"/>
      <c r="H102" s="325"/>
      <c r="I102" s="325"/>
      <c r="J102" s="325"/>
      <c r="K102" s="325"/>
      <c r="L102" s="325"/>
      <c r="M102" s="325"/>
      <c r="N102" s="325"/>
      <c r="O102" s="325"/>
      <c r="Q102" s="325"/>
    </row>
    <row r="103" spans="1:17" s="689" customFormat="1" ht="15.75">
      <c r="A103" s="693"/>
      <c r="E103" s="699"/>
      <c r="H103" s="325"/>
      <c r="I103" s="325"/>
      <c r="J103" s="325"/>
      <c r="K103" s="325"/>
      <c r="L103" s="325"/>
      <c r="M103" s="325"/>
      <c r="N103" s="325"/>
      <c r="O103" s="325"/>
      <c r="Q103" s="325"/>
    </row>
    <row r="104" spans="1:17" s="689" customFormat="1" ht="15.75">
      <c r="A104" s="693"/>
      <c r="E104" s="699"/>
      <c r="H104" s="325"/>
      <c r="I104" s="325"/>
      <c r="J104" s="325"/>
      <c r="K104" s="325"/>
      <c r="L104" s="325"/>
      <c r="M104" s="325"/>
      <c r="N104" s="325"/>
      <c r="O104" s="325"/>
      <c r="Q104" s="325"/>
    </row>
    <row r="105" spans="1:17" s="689" customFormat="1" ht="15.75">
      <c r="A105" s="693"/>
      <c r="E105" s="699"/>
      <c r="H105" s="325"/>
      <c r="I105" s="325"/>
      <c r="J105" s="325"/>
      <c r="K105" s="325"/>
      <c r="L105" s="325"/>
      <c r="M105" s="325"/>
      <c r="N105" s="325"/>
      <c r="O105" s="325"/>
      <c r="Q105" s="325"/>
    </row>
    <row r="106" spans="1:17" s="689" customFormat="1" ht="15.75">
      <c r="A106" s="693"/>
      <c r="E106" s="699"/>
      <c r="H106" s="325"/>
      <c r="I106" s="325"/>
      <c r="J106" s="325"/>
      <c r="K106" s="325"/>
      <c r="L106" s="325"/>
      <c r="M106" s="325"/>
      <c r="N106" s="325"/>
      <c r="O106" s="325"/>
      <c r="Q106" s="325"/>
    </row>
    <row r="107" spans="1:17" s="689" customFormat="1" ht="15.75">
      <c r="A107" s="693"/>
      <c r="E107" s="699"/>
      <c r="H107" s="325"/>
      <c r="I107" s="325"/>
      <c r="J107" s="325"/>
      <c r="K107" s="325"/>
      <c r="L107" s="325"/>
      <c r="M107" s="325"/>
      <c r="N107" s="325"/>
      <c r="O107" s="325"/>
      <c r="Q107" s="325"/>
    </row>
    <row r="108" spans="1:17" s="689" customFormat="1" ht="15.75">
      <c r="A108" s="693"/>
      <c r="E108" s="699"/>
      <c r="H108" s="325"/>
      <c r="I108" s="325"/>
      <c r="J108" s="325"/>
      <c r="K108" s="325"/>
      <c r="L108" s="325"/>
      <c r="M108" s="325"/>
      <c r="N108" s="325"/>
      <c r="O108" s="325"/>
      <c r="Q108" s="325"/>
    </row>
    <row r="109" spans="1:17" s="689" customFormat="1" ht="15.75">
      <c r="A109" s="693"/>
      <c r="E109" s="699"/>
      <c r="H109" s="325"/>
      <c r="I109" s="325"/>
      <c r="J109" s="325"/>
      <c r="K109" s="325"/>
      <c r="L109" s="325"/>
      <c r="M109" s="325"/>
      <c r="N109" s="325"/>
      <c r="O109" s="325"/>
      <c r="Q109" s="325"/>
    </row>
  </sheetData>
  <autoFilter ref="A14:DQ84"/>
  <mergeCells count="6">
    <mergeCell ref="A82:Q82"/>
    <mergeCell ref="B1:O1"/>
    <mergeCell ref="B10:Q10"/>
    <mergeCell ref="B12:Q12"/>
    <mergeCell ref="B13:Q13"/>
    <mergeCell ref="E8:F8"/>
  </mergeCells>
  <hyperlinks>
    <hyperlink ref="L84" r:id="rId1"/>
    <hyperlink ref="D78" r:id="rId2"/>
  </hyperlinks>
  <pageMargins left="0.7" right="0.7" top="0.75" bottom="0.75" header="0.3" footer="0.3"/>
  <pageSetup paperSize="9" scale="50" fitToHeight="0" orientation="landscape" r:id="rId3"/>
  <legacyDrawing r:id="rId4"/>
</worksheet>
</file>

<file path=xl/worksheets/sheet17.xml><?xml version="1.0" encoding="utf-8"?>
<worksheet xmlns="http://schemas.openxmlformats.org/spreadsheetml/2006/main" xmlns:r="http://schemas.openxmlformats.org/officeDocument/2006/relationships">
  <sheetPr>
    <tabColor theme="0"/>
    <pageSetUpPr fitToPage="1"/>
  </sheetPr>
  <dimension ref="A1:BZ158"/>
  <sheetViews>
    <sheetView zoomScale="80" zoomScaleNormal="80" workbookViewId="0">
      <selection activeCell="H11" sqref="H11"/>
    </sheetView>
  </sheetViews>
  <sheetFormatPr defaultColWidth="9.140625" defaultRowHeight="15"/>
  <cols>
    <col min="1" max="1" width="7.5703125" style="33" customWidth="1"/>
    <col min="2" max="2" width="21" style="17" customWidth="1"/>
    <col min="3" max="3" width="8.5703125" style="17" customWidth="1"/>
    <col min="4" max="4" width="18.85546875" style="17" customWidth="1"/>
    <col min="5" max="5" width="16.85546875" style="33" customWidth="1"/>
    <col min="6" max="6" width="14" style="102" customWidth="1"/>
    <col min="7" max="7" width="19" style="33" customWidth="1"/>
    <col min="8" max="9" width="17.140625" style="17" customWidth="1"/>
    <col min="10" max="10" width="12.140625" style="17" customWidth="1"/>
    <col min="11" max="11" width="11.85546875" style="17" customWidth="1"/>
    <col min="12" max="13" width="12.5703125" style="17" customWidth="1"/>
    <col min="14" max="14" width="18.5703125" style="17" customWidth="1"/>
    <col min="15" max="15" width="23.42578125" style="17" customWidth="1"/>
    <col min="16" max="16" width="15.140625" style="17" customWidth="1"/>
    <col min="17" max="17" width="18.28515625" style="17" customWidth="1"/>
    <col min="18" max="18" width="11.28515625" style="17" customWidth="1"/>
    <col min="19" max="16384" width="9.140625" style="17"/>
  </cols>
  <sheetData>
    <row r="1" spans="1:18" ht="31.5" customHeight="1">
      <c r="A1" s="1264" t="s">
        <v>1542</v>
      </c>
      <c r="B1" s="1264"/>
      <c r="C1" s="1264"/>
      <c r="D1" s="1264"/>
      <c r="E1" s="1264"/>
      <c r="F1" s="1264"/>
      <c r="G1" s="1264"/>
      <c r="H1" s="1264"/>
      <c r="I1" s="1264"/>
      <c r="J1" s="1264"/>
      <c r="K1" s="1264"/>
      <c r="L1" s="1264"/>
      <c r="M1" s="1264"/>
      <c r="N1" s="1264"/>
      <c r="O1" s="1264"/>
    </row>
    <row r="2" spans="1:18" ht="79.5" customHeight="1">
      <c r="A2" s="14" t="s">
        <v>173</v>
      </c>
      <c r="B2" s="104" t="s">
        <v>186</v>
      </c>
      <c r="C2" s="34" t="s">
        <v>184</v>
      </c>
      <c r="E2" s="41" t="s">
        <v>185</v>
      </c>
      <c r="F2" s="13" t="s">
        <v>184</v>
      </c>
      <c r="G2" s="17"/>
      <c r="H2" s="18"/>
      <c r="I2" s="18"/>
      <c r="K2" s="18"/>
      <c r="L2" s="18"/>
      <c r="M2" s="18"/>
      <c r="N2" s="18"/>
      <c r="O2" s="18"/>
      <c r="P2" s="18"/>
    </row>
    <row r="3" spans="1:18" ht="36" customHeight="1">
      <c r="A3" s="14"/>
      <c r="B3" s="104" t="s">
        <v>183</v>
      </c>
      <c r="C3" s="34">
        <f>SUM(C4:C5)</f>
        <v>80</v>
      </c>
      <c r="E3" s="41" t="s">
        <v>182</v>
      </c>
      <c r="F3" s="105">
        <v>66</v>
      </c>
      <c r="G3" s="17"/>
      <c r="H3" s="18"/>
      <c r="I3" s="18"/>
      <c r="K3" s="18"/>
      <c r="L3" s="18"/>
      <c r="M3" s="18"/>
      <c r="N3" s="18"/>
      <c r="O3" s="18"/>
      <c r="P3" s="18"/>
    </row>
    <row r="4" spans="1:18" ht="45" customHeight="1">
      <c r="A4" s="100" t="s">
        <v>181</v>
      </c>
      <c r="B4" s="15" t="s">
        <v>180</v>
      </c>
      <c r="C4" s="34">
        <v>66</v>
      </c>
      <c r="E4" s="14" t="s">
        <v>179</v>
      </c>
      <c r="F4" s="105">
        <v>27</v>
      </c>
      <c r="G4" s="17"/>
      <c r="H4" s="18"/>
      <c r="I4" s="18"/>
      <c r="K4" s="18"/>
      <c r="L4" s="18"/>
      <c r="M4" s="18"/>
      <c r="N4" s="18"/>
      <c r="O4" s="18"/>
      <c r="P4" s="18"/>
    </row>
    <row r="5" spans="1:18" ht="33" customHeight="1">
      <c r="A5" s="14" t="s">
        <v>178</v>
      </c>
      <c r="B5" s="15" t="s">
        <v>177</v>
      </c>
      <c r="C5" s="34">
        <v>14</v>
      </c>
      <c r="E5" s="14" t="s">
        <v>15</v>
      </c>
      <c r="F5" s="105">
        <v>25</v>
      </c>
      <c r="G5" s="17"/>
      <c r="H5" s="18"/>
      <c r="I5" s="18"/>
      <c r="K5" s="18"/>
      <c r="L5" s="18"/>
      <c r="M5" s="18"/>
      <c r="N5" s="18"/>
      <c r="O5" s="18"/>
      <c r="P5" s="18"/>
    </row>
    <row r="6" spans="1:18" ht="23.25" customHeight="1">
      <c r="E6" s="14" t="s">
        <v>27</v>
      </c>
      <c r="F6" s="105">
        <v>14</v>
      </c>
      <c r="G6" s="17"/>
      <c r="H6" s="18"/>
      <c r="I6" s="18"/>
      <c r="K6" s="18"/>
      <c r="L6" s="18"/>
      <c r="M6" s="18"/>
      <c r="N6" s="18"/>
      <c r="O6" s="18"/>
      <c r="P6" s="18"/>
    </row>
    <row r="7" spans="1:18" ht="46.5" customHeight="1">
      <c r="E7" s="12" t="s">
        <v>176</v>
      </c>
      <c r="F7" s="105">
        <v>0</v>
      </c>
      <c r="G7" s="17"/>
      <c r="H7" s="18" t="s">
        <v>4199</v>
      </c>
      <c r="I7" s="18"/>
      <c r="J7" s="17">
        <f>SUM(J20+J51+J58+J66)</f>
        <v>23</v>
      </c>
      <c r="K7" s="18"/>
      <c r="L7" s="18"/>
      <c r="M7" s="18"/>
      <c r="N7" s="18"/>
      <c r="O7" s="18"/>
      <c r="P7" s="18"/>
    </row>
    <row r="8" spans="1:18" ht="60.75" customHeight="1">
      <c r="E8" s="1265" t="s">
        <v>175</v>
      </c>
      <c r="F8" s="1266"/>
      <c r="G8" s="17"/>
      <c r="H8" s="120">
        <v>4</v>
      </c>
      <c r="I8" s="1110"/>
      <c r="J8" s="120">
        <f>SUM(J15:J80)</f>
        <v>285</v>
      </c>
      <c r="K8" s="120">
        <f>SUM(K15:K80)</f>
        <v>1494</v>
      </c>
      <c r="L8" s="18"/>
      <c r="M8" s="18"/>
      <c r="N8" s="18"/>
      <c r="O8" s="18"/>
      <c r="P8" s="18"/>
    </row>
    <row r="9" spans="1:18">
      <c r="B9" s="17">
        <v>45</v>
      </c>
    </row>
    <row r="10" spans="1:18" ht="18.75" customHeight="1">
      <c r="A10" s="14"/>
      <c r="B10" s="1267" t="s">
        <v>1543</v>
      </c>
      <c r="C10" s="1268"/>
      <c r="D10" s="1268"/>
      <c r="E10" s="1268"/>
      <c r="F10" s="1268"/>
      <c r="G10" s="1268"/>
      <c r="H10" s="1268"/>
      <c r="I10" s="1269"/>
      <c r="J10" s="1268"/>
      <c r="K10" s="1268"/>
      <c r="L10" s="1268"/>
      <c r="M10" s="1268"/>
      <c r="N10" s="1268"/>
      <c r="O10" s="1268"/>
      <c r="P10" s="1268"/>
      <c r="Q10" s="1268"/>
    </row>
    <row r="11" spans="1:18" s="108" customFormat="1" ht="108.75" customHeight="1">
      <c r="A11" s="12" t="s">
        <v>173</v>
      </c>
      <c r="B11" s="12" t="s">
        <v>172</v>
      </c>
      <c r="C11" s="12" t="s">
        <v>171</v>
      </c>
      <c r="D11" s="12" t="s">
        <v>170</v>
      </c>
      <c r="E11" s="14" t="s">
        <v>169</v>
      </c>
      <c r="F11" s="13" t="s">
        <v>168</v>
      </c>
      <c r="G11" s="12" t="s">
        <v>167</v>
      </c>
      <c r="I11" s="1065" t="s">
        <v>5075</v>
      </c>
      <c r="J11" s="12" t="s">
        <v>166</v>
      </c>
      <c r="K11" s="12" t="s">
        <v>165</v>
      </c>
      <c r="L11" s="12" t="s">
        <v>164</v>
      </c>
      <c r="M11" s="12" t="s">
        <v>163</v>
      </c>
      <c r="N11" s="12" t="s">
        <v>162</v>
      </c>
      <c r="O11" s="12" t="s">
        <v>161</v>
      </c>
      <c r="P11" s="12" t="s">
        <v>160</v>
      </c>
      <c r="Q11" s="12" t="s">
        <v>159</v>
      </c>
    </row>
    <row r="12" spans="1:18">
      <c r="A12" s="14"/>
      <c r="B12" s="1267" t="s">
        <v>1544</v>
      </c>
      <c r="C12" s="1268"/>
      <c r="D12" s="1268"/>
      <c r="E12" s="1268"/>
      <c r="F12" s="1268"/>
      <c r="G12" s="1268"/>
      <c r="H12" s="1268"/>
      <c r="I12" s="1269"/>
      <c r="J12" s="1268"/>
      <c r="K12" s="1268"/>
      <c r="L12" s="1268"/>
      <c r="M12" s="1268"/>
      <c r="N12" s="1268"/>
      <c r="O12" s="1268"/>
      <c r="P12" s="1268"/>
      <c r="Q12" s="1268"/>
    </row>
    <row r="13" spans="1:18">
      <c r="A13" s="14"/>
      <c r="B13" s="1267" t="s">
        <v>157</v>
      </c>
      <c r="C13" s="1268"/>
      <c r="D13" s="1268"/>
      <c r="E13" s="1268"/>
      <c r="F13" s="1268"/>
      <c r="G13" s="1268"/>
      <c r="H13" s="1268"/>
      <c r="I13" s="1269"/>
      <c r="J13" s="1268"/>
      <c r="K13" s="1268"/>
      <c r="L13" s="1268"/>
      <c r="M13" s="1268"/>
      <c r="N13" s="1268"/>
      <c r="O13" s="1268"/>
      <c r="P13" s="1268"/>
      <c r="Q13" s="1268"/>
    </row>
    <row r="14" spans="1:18">
      <c r="A14" s="12">
        <v>1</v>
      </c>
      <c r="B14" s="15">
        <v>2</v>
      </c>
      <c r="C14" s="12">
        <v>3</v>
      </c>
      <c r="D14" s="15">
        <v>4</v>
      </c>
      <c r="E14" s="14">
        <v>5</v>
      </c>
      <c r="F14" s="15">
        <v>6</v>
      </c>
      <c r="G14" s="12">
        <v>7</v>
      </c>
      <c r="H14" s="15">
        <v>8</v>
      </c>
      <c r="I14" s="1111"/>
      <c r="J14" s="12">
        <v>9</v>
      </c>
      <c r="K14" s="15">
        <v>10</v>
      </c>
      <c r="L14" s="12">
        <v>11</v>
      </c>
      <c r="M14" s="15"/>
      <c r="N14" s="15"/>
      <c r="O14" s="15">
        <v>12</v>
      </c>
      <c r="P14" s="12">
        <v>13</v>
      </c>
      <c r="Q14" s="15">
        <v>14</v>
      </c>
    </row>
    <row r="15" spans="1:18" ht="120" customHeight="1">
      <c r="A15" s="14" t="s">
        <v>975</v>
      </c>
      <c r="B15" s="966" t="s">
        <v>1545</v>
      </c>
      <c r="C15" s="967" t="s">
        <v>15</v>
      </c>
      <c r="D15" s="967" t="s">
        <v>1546</v>
      </c>
      <c r="E15" s="968" t="s">
        <v>1547</v>
      </c>
      <c r="F15" s="969" t="s">
        <v>1548</v>
      </c>
      <c r="G15" s="967" t="s">
        <v>4103</v>
      </c>
      <c r="H15" s="967" t="s">
        <v>10</v>
      </c>
      <c r="I15" s="967"/>
      <c r="J15" s="967">
        <v>1</v>
      </c>
      <c r="K15" s="967">
        <v>10</v>
      </c>
      <c r="L15" s="967">
        <v>1</v>
      </c>
      <c r="M15" s="967"/>
      <c r="N15" s="967"/>
      <c r="O15" s="967" t="s">
        <v>1549</v>
      </c>
      <c r="P15" s="967" t="s">
        <v>199</v>
      </c>
      <c r="Q15" s="967" t="s">
        <v>199</v>
      </c>
    </row>
    <row r="16" spans="1:18" ht="120" customHeight="1">
      <c r="A16" s="14" t="s">
        <v>966</v>
      </c>
      <c r="B16" s="966" t="s">
        <v>1550</v>
      </c>
      <c r="C16" s="967" t="s">
        <v>15</v>
      </c>
      <c r="D16" s="967" t="s">
        <v>1551</v>
      </c>
      <c r="E16" s="968" t="s">
        <v>1552</v>
      </c>
      <c r="F16" s="969">
        <v>44301</v>
      </c>
      <c r="G16" s="969" t="s">
        <v>63</v>
      </c>
      <c r="H16" s="967" t="s">
        <v>10</v>
      </c>
      <c r="I16" s="967"/>
      <c r="J16" s="967">
        <v>1</v>
      </c>
      <c r="K16" s="967">
        <v>16</v>
      </c>
      <c r="L16" s="967">
        <v>1</v>
      </c>
      <c r="M16" s="967">
        <v>2012</v>
      </c>
      <c r="N16" s="967"/>
      <c r="O16" s="967" t="s">
        <v>1553</v>
      </c>
      <c r="P16" s="967" t="s">
        <v>199</v>
      </c>
      <c r="Q16" s="971" t="s">
        <v>5027</v>
      </c>
      <c r="R16" s="981" t="s">
        <v>5028</v>
      </c>
    </row>
    <row r="17" spans="1:18" ht="120" customHeight="1">
      <c r="A17" s="14" t="s">
        <v>1233</v>
      </c>
      <c r="B17" s="966" t="s">
        <v>1554</v>
      </c>
      <c r="C17" s="967" t="s">
        <v>15</v>
      </c>
      <c r="D17" s="967" t="s">
        <v>1555</v>
      </c>
      <c r="E17" s="968" t="s">
        <v>1556</v>
      </c>
      <c r="F17" s="969">
        <v>42682</v>
      </c>
      <c r="G17" s="968" t="s">
        <v>1056</v>
      </c>
      <c r="H17" s="967" t="s">
        <v>10</v>
      </c>
      <c r="I17" s="967"/>
      <c r="J17" s="967">
        <v>1</v>
      </c>
      <c r="K17" s="967">
        <v>7</v>
      </c>
      <c r="L17" s="967">
        <v>1</v>
      </c>
      <c r="M17" s="967"/>
      <c r="N17" s="967"/>
      <c r="O17" s="967" t="s">
        <v>993</v>
      </c>
      <c r="P17" s="967" t="s">
        <v>199</v>
      </c>
      <c r="Q17" s="967"/>
    </row>
    <row r="18" spans="1:18" ht="120" customHeight="1">
      <c r="A18" s="14" t="s">
        <v>965</v>
      </c>
      <c r="B18" s="966" t="s">
        <v>1557</v>
      </c>
      <c r="C18" s="967" t="s">
        <v>15</v>
      </c>
      <c r="D18" s="967" t="s">
        <v>1558</v>
      </c>
      <c r="E18" s="968" t="s">
        <v>1559</v>
      </c>
      <c r="F18" s="969">
        <v>42100</v>
      </c>
      <c r="G18" s="967" t="s">
        <v>532</v>
      </c>
      <c r="H18" s="967" t="s">
        <v>10</v>
      </c>
      <c r="I18" s="967"/>
      <c r="J18" s="967">
        <v>1</v>
      </c>
      <c r="K18" s="967">
        <v>7</v>
      </c>
      <c r="L18" s="967">
        <v>1</v>
      </c>
      <c r="M18" s="967"/>
      <c r="N18" s="967"/>
      <c r="O18" s="967" t="s">
        <v>1560</v>
      </c>
      <c r="P18" s="967" t="s">
        <v>199</v>
      </c>
      <c r="Q18" s="967" t="s">
        <v>199</v>
      </c>
    </row>
    <row r="19" spans="1:18" ht="120" customHeight="1">
      <c r="A19" s="14" t="s">
        <v>1069</v>
      </c>
      <c r="B19" s="966" t="s">
        <v>1561</v>
      </c>
      <c r="C19" s="967" t="s">
        <v>15</v>
      </c>
      <c r="D19" s="967" t="s">
        <v>1562</v>
      </c>
      <c r="E19" s="968" t="s">
        <v>1563</v>
      </c>
      <c r="F19" s="969">
        <v>40478</v>
      </c>
      <c r="G19" s="967" t="s">
        <v>4103</v>
      </c>
      <c r="H19" s="967" t="s">
        <v>10</v>
      </c>
      <c r="I19" s="967"/>
      <c r="J19" s="967">
        <v>1</v>
      </c>
      <c r="K19" s="967">
        <v>22</v>
      </c>
      <c r="L19" s="967">
        <v>1</v>
      </c>
      <c r="M19" s="967"/>
      <c r="N19" s="967"/>
      <c r="O19" s="967" t="s">
        <v>1564</v>
      </c>
      <c r="P19" s="967" t="s">
        <v>199</v>
      </c>
      <c r="Q19" s="967" t="s">
        <v>199</v>
      </c>
    </row>
    <row r="20" spans="1:18" ht="153" customHeight="1">
      <c r="A20" s="14" t="s">
        <v>1521</v>
      </c>
      <c r="B20" s="966" t="s">
        <v>1565</v>
      </c>
      <c r="C20" s="967" t="s">
        <v>15</v>
      </c>
      <c r="D20" s="967" t="s">
        <v>1566</v>
      </c>
      <c r="E20" s="968" t="s">
        <v>1567</v>
      </c>
      <c r="F20" s="969">
        <v>35807</v>
      </c>
      <c r="G20" s="969" t="s">
        <v>1568</v>
      </c>
      <c r="H20" s="967" t="s">
        <v>1569</v>
      </c>
      <c r="I20" s="967"/>
      <c r="J20" s="967">
        <v>8</v>
      </c>
      <c r="K20" s="967">
        <v>13</v>
      </c>
      <c r="L20" s="967">
        <v>3</v>
      </c>
      <c r="M20" s="967"/>
      <c r="N20" s="967"/>
      <c r="O20" s="967" t="s">
        <v>1570</v>
      </c>
      <c r="P20" s="967" t="s">
        <v>199</v>
      </c>
      <c r="Q20" s="967" t="s">
        <v>199</v>
      </c>
    </row>
    <row r="21" spans="1:18" ht="120" customHeight="1">
      <c r="A21" s="14" t="s">
        <v>1109</v>
      </c>
      <c r="B21" s="966" t="s">
        <v>1571</v>
      </c>
      <c r="C21" s="967" t="s">
        <v>15</v>
      </c>
      <c r="D21" s="967" t="s">
        <v>1572</v>
      </c>
      <c r="E21" s="968" t="s">
        <v>1573</v>
      </c>
      <c r="F21" s="969">
        <v>43742</v>
      </c>
      <c r="G21" s="969" t="s">
        <v>348</v>
      </c>
      <c r="H21" s="967" t="s">
        <v>10</v>
      </c>
      <c r="I21" s="967"/>
      <c r="J21" s="967">
        <v>5</v>
      </c>
      <c r="K21" s="967">
        <v>28</v>
      </c>
      <c r="L21" s="967">
        <v>1</v>
      </c>
      <c r="M21" s="967"/>
      <c r="N21" s="967"/>
      <c r="O21" s="967" t="s">
        <v>1574</v>
      </c>
      <c r="P21" s="967" t="s">
        <v>199</v>
      </c>
      <c r="Q21" s="967" t="s">
        <v>199</v>
      </c>
    </row>
    <row r="22" spans="1:18" ht="120" customHeight="1">
      <c r="A22" s="14" t="s">
        <v>1042</v>
      </c>
      <c r="B22" s="966" t="s">
        <v>1575</v>
      </c>
      <c r="C22" s="967" t="s">
        <v>15</v>
      </c>
      <c r="D22" s="967" t="s">
        <v>1576</v>
      </c>
      <c r="E22" s="968" t="s">
        <v>1577</v>
      </c>
      <c r="F22" s="969">
        <v>40662</v>
      </c>
      <c r="G22" s="970" t="s">
        <v>151</v>
      </c>
      <c r="H22" s="967" t="s">
        <v>10</v>
      </c>
      <c r="I22" s="967"/>
      <c r="J22" s="967">
        <v>2</v>
      </c>
      <c r="K22" s="967">
        <v>10</v>
      </c>
      <c r="L22" s="967">
        <v>1</v>
      </c>
      <c r="M22" s="967"/>
      <c r="N22" s="967"/>
      <c r="O22" s="967" t="s">
        <v>1578</v>
      </c>
      <c r="P22" s="967" t="s">
        <v>199</v>
      </c>
      <c r="Q22" s="967" t="s">
        <v>199</v>
      </c>
    </row>
    <row r="23" spans="1:18" ht="120" customHeight="1">
      <c r="A23" s="14" t="s">
        <v>1176</v>
      </c>
      <c r="B23" s="966" t="s">
        <v>1579</v>
      </c>
      <c r="C23" s="967" t="s">
        <v>15</v>
      </c>
      <c r="D23" s="967" t="s">
        <v>1580</v>
      </c>
      <c r="E23" s="968" t="s">
        <v>1581</v>
      </c>
      <c r="F23" s="969">
        <v>40674</v>
      </c>
      <c r="G23" s="969" t="s">
        <v>20</v>
      </c>
      <c r="H23" s="967" t="s">
        <v>10</v>
      </c>
      <c r="I23" s="967"/>
      <c r="J23" s="967">
        <v>1</v>
      </c>
      <c r="K23" s="967">
        <v>8</v>
      </c>
      <c r="L23" s="967">
        <v>1</v>
      </c>
      <c r="M23" s="967"/>
      <c r="N23" s="967"/>
      <c r="O23" s="967" t="s">
        <v>1582</v>
      </c>
      <c r="P23" s="967" t="s">
        <v>199</v>
      </c>
      <c r="Q23" s="967" t="s">
        <v>199</v>
      </c>
    </row>
    <row r="24" spans="1:18" s="199" customFormat="1" ht="120" customHeight="1">
      <c r="A24" s="14" t="s">
        <v>1141</v>
      </c>
      <c r="B24" s="966" t="s">
        <v>1583</v>
      </c>
      <c r="C24" s="967" t="s">
        <v>15</v>
      </c>
      <c r="D24" s="967" t="s">
        <v>1584</v>
      </c>
      <c r="E24" s="968" t="s">
        <v>1585</v>
      </c>
      <c r="F24" s="969">
        <v>38229</v>
      </c>
      <c r="G24" s="969" t="s">
        <v>348</v>
      </c>
      <c r="H24" s="967" t="s">
        <v>10</v>
      </c>
      <c r="I24" s="1112"/>
      <c r="J24" s="976">
        <v>41</v>
      </c>
      <c r="K24" s="967">
        <v>215</v>
      </c>
      <c r="L24" s="967">
        <v>1</v>
      </c>
      <c r="M24" s="967"/>
      <c r="N24" s="967"/>
      <c r="O24" s="967" t="s">
        <v>1586</v>
      </c>
      <c r="P24" s="967" t="s">
        <v>199</v>
      </c>
      <c r="Q24" s="967" t="s">
        <v>199</v>
      </c>
      <c r="R24" s="17"/>
    </row>
    <row r="25" spans="1:18" ht="120" customHeight="1">
      <c r="A25" s="14" t="s">
        <v>1008</v>
      </c>
      <c r="B25" s="966" t="s">
        <v>1587</v>
      </c>
      <c r="C25" s="967" t="s">
        <v>15</v>
      </c>
      <c r="D25" s="967" t="s">
        <v>1588</v>
      </c>
      <c r="E25" s="968" t="s">
        <v>1589</v>
      </c>
      <c r="F25" s="969">
        <v>43445</v>
      </c>
      <c r="G25" s="968" t="s">
        <v>1590</v>
      </c>
      <c r="H25" s="967" t="s">
        <v>10</v>
      </c>
      <c r="I25" s="967"/>
      <c r="J25" s="967">
        <v>8</v>
      </c>
      <c r="K25" s="967">
        <v>48</v>
      </c>
      <c r="L25" s="967">
        <v>1</v>
      </c>
      <c r="M25" s="967"/>
      <c r="N25" s="967"/>
      <c r="O25" s="967" t="s">
        <v>1591</v>
      </c>
      <c r="P25" s="967" t="s">
        <v>199</v>
      </c>
      <c r="Q25" s="967" t="s">
        <v>1592</v>
      </c>
    </row>
    <row r="26" spans="1:18" ht="120" customHeight="1">
      <c r="A26" s="14" t="s">
        <v>1496</v>
      </c>
      <c r="B26" s="966" t="s">
        <v>1593</v>
      </c>
      <c r="C26" s="967" t="s">
        <v>15</v>
      </c>
      <c r="D26" s="971" t="s">
        <v>5029</v>
      </c>
      <c r="E26" s="985" t="s">
        <v>5030</v>
      </c>
      <c r="F26" s="969">
        <v>43305</v>
      </c>
      <c r="G26" s="967" t="s">
        <v>4114</v>
      </c>
      <c r="H26" s="967" t="s">
        <v>10</v>
      </c>
      <c r="I26" s="967"/>
      <c r="J26" s="967">
        <v>1</v>
      </c>
      <c r="K26" s="967">
        <v>10</v>
      </c>
      <c r="L26" s="967">
        <v>1</v>
      </c>
      <c r="M26" s="967"/>
      <c r="N26" s="967"/>
      <c r="O26" s="967" t="s">
        <v>1594</v>
      </c>
      <c r="P26" s="967" t="s">
        <v>199</v>
      </c>
      <c r="Q26" s="971" t="s">
        <v>5031</v>
      </c>
    </row>
    <row r="27" spans="1:18" ht="120" customHeight="1">
      <c r="A27" s="14" t="s">
        <v>1167</v>
      </c>
      <c r="B27" s="966" t="s">
        <v>1595</v>
      </c>
      <c r="C27" s="967" t="s">
        <v>15</v>
      </c>
      <c r="D27" s="971" t="s">
        <v>5029</v>
      </c>
      <c r="E27" s="985" t="s">
        <v>5030</v>
      </c>
      <c r="F27" s="969">
        <v>43305</v>
      </c>
      <c r="G27" s="967" t="s">
        <v>4114</v>
      </c>
      <c r="H27" s="967" t="s">
        <v>10</v>
      </c>
      <c r="I27" s="967"/>
      <c r="J27" s="967">
        <v>1</v>
      </c>
      <c r="K27" s="967">
        <v>10</v>
      </c>
      <c r="L27" s="967">
        <v>1</v>
      </c>
      <c r="M27" s="967"/>
      <c r="N27" s="967"/>
      <c r="O27" s="967"/>
      <c r="P27" s="967"/>
      <c r="Q27" s="971" t="s">
        <v>5031</v>
      </c>
    </row>
    <row r="28" spans="1:18" ht="120" customHeight="1">
      <c r="A28" s="14" t="s">
        <v>240</v>
      </c>
      <c r="B28" s="966" t="s">
        <v>1596</v>
      </c>
      <c r="C28" s="967" t="s">
        <v>27</v>
      </c>
      <c r="D28" s="967" t="s">
        <v>1597</v>
      </c>
      <c r="E28" s="968" t="s">
        <v>1598</v>
      </c>
      <c r="F28" s="969">
        <v>45197</v>
      </c>
      <c r="G28" s="969"/>
      <c r="H28" s="967" t="s">
        <v>10</v>
      </c>
      <c r="I28" s="967"/>
      <c r="J28" s="967">
        <v>1</v>
      </c>
      <c r="K28" s="967">
        <v>6</v>
      </c>
      <c r="L28" s="967">
        <v>1</v>
      </c>
      <c r="M28" s="967"/>
      <c r="N28" s="967"/>
      <c r="O28" s="967" t="s">
        <v>1599</v>
      </c>
      <c r="P28" s="967" t="s">
        <v>199</v>
      </c>
      <c r="Q28" s="967" t="s">
        <v>199</v>
      </c>
    </row>
    <row r="29" spans="1:18" ht="120" customHeight="1">
      <c r="A29" s="14" t="s">
        <v>1491</v>
      </c>
      <c r="B29" s="966" t="s">
        <v>1600</v>
      </c>
      <c r="C29" s="967" t="s">
        <v>27</v>
      </c>
      <c r="D29" s="967" t="s">
        <v>1597</v>
      </c>
      <c r="E29" s="968" t="s">
        <v>1598</v>
      </c>
      <c r="F29" s="969">
        <v>45197</v>
      </c>
      <c r="G29" s="969"/>
      <c r="H29" s="967" t="s">
        <v>10</v>
      </c>
      <c r="I29" s="967"/>
      <c r="J29" s="967">
        <v>1</v>
      </c>
      <c r="K29" s="967">
        <v>6</v>
      </c>
      <c r="L29" s="967">
        <v>1</v>
      </c>
      <c r="M29" s="967"/>
      <c r="N29" s="967"/>
      <c r="O29" s="967" t="s">
        <v>1599</v>
      </c>
      <c r="P29" s="967" t="s">
        <v>199</v>
      </c>
      <c r="Q29" s="967" t="s">
        <v>199</v>
      </c>
    </row>
    <row r="30" spans="1:18" ht="120" customHeight="1">
      <c r="A30" s="14" t="s">
        <v>1487</v>
      </c>
      <c r="B30" s="966" t="s">
        <v>1601</v>
      </c>
      <c r="C30" s="967" t="s">
        <v>15</v>
      </c>
      <c r="D30" s="967" t="s">
        <v>1602</v>
      </c>
      <c r="E30" s="968" t="s">
        <v>1603</v>
      </c>
      <c r="F30" s="969">
        <v>38041</v>
      </c>
      <c r="G30" s="969" t="s">
        <v>1604</v>
      </c>
      <c r="H30" s="967" t="s">
        <v>10</v>
      </c>
      <c r="I30" s="967"/>
      <c r="J30" s="967">
        <v>1</v>
      </c>
      <c r="K30" s="967">
        <v>6</v>
      </c>
      <c r="L30" s="967">
        <v>1</v>
      </c>
      <c r="M30" s="967"/>
      <c r="N30" s="967"/>
      <c r="O30" s="967" t="s">
        <v>199</v>
      </c>
      <c r="P30" s="967" t="s">
        <v>199</v>
      </c>
      <c r="Q30" s="967" t="s">
        <v>199</v>
      </c>
    </row>
    <row r="31" spans="1:18" s="199" customFormat="1" ht="120" customHeight="1">
      <c r="A31" s="14" t="s">
        <v>1483</v>
      </c>
      <c r="B31" s="966" t="s">
        <v>1605</v>
      </c>
      <c r="C31" s="967" t="s">
        <v>15</v>
      </c>
      <c r="D31" s="967" t="s">
        <v>1606</v>
      </c>
      <c r="E31" s="968" t="s">
        <v>1607</v>
      </c>
      <c r="F31" s="969">
        <v>45422</v>
      </c>
      <c r="G31" s="967" t="s">
        <v>4115</v>
      </c>
      <c r="H31" s="971" t="s">
        <v>5032</v>
      </c>
      <c r="I31" s="971"/>
      <c r="J31" s="967">
        <v>15</v>
      </c>
      <c r="K31" s="967">
        <v>30</v>
      </c>
      <c r="L31" s="967">
        <v>5</v>
      </c>
      <c r="M31" s="967"/>
      <c r="N31" s="967"/>
      <c r="O31" s="967" t="s">
        <v>199</v>
      </c>
      <c r="P31" s="967" t="s">
        <v>199</v>
      </c>
      <c r="Q31" s="967" t="s">
        <v>199</v>
      </c>
      <c r="R31" s="17"/>
    </row>
    <row r="32" spans="1:18" ht="120" customHeight="1">
      <c r="A32" s="14" t="s">
        <v>1478</v>
      </c>
      <c r="B32" s="966" t="s">
        <v>1608</v>
      </c>
      <c r="C32" s="967" t="s">
        <v>15</v>
      </c>
      <c r="D32" s="967" t="s">
        <v>1609</v>
      </c>
      <c r="E32" s="968" t="s">
        <v>1610</v>
      </c>
      <c r="F32" s="969">
        <v>44540</v>
      </c>
      <c r="G32" s="969" t="s">
        <v>1244</v>
      </c>
      <c r="H32" s="967" t="s">
        <v>10</v>
      </c>
      <c r="I32" s="967"/>
      <c r="J32" s="967">
        <v>1</v>
      </c>
      <c r="K32" s="967">
        <v>6</v>
      </c>
      <c r="L32" s="967">
        <v>1</v>
      </c>
      <c r="M32" s="967"/>
      <c r="N32" s="967"/>
      <c r="O32" s="967"/>
      <c r="P32" s="967"/>
      <c r="Q32" s="967"/>
    </row>
    <row r="33" spans="1:18" s="199" customFormat="1" ht="105">
      <c r="A33" s="14" t="s">
        <v>1476</v>
      </c>
      <c r="B33" s="967" t="s">
        <v>1611</v>
      </c>
      <c r="C33" s="967" t="s">
        <v>15</v>
      </c>
      <c r="D33" s="967" t="s">
        <v>1612</v>
      </c>
      <c r="E33" s="968" t="s">
        <v>1613</v>
      </c>
      <c r="F33" s="969">
        <v>43354</v>
      </c>
      <c r="G33" s="967" t="s">
        <v>1614</v>
      </c>
      <c r="H33" s="967" t="s">
        <v>10</v>
      </c>
      <c r="I33" s="967"/>
      <c r="J33" s="967">
        <v>2</v>
      </c>
      <c r="K33" s="967">
        <v>4</v>
      </c>
      <c r="L33" s="967">
        <v>1</v>
      </c>
      <c r="M33" s="967">
        <v>2022</v>
      </c>
      <c r="N33" s="967"/>
      <c r="O33" s="967" t="s">
        <v>1615</v>
      </c>
      <c r="P33" s="967"/>
      <c r="Q33" s="967"/>
      <c r="R33" s="17"/>
    </row>
    <row r="34" spans="1:18" s="199" customFormat="1" ht="176.25" customHeight="1">
      <c r="A34" s="14" t="s">
        <v>1472</v>
      </c>
      <c r="B34" s="967" t="s">
        <v>1616</v>
      </c>
      <c r="C34" s="967" t="s">
        <v>15</v>
      </c>
      <c r="D34" s="967" t="s">
        <v>1617</v>
      </c>
      <c r="E34" s="982">
        <v>780709186299</v>
      </c>
      <c r="F34" s="969">
        <v>44309</v>
      </c>
      <c r="G34" s="968" t="s">
        <v>1063</v>
      </c>
      <c r="H34" s="967" t="s">
        <v>10</v>
      </c>
      <c r="I34" s="967"/>
      <c r="J34" s="967">
        <v>7</v>
      </c>
      <c r="K34" s="967">
        <v>28</v>
      </c>
      <c r="L34" s="967">
        <v>4</v>
      </c>
      <c r="M34" s="967"/>
      <c r="N34" s="967" t="s">
        <v>1618</v>
      </c>
      <c r="O34" s="967"/>
      <c r="P34" s="967"/>
      <c r="Q34" s="971" t="s">
        <v>5033</v>
      </c>
      <c r="R34" s="17"/>
    </row>
    <row r="35" spans="1:18" ht="120" customHeight="1">
      <c r="A35" s="14" t="s">
        <v>1277</v>
      </c>
      <c r="B35" s="719" t="s">
        <v>5034</v>
      </c>
      <c r="C35" s="971" t="s">
        <v>179</v>
      </c>
      <c r="D35" s="971" t="s">
        <v>5035</v>
      </c>
      <c r="E35" s="986">
        <v>1007028180</v>
      </c>
      <c r="F35" s="987">
        <v>44265</v>
      </c>
      <c r="G35" s="971" t="s">
        <v>5036</v>
      </c>
      <c r="H35" s="971" t="s">
        <v>5037</v>
      </c>
      <c r="I35" s="971"/>
      <c r="J35" s="971">
        <v>7</v>
      </c>
      <c r="K35" s="971">
        <v>28</v>
      </c>
      <c r="L35" s="971">
        <v>4</v>
      </c>
      <c r="M35" s="971"/>
      <c r="N35" s="971" t="s">
        <v>1618</v>
      </c>
      <c r="O35" s="971"/>
      <c r="P35" s="971"/>
      <c r="Q35" s="971"/>
      <c r="R35" s="981" t="s">
        <v>5038</v>
      </c>
    </row>
    <row r="36" spans="1:18" ht="120" customHeight="1">
      <c r="A36" s="14" t="s">
        <v>1464</v>
      </c>
      <c r="B36" s="966" t="s">
        <v>1619</v>
      </c>
      <c r="C36" s="967" t="s">
        <v>27</v>
      </c>
      <c r="D36" s="967" t="s">
        <v>1620</v>
      </c>
      <c r="E36" s="968" t="s">
        <v>1621</v>
      </c>
      <c r="F36" s="969">
        <v>44188</v>
      </c>
      <c r="G36" s="968"/>
      <c r="H36" s="967" t="s">
        <v>10</v>
      </c>
      <c r="I36" s="967"/>
      <c r="J36" s="967">
        <v>2</v>
      </c>
      <c r="K36" s="967">
        <v>10</v>
      </c>
      <c r="L36" s="967">
        <v>0</v>
      </c>
      <c r="M36" s="967"/>
      <c r="N36" s="967"/>
      <c r="O36" s="967" t="s">
        <v>1622</v>
      </c>
      <c r="P36" s="967"/>
      <c r="Q36" s="972" t="s">
        <v>1623</v>
      </c>
    </row>
    <row r="37" spans="1:18" ht="120" customHeight="1">
      <c r="A37" s="14" t="s">
        <v>1160</v>
      </c>
      <c r="B37" s="966" t="s">
        <v>1624</v>
      </c>
      <c r="C37" s="967" t="s">
        <v>27</v>
      </c>
      <c r="D37" s="967" t="s">
        <v>1625</v>
      </c>
      <c r="E37" s="968" t="s">
        <v>1626</v>
      </c>
      <c r="F37" s="969">
        <v>44090</v>
      </c>
      <c r="G37" s="968"/>
      <c r="H37" s="967" t="s">
        <v>10</v>
      </c>
      <c r="I37" s="967"/>
      <c r="J37" s="967">
        <v>1</v>
      </c>
      <c r="K37" s="967">
        <v>2</v>
      </c>
      <c r="L37" s="967">
        <v>0</v>
      </c>
      <c r="M37" s="967"/>
      <c r="N37" s="967"/>
      <c r="O37" s="967" t="s">
        <v>993</v>
      </c>
      <c r="P37" s="967"/>
      <c r="Q37" s="967"/>
    </row>
    <row r="38" spans="1:18" ht="120" customHeight="1">
      <c r="A38" s="14" t="s">
        <v>1458</v>
      </c>
      <c r="B38" s="966" t="s">
        <v>1627</v>
      </c>
      <c r="C38" s="967" t="s">
        <v>27</v>
      </c>
      <c r="D38" s="967" t="s">
        <v>1628</v>
      </c>
      <c r="E38" s="968" t="s">
        <v>1629</v>
      </c>
      <c r="F38" s="969">
        <v>44450</v>
      </c>
      <c r="G38" s="968"/>
      <c r="H38" s="967" t="s">
        <v>10</v>
      </c>
      <c r="I38" s="967"/>
      <c r="J38" s="967">
        <v>11</v>
      </c>
      <c r="K38" s="967">
        <v>44</v>
      </c>
      <c r="L38" s="967">
        <v>0</v>
      </c>
      <c r="M38" s="967"/>
      <c r="N38" s="967"/>
      <c r="O38" s="967" t="s">
        <v>993</v>
      </c>
      <c r="P38" s="967"/>
      <c r="Q38" s="967"/>
    </row>
    <row r="39" spans="1:18" ht="150" customHeight="1">
      <c r="A39" s="14" t="s">
        <v>1454</v>
      </c>
      <c r="B39" s="966" t="s">
        <v>1630</v>
      </c>
      <c r="C39" s="967" t="s">
        <v>27</v>
      </c>
      <c r="D39" s="967" t="s">
        <v>1631</v>
      </c>
      <c r="E39" s="968" t="s">
        <v>1632</v>
      </c>
      <c r="F39" s="969">
        <v>44452</v>
      </c>
      <c r="G39" s="968"/>
      <c r="H39" s="967" t="s">
        <v>10</v>
      </c>
      <c r="I39" s="967"/>
      <c r="J39" s="967">
        <v>1</v>
      </c>
      <c r="K39" s="967">
        <v>5</v>
      </c>
      <c r="L39" s="967">
        <v>0</v>
      </c>
      <c r="M39" s="967"/>
      <c r="N39" s="967"/>
      <c r="O39" s="967" t="s">
        <v>1633</v>
      </c>
      <c r="P39" s="967" t="s">
        <v>199</v>
      </c>
      <c r="Q39" s="967" t="s">
        <v>199</v>
      </c>
    </row>
    <row r="40" spans="1:18" ht="120" customHeight="1">
      <c r="A40" s="14" t="s">
        <v>1450</v>
      </c>
      <c r="B40" s="966" t="s">
        <v>1634</v>
      </c>
      <c r="C40" s="967" t="s">
        <v>27</v>
      </c>
      <c r="D40" s="967" t="s">
        <v>1635</v>
      </c>
      <c r="E40" s="968" t="s">
        <v>1636</v>
      </c>
      <c r="F40" s="969">
        <v>44466</v>
      </c>
      <c r="G40" s="968"/>
      <c r="H40" s="967" t="s">
        <v>10</v>
      </c>
      <c r="I40" s="967"/>
      <c r="J40" s="967">
        <v>1</v>
      </c>
      <c r="K40" s="967">
        <v>4</v>
      </c>
      <c r="L40" s="967">
        <v>0</v>
      </c>
      <c r="M40" s="967"/>
      <c r="N40" s="967"/>
      <c r="O40" s="967" t="s">
        <v>1637</v>
      </c>
      <c r="P40" s="967" t="s">
        <v>199</v>
      </c>
      <c r="Q40" s="967" t="s">
        <v>199</v>
      </c>
    </row>
    <row r="41" spans="1:18" s="8" customFormat="1" ht="120" customHeight="1">
      <c r="A41" s="14" t="s">
        <v>1447</v>
      </c>
      <c r="B41" s="966" t="s">
        <v>1638</v>
      </c>
      <c r="C41" s="967" t="s">
        <v>27</v>
      </c>
      <c r="D41" s="967" t="s">
        <v>1639</v>
      </c>
      <c r="E41" s="968" t="s">
        <v>1640</v>
      </c>
      <c r="F41" s="969">
        <v>44669</v>
      </c>
      <c r="G41" s="968"/>
      <c r="H41" s="967" t="s">
        <v>10</v>
      </c>
      <c r="I41" s="967"/>
      <c r="J41" s="967">
        <v>1</v>
      </c>
      <c r="K41" s="967">
        <v>6</v>
      </c>
      <c r="L41" s="967">
        <v>0</v>
      </c>
      <c r="M41" s="967"/>
      <c r="N41" s="967"/>
      <c r="O41" s="967" t="s">
        <v>1641</v>
      </c>
      <c r="P41" s="967" t="s">
        <v>199</v>
      </c>
      <c r="Q41" s="967" t="s">
        <v>1642</v>
      </c>
      <c r="R41" s="17"/>
    </row>
    <row r="42" spans="1:18" ht="120" customHeight="1">
      <c r="A42" s="14" t="s">
        <v>1443</v>
      </c>
      <c r="B42" s="967" t="s">
        <v>1643</v>
      </c>
      <c r="C42" s="967" t="s">
        <v>27</v>
      </c>
      <c r="D42" s="967" t="s">
        <v>1644</v>
      </c>
      <c r="E42" s="968" t="s">
        <v>1645</v>
      </c>
      <c r="F42" s="969">
        <v>44185</v>
      </c>
      <c r="G42" s="969"/>
      <c r="H42" s="967" t="s">
        <v>10</v>
      </c>
      <c r="I42" s="967"/>
      <c r="J42" s="967">
        <v>1</v>
      </c>
      <c r="K42" s="967">
        <v>6</v>
      </c>
      <c r="L42" s="967">
        <v>0</v>
      </c>
      <c r="M42" s="967"/>
      <c r="N42" s="967"/>
      <c r="O42" s="967" t="s">
        <v>1646</v>
      </c>
      <c r="P42" s="973"/>
      <c r="Q42" s="967"/>
      <c r="R42" s="8"/>
    </row>
    <row r="43" spans="1:18" ht="105">
      <c r="A43" s="14" t="s">
        <v>1147</v>
      </c>
      <c r="B43" s="967" t="s">
        <v>1647</v>
      </c>
      <c r="C43" s="967" t="s">
        <v>27</v>
      </c>
      <c r="D43" s="967" t="s">
        <v>1648</v>
      </c>
      <c r="E43" s="968" t="s">
        <v>1649</v>
      </c>
      <c r="F43" s="969">
        <v>44574</v>
      </c>
      <c r="G43" s="974"/>
      <c r="H43" s="967" t="s">
        <v>10</v>
      </c>
      <c r="I43" s="967"/>
      <c r="J43" s="967">
        <v>4</v>
      </c>
      <c r="K43" s="967">
        <v>30</v>
      </c>
      <c r="L43" s="967">
        <v>0</v>
      </c>
      <c r="M43" s="967"/>
      <c r="N43" s="967"/>
      <c r="O43" s="969" t="s">
        <v>1650</v>
      </c>
      <c r="P43" s="967"/>
      <c r="Q43" s="967"/>
    </row>
    <row r="44" spans="1:18" ht="120" customHeight="1">
      <c r="A44" s="14" t="s">
        <v>1436</v>
      </c>
      <c r="B44" s="967" t="s">
        <v>1651</v>
      </c>
      <c r="C44" s="967" t="s">
        <v>27</v>
      </c>
      <c r="D44" s="967" t="s">
        <v>1652</v>
      </c>
      <c r="E44" s="968" t="s">
        <v>1653</v>
      </c>
      <c r="F44" s="969"/>
      <c r="G44" s="968"/>
      <c r="H44" s="967" t="s">
        <v>10</v>
      </c>
      <c r="I44" s="967"/>
      <c r="J44" s="967">
        <v>1</v>
      </c>
      <c r="K44" s="967">
        <v>4</v>
      </c>
      <c r="L44" s="967">
        <v>0</v>
      </c>
      <c r="M44" s="967"/>
      <c r="N44" s="967"/>
      <c r="O44" s="967"/>
      <c r="P44" s="967"/>
      <c r="Q44" s="967"/>
    </row>
    <row r="45" spans="1:18" ht="120" customHeight="1" thickBot="1">
      <c r="A45" s="14" t="s">
        <v>1432</v>
      </c>
      <c r="B45" s="967" t="s">
        <v>1654</v>
      </c>
      <c r="C45" s="967" t="s">
        <v>27</v>
      </c>
      <c r="D45" s="967" t="s">
        <v>1655</v>
      </c>
      <c r="E45" s="968" t="s">
        <v>1656</v>
      </c>
      <c r="F45" s="968" t="s">
        <v>1657</v>
      </c>
      <c r="G45" s="967"/>
      <c r="H45" s="967" t="s">
        <v>10</v>
      </c>
      <c r="I45" s="967"/>
      <c r="J45" s="967">
        <v>4</v>
      </c>
      <c r="K45" s="968" t="s">
        <v>1478</v>
      </c>
      <c r="L45" s="968" t="s">
        <v>1658</v>
      </c>
      <c r="M45" s="968"/>
      <c r="N45" s="968"/>
      <c r="O45" s="968"/>
      <c r="P45" s="968"/>
      <c r="Q45" s="967"/>
    </row>
    <row r="46" spans="1:18" ht="120" customHeight="1" thickBot="1">
      <c r="A46" s="14" t="s">
        <v>1428</v>
      </c>
      <c r="B46" s="966" t="s">
        <v>4206</v>
      </c>
      <c r="C46" s="967" t="s">
        <v>179</v>
      </c>
      <c r="D46" s="967" t="s">
        <v>1659</v>
      </c>
      <c r="E46" s="968" t="s">
        <v>1660</v>
      </c>
      <c r="F46" s="969" t="s">
        <v>1661</v>
      </c>
      <c r="G46" s="967" t="s">
        <v>4116</v>
      </c>
      <c r="H46" s="983" t="s">
        <v>4207</v>
      </c>
      <c r="I46" s="983"/>
      <c r="J46" s="967">
        <v>6</v>
      </c>
      <c r="K46" s="967">
        <v>31</v>
      </c>
      <c r="L46" s="967">
        <v>2</v>
      </c>
      <c r="M46" s="967"/>
      <c r="N46" s="975" t="s">
        <v>1662</v>
      </c>
      <c r="O46" s="967" t="s">
        <v>1663</v>
      </c>
      <c r="P46" s="967" t="s">
        <v>199</v>
      </c>
      <c r="Q46" s="967"/>
    </row>
    <row r="47" spans="1:18" ht="120" customHeight="1">
      <c r="A47" s="14" t="s">
        <v>1424</v>
      </c>
      <c r="B47" s="966" t="s">
        <v>1664</v>
      </c>
      <c r="C47" s="967" t="s">
        <v>179</v>
      </c>
      <c r="D47" s="967" t="s">
        <v>1665</v>
      </c>
      <c r="E47" s="968" t="s">
        <v>1666</v>
      </c>
      <c r="F47" s="969">
        <v>41837</v>
      </c>
      <c r="G47" s="969" t="s">
        <v>142</v>
      </c>
      <c r="H47" s="967" t="s">
        <v>10</v>
      </c>
      <c r="I47" s="967"/>
      <c r="J47" s="967">
        <v>2</v>
      </c>
      <c r="K47" s="967">
        <v>16</v>
      </c>
      <c r="L47" s="967">
        <v>2</v>
      </c>
      <c r="M47" s="967"/>
      <c r="N47" s="967"/>
      <c r="O47" s="967" t="s">
        <v>1667</v>
      </c>
      <c r="P47" s="967" t="s">
        <v>199</v>
      </c>
      <c r="Q47" s="967" t="s">
        <v>199</v>
      </c>
    </row>
    <row r="48" spans="1:18" s="199" customFormat="1" ht="120" customHeight="1">
      <c r="A48" s="14" t="s">
        <v>1420</v>
      </c>
      <c r="B48" s="966" t="s">
        <v>1668</v>
      </c>
      <c r="C48" s="967" t="s">
        <v>179</v>
      </c>
      <c r="D48" s="967" t="s">
        <v>1665</v>
      </c>
      <c r="E48" s="968" t="s">
        <v>1666</v>
      </c>
      <c r="F48" s="969" t="s">
        <v>1669</v>
      </c>
      <c r="G48" s="969" t="s">
        <v>142</v>
      </c>
      <c r="H48" s="967" t="s">
        <v>10</v>
      </c>
      <c r="I48" s="967"/>
      <c r="J48" s="967">
        <v>1</v>
      </c>
      <c r="K48" s="967">
        <v>15</v>
      </c>
      <c r="L48" s="967">
        <v>1</v>
      </c>
      <c r="M48" s="967"/>
      <c r="N48" s="967"/>
      <c r="O48" s="967" t="s">
        <v>199</v>
      </c>
      <c r="P48" s="967" t="s">
        <v>1670</v>
      </c>
      <c r="Q48" s="967" t="s">
        <v>199</v>
      </c>
      <c r="R48" s="17"/>
    </row>
    <row r="49" spans="1:18" ht="120" customHeight="1">
      <c r="A49" s="14" t="s">
        <v>1415</v>
      </c>
      <c r="B49" s="966" t="s">
        <v>1671</v>
      </c>
      <c r="C49" s="967" t="s">
        <v>179</v>
      </c>
      <c r="D49" s="967" t="s">
        <v>1672</v>
      </c>
      <c r="E49" s="968" t="s">
        <v>1673</v>
      </c>
      <c r="F49" s="969" t="s">
        <v>1674</v>
      </c>
      <c r="G49" s="969" t="s">
        <v>142</v>
      </c>
      <c r="H49" s="967" t="s">
        <v>10</v>
      </c>
      <c r="I49" s="967"/>
      <c r="J49" s="967">
        <v>6</v>
      </c>
      <c r="K49" s="967">
        <v>40</v>
      </c>
      <c r="L49" s="967">
        <v>4</v>
      </c>
      <c r="M49" s="967"/>
      <c r="N49" s="967"/>
      <c r="O49" s="967" t="s">
        <v>1675</v>
      </c>
      <c r="P49" s="967" t="s">
        <v>199</v>
      </c>
      <c r="Q49" s="967" t="s">
        <v>199</v>
      </c>
    </row>
    <row r="50" spans="1:18" s="199" customFormat="1" ht="120" customHeight="1">
      <c r="A50" s="14" t="s">
        <v>1413</v>
      </c>
      <c r="B50" s="966" t="s">
        <v>1676</v>
      </c>
      <c r="C50" s="967" t="s">
        <v>179</v>
      </c>
      <c r="D50" s="967" t="s">
        <v>1677</v>
      </c>
      <c r="E50" s="968" t="s">
        <v>1678</v>
      </c>
      <c r="F50" s="969">
        <v>37540</v>
      </c>
      <c r="G50" s="969" t="s">
        <v>1679</v>
      </c>
      <c r="H50" s="983" t="s">
        <v>4208</v>
      </c>
      <c r="I50" s="983"/>
      <c r="J50" s="967">
        <v>5</v>
      </c>
      <c r="K50" s="967">
        <v>58</v>
      </c>
      <c r="L50" s="967">
        <v>8</v>
      </c>
      <c r="M50" s="967"/>
      <c r="N50" s="967"/>
      <c r="O50" s="967" t="s">
        <v>1680</v>
      </c>
      <c r="P50" s="967" t="s">
        <v>199</v>
      </c>
      <c r="Q50" s="967" t="s">
        <v>199</v>
      </c>
      <c r="R50" s="17"/>
    </row>
    <row r="51" spans="1:18" ht="162.75" customHeight="1">
      <c r="A51" s="14" t="s">
        <v>1408</v>
      </c>
      <c r="B51" s="966" t="s">
        <v>1681</v>
      </c>
      <c r="C51" s="967" t="s">
        <v>179</v>
      </c>
      <c r="D51" s="967" t="s">
        <v>1682</v>
      </c>
      <c r="E51" s="968" t="s">
        <v>1683</v>
      </c>
      <c r="F51" s="969">
        <v>35780</v>
      </c>
      <c r="G51" s="968" t="s">
        <v>1684</v>
      </c>
      <c r="H51" s="971" t="s">
        <v>5039</v>
      </c>
      <c r="I51" s="971"/>
      <c r="J51" s="967">
        <v>3</v>
      </c>
      <c r="K51" s="967">
        <v>50</v>
      </c>
      <c r="L51" s="967">
        <v>4</v>
      </c>
      <c r="M51" s="967"/>
      <c r="N51" s="967"/>
      <c r="O51" s="967" t="s">
        <v>1685</v>
      </c>
      <c r="P51" s="967" t="s">
        <v>199</v>
      </c>
      <c r="Q51" s="967" t="s">
        <v>199</v>
      </c>
    </row>
    <row r="52" spans="1:18" s="199" customFormat="1" ht="120" customHeight="1">
      <c r="A52" s="14" t="s">
        <v>1402</v>
      </c>
      <c r="B52" s="966" t="s">
        <v>1686</v>
      </c>
      <c r="C52" s="967" t="s">
        <v>179</v>
      </c>
      <c r="D52" s="967" t="s">
        <v>1687</v>
      </c>
      <c r="E52" s="968" t="s">
        <v>1688</v>
      </c>
      <c r="F52" s="969">
        <v>38106</v>
      </c>
      <c r="G52" s="969" t="s">
        <v>63</v>
      </c>
      <c r="H52" s="967" t="s">
        <v>1689</v>
      </c>
      <c r="I52" s="967"/>
      <c r="J52" s="967">
        <v>19</v>
      </c>
      <c r="K52" s="967">
        <v>43</v>
      </c>
      <c r="L52" s="967">
        <v>3</v>
      </c>
      <c r="M52" s="976"/>
      <c r="N52" s="967"/>
      <c r="O52" s="967" t="s">
        <v>1578</v>
      </c>
      <c r="P52" s="967" t="s">
        <v>199</v>
      </c>
      <c r="Q52" s="967"/>
      <c r="R52" s="17"/>
    </row>
    <row r="53" spans="1:18" s="199" customFormat="1" ht="120" customHeight="1">
      <c r="A53" s="14" t="s">
        <v>1399</v>
      </c>
      <c r="B53" s="966" t="s">
        <v>1690</v>
      </c>
      <c r="C53" s="967" t="s">
        <v>179</v>
      </c>
      <c r="D53" s="967" t="s">
        <v>1691</v>
      </c>
      <c r="E53" s="968" t="s">
        <v>1692</v>
      </c>
      <c r="F53" s="969">
        <v>40387</v>
      </c>
      <c r="G53" s="967" t="s">
        <v>4117</v>
      </c>
      <c r="H53" s="967" t="s">
        <v>10</v>
      </c>
      <c r="I53" s="967"/>
      <c r="J53" s="967">
        <v>9</v>
      </c>
      <c r="K53" s="967">
        <v>28</v>
      </c>
      <c r="L53" s="967">
        <v>4</v>
      </c>
      <c r="M53" s="967"/>
      <c r="N53" s="967" t="s">
        <v>1693</v>
      </c>
      <c r="O53" s="967" t="s">
        <v>1685</v>
      </c>
      <c r="P53" s="967" t="s">
        <v>199</v>
      </c>
      <c r="Q53" s="967" t="s">
        <v>199</v>
      </c>
      <c r="R53" s="17"/>
    </row>
    <row r="54" spans="1:18" s="199" customFormat="1" ht="120" customHeight="1">
      <c r="A54" s="14" t="s">
        <v>1395</v>
      </c>
      <c r="B54" s="966" t="s">
        <v>1694</v>
      </c>
      <c r="C54" s="967" t="s">
        <v>179</v>
      </c>
      <c r="D54" s="967" t="s">
        <v>1695</v>
      </c>
      <c r="E54" s="968" t="s">
        <v>1696</v>
      </c>
      <c r="F54" s="969">
        <v>40634</v>
      </c>
      <c r="G54" s="967" t="s">
        <v>4116</v>
      </c>
      <c r="H54" s="967" t="s">
        <v>10</v>
      </c>
      <c r="I54" s="967"/>
      <c r="J54" s="967">
        <v>2</v>
      </c>
      <c r="K54" s="967">
        <v>12</v>
      </c>
      <c r="L54" s="967">
        <v>1</v>
      </c>
      <c r="M54" s="967"/>
      <c r="N54" s="967"/>
      <c r="O54" s="967" t="s">
        <v>1697</v>
      </c>
      <c r="P54" s="967" t="s">
        <v>199</v>
      </c>
      <c r="Q54" s="967" t="s">
        <v>199</v>
      </c>
      <c r="R54" s="17"/>
    </row>
    <row r="55" spans="1:18" ht="120" customHeight="1">
      <c r="A55" s="14" t="s">
        <v>1391</v>
      </c>
      <c r="B55" s="966" t="s">
        <v>1698</v>
      </c>
      <c r="C55" s="967" t="s">
        <v>179</v>
      </c>
      <c r="D55" s="967" t="s">
        <v>1699</v>
      </c>
      <c r="E55" s="968" t="s">
        <v>1700</v>
      </c>
      <c r="F55" s="969">
        <v>39918</v>
      </c>
      <c r="G55" s="969" t="s">
        <v>694</v>
      </c>
      <c r="H55" s="967" t="s">
        <v>10</v>
      </c>
      <c r="I55" s="967"/>
      <c r="J55" s="967">
        <v>3</v>
      </c>
      <c r="K55" s="967">
        <v>22</v>
      </c>
      <c r="L55" s="967">
        <v>1</v>
      </c>
      <c r="M55" s="967"/>
      <c r="N55" s="967"/>
      <c r="O55" s="967" t="s">
        <v>1701</v>
      </c>
      <c r="P55" s="967" t="s">
        <v>199</v>
      </c>
      <c r="Q55" s="967" t="s">
        <v>199</v>
      </c>
    </row>
    <row r="56" spans="1:18" ht="120" customHeight="1">
      <c r="A56" s="14" t="s">
        <v>1386</v>
      </c>
      <c r="B56" s="966" t="s">
        <v>5040</v>
      </c>
      <c r="C56" s="967" t="s">
        <v>179</v>
      </c>
      <c r="D56" s="967" t="s">
        <v>1702</v>
      </c>
      <c r="E56" s="968" t="s">
        <v>1683</v>
      </c>
      <c r="F56" s="969">
        <v>43524</v>
      </c>
      <c r="G56" s="969" t="s">
        <v>383</v>
      </c>
      <c r="H56" s="967" t="s">
        <v>10</v>
      </c>
      <c r="I56" s="967"/>
      <c r="J56" s="967">
        <v>1</v>
      </c>
      <c r="K56" s="967">
        <v>6</v>
      </c>
      <c r="L56" s="967">
        <v>1</v>
      </c>
      <c r="M56" s="967"/>
      <c r="N56" s="967"/>
      <c r="O56" s="967" t="s">
        <v>1703</v>
      </c>
      <c r="P56" s="967" t="s">
        <v>199</v>
      </c>
      <c r="Q56" s="967" t="s">
        <v>199</v>
      </c>
    </row>
    <row r="57" spans="1:18" s="199" customFormat="1" ht="120" customHeight="1">
      <c r="A57" s="14" t="s">
        <v>1380</v>
      </c>
      <c r="B57" s="966" t="s">
        <v>1704</v>
      </c>
      <c r="C57" s="967" t="s">
        <v>179</v>
      </c>
      <c r="D57" s="967" t="s">
        <v>1705</v>
      </c>
      <c r="E57" s="968" t="s">
        <v>1706</v>
      </c>
      <c r="F57" s="969">
        <v>41312</v>
      </c>
      <c r="G57" s="969" t="s">
        <v>694</v>
      </c>
      <c r="H57" s="967" t="s">
        <v>10</v>
      </c>
      <c r="I57" s="967"/>
      <c r="J57" s="967">
        <v>1</v>
      </c>
      <c r="K57" s="967">
        <v>10</v>
      </c>
      <c r="L57" s="967">
        <v>1</v>
      </c>
      <c r="M57" s="967"/>
      <c r="N57" s="967"/>
      <c r="O57" s="967" t="s">
        <v>1707</v>
      </c>
      <c r="P57" s="967" t="s">
        <v>199</v>
      </c>
      <c r="Q57" s="971" t="s">
        <v>5041</v>
      </c>
      <c r="R57" s="981" t="s">
        <v>5042</v>
      </c>
    </row>
    <row r="58" spans="1:18" ht="159" customHeight="1">
      <c r="A58" s="14" t="s">
        <v>1375</v>
      </c>
      <c r="B58" s="966" t="s">
        <v>1708</v>
      </c>
      <c r="C58" s="967" t="s">
        <v>179</v>
      </c>
      <c r="D58" s="967" t="s">
        <v>1709</v>
      </c>
      <c r="E58" s="968" t="s">
        <v>1710</v>
      </c>
      <c r="F58" s="969">
        <v>38989</v>
      </c>
      <c r="G58" s="967" t="s">
        <v>125</v>
      </c>
      <c r="H58" s="967" t="s">
        <v>10</v>
      </c>
      <c r="I58" s="967"/>
      <c r="J58" s="967">
        <v>4</v>
      </c>
      <c r="K58" s="967">
        <v>68</v>
      </c>
      <c r="L58" s="967">
        <v>2</v>
      </c>
      <c r="M58" s="967"/>
      <c r="N58" s="967"/>
      <c r="O58" s="967" t="s">
        <v>1711</v>
      </c>
      <c r="P58" s="967" t="s">
        <v>199</v>
      </c>
      <c r="Q58" s="971" t="s">
        <v>5043</v>
      </c>
      <c r="R58" s="981" t="s">
        <v>5044</v>
      </c>
    </row>
    <row r="59" spans="1:18" ht="120" customHeight="1">
      <c r="A59" s="14" t="s">
        <v>1371</v>
      </c>
      <c r="B59" s="966" t="s">
        <v>1712</v>
      </c>
      <c r="C59" s="967" t="s">
        <v>179</v>
      </c>
      <c r="D59" s="967" t="s">
        <v>1713</v>
      </c>
      <c r="E59" s="968" t="s">
        <v>1714</v>
      </c>
      <c r="F59" s="969">
        <v>40934</v>
      </c>
      <c r="G59" s="969" t="s">
        <v>63</v>
      </c>
      <c r="H59" s="967" t="s">
        <v>1715</v>
      </c>
      <c r="I59" s="967"/>
      <c r="J59" s="967">
        <v>8</v>
      </c>
      <c r="K59" s="967">
        <v>40</v>
      </c>
      <c r="L59" s="967">
        <v>11</v>
      </c>
      <c r="M59" s="967"/>
      <c r="N59" s="967"/>
      <c r="O59" s="967" t="s">
        <v>1716</v>
      </c>
      <c r="P59" s="967" t="s">
        <v>199</v>
      </c>
      <c r="Q59" s="967" t="s">
        <v>199</v>
      </c>
    </row>
    <row r="60" spans="1:18" s="199" customFormat="1" ht="120" customHeight="1">
      <c r="A60" s="14" t="s">
        <v>1368</v>
      </c>
      <c r="B60" s="966" t="s">
        <v>1717</v>
      </c>
      <c r="C60" s="967" t="s">
        <v>179</v>
      </c>
      <c r="D60" s="967" t="s">
        <v>1718</v>
      </c>
      <c r="E60" s="968" t="s">
        <v>1719</v>
      </c>
      <c r="F60" s="969">
        <v>37596</v>
      </c>
      <c r="G60" s="968" t="s">
        <v>1720</v>
      </c>
      <c r="H60" s="967" t="s">
        <v>10</v>
      </c>
      <c r="I60" s="967"/>
      <c r="J60" s="967">
        <v>4</v>
      </c>
      <c r="K60" s="967">
        <v>16</v>
      </c>
      <c r="L60" s="967">
        <v>1</v>
      </c>
      <c r="M60" s="967"/>
      <c r="N60" s="967"/>
      <c r="O60" s="967" t="s">
        <v>1721</v>
      </c>
      <c r="P60" s="967" t="s">
        <v>199</v>
      </c>
      <c r="Q60" s="967"/>
      <c r="R60" s="17"/>
    </row>
    <row r="61" spans="1:18" ht="120" customHeight="1">
      <c r="A61" s="14" t="s">
        <v>1276</v>
      </c>
      <c r="B61" s="966" t="s">
        <v>1722</v>
      </c>
      <c r="C61" s="967" t="s">
        <v>179</v>
      </c>
      <c r="D61" s="967" t="s">
        <v>1723</v>
      </c>
      <c r="E61" s="968" t="s">
        <v>1724</v>
      </c>
      <c r="F61" s="969">
        <v>41051</v>
      </c>
      <c r="G61" s="969" t="s">
        <v>694</v>
      </c>
      <c r="H61" s="967" t="s">
        <v>10</v>
      </c>
      <c r="I61" s="967"/>
      <c r="J61" s="967">
        <v>9</v>
      </c>
      <c r="K61" s="967">
        <v>36</v>
      </c>
      <c r="L61" s="967">
        <v>3</v>
      </c>
      <c r="M61" s="967"/>
      <c r="N61" s="967"/>
      <c r="O61" s="967" t="s">
        <v>1725</v>
      </c>
      <c r="P61" s="967" t="s">
        <v>199</v>
      </c>
      <c r="Q61" s="967" t="s">
        <v>199</v>
      </c>
    </row>
    <row r="62" spans="1:18" ht="120" customHeight="1">
      <c r="A62" s="14" t="s">
        <v>1359</v>
      </c>
      <c r="B62" s="966" t="s">
        <v>1726</v>
      </c>
      <c r="C62" s="967" t="s">
        <v>179</v>
      </c>
      <c r="D62" s="967" t="s">
        <v>1727</v>
      </c>
      <c r="E62" s="968" t="s">
        <v>1728</v>
      </c>
      <c r="F62" s="969">
        <v>41806</v>
      </c>
      <c r="G62" s="967" t="s">
        <v>4116</v>
      </c>
      <c r="H62" s="967" t="s">
        <v>10</v>
      </c>
      <c r="I62" s="967"/>
      <c r="J62" s="967">
        <v>1</v>
      </c>
      <c r="K62" s="967">
        <v>4</v>
      </c>
      <c r="L62" s="967">
        <v>3</v>
      </c>
      <c r="M62" s="977"/>
      <c r="N62" s="977"/>
      <c r="O62" s="977" t="s">
        <v>1729</v>
      </c>
      <c r="P62" s="967" t="s">
        <v>199</v>
      </c>
      <c r="Q62" s="967" t="s">
        <v>199</v>
      </c>
    </row>
    <row r="63" spans="1:18" ht="120" customHeight="1">
      <c r="A63" s="14" t="s">
        <v>1358</v>
      </c>
      <c r="B63" s="966" t="s">
        <v>1730</v>
      </c>
      <c r="C63" s="967" t="s">
        <v>179</v>
      </c>
      <c r="D63" s="967" t="s">
        <v>1665</v>
      </c>
      <c r="E63" s="968" t="s">
        <v>1731</v>
      </c>
      <c r="F63" s="969" t="s">
        <v>1732</v>
      </c>
      <c r="G63" s="969" t="s">
        <v>1733</v>
      </c>
      <c r="H63" s="967" t="s">
        <v>10</v>
      </c>
      <c r="I63" s="967"/>
      <c r="J63" s="967">
        <v>4</v>
      </c>
      <c r="K63" s="967">
        <v>31</v>
      </c>
      <c r="L63" s="967">
        <v>1</v>
      </c>
      <c r="M63" s="967"/>
      <c r="N63" s="967"/>
      <c r="O63" s="967" t="s">
        <v>199</v>
      </c>
      <c r="P63" s="967" t="s">
        <v>1670</v>
      </c>
      <c r="Q63" s="967" t="s">
        <v>199</v>
      </c>
    </row>
    <row r="64" spans="1:18" ht="120" customHeight="1">
      <c r="A64" s="14" t="s">
        <v>1355</v>
      </c>
      <c r="B64" s="966" t="s">
        <v>1734</v>
      </c>
      <c r="C64" s="967" t="s">
        <v>179</v>
      </c>
      <c r="D64" s="967" t="s">
        <v>1665</v>
      </c>
      <c r="E64" s="968" t="s">
        <v>1735</v>
      </c>
      <c r="F64" s="969" t="s">
        <v>1732</v>
      </c>
      <c r="G64" s="969" t="s">
        <v>1733</v>
      </c>
      <c r="H64" s="967" t="s">
        <v>10</v>
      </c>
      <c r="I64" s="967"/>
      <c r="J64" s="967">
        <v>3</v>
      </c>
      <c r="K64" s="967">
        <v>24</v>
      </c>
      <c r="L64" s="967">
        <v>1</v>
      </c>
      <c r="M64" s="967"/>
      <c r="N64" s="967"/>
      <c r="O64" s="967" t="s">
        <v>199</v>
      </c>
      <c r="P64" s="967" t="s">
        <v>1670</v>
      </c>
      <c r="Q64" s="967" t="s">
        <v>199</v>
      </c>
    </row>
    <row r="65" spans="1:26" ht="120" customHeight="1">
      <c r="A65" s="14" t="s">
        <v>1351</v>
      </c>
      <c r="B65" s="966" t="s">
        <v>1736</v>
      </c>
      <c r="C65" s="967" t="s">
        <v>179</v>
      </c>
      <c r="D65" s="967" t="s">
        <v>1665</v>
      </c>
      <c r="E65" s="968" t="s">
        <v>1735</v>
      </c>
      <c r="F65" s="969" t="s">
        <v>1732</v>
      </c>
      <c r="G65" s="969" t="s">
        <v>1733</v>
      </c>
      <c r="H65" s="967" t="s">
        <v>10</v>
      </c>
      <c r="I65" s="967"/>
      <c r="J65" s="967">
        <v>16</v>
      </c>
      <c r="K65" s="967">
        <v>96</v>
      </c>
      <c r="L65" s="967">
        <v>1</v>
      </c>
      <c r="M65" s="967"/>
      <c r="N65" s="967"/>
      <c r="O65" s="967" t="s">
        <v>1737</v>
      </c>
      <c r="P65" s="967" t="s">
        <v>1670</v>
      </c>
      <c r="Q65" s="967"/>
    </row>
    <row r="66" spans="1:26" ht="152.25" customHeight="1">
      <c r="A66" s="14" t="s">
        <v>1347</v>
      </c>
      <c r="B66" s="966" t="s">
        <v>1738</v>
      </c>
      <c r="C66" s="967" t="s">
        <v>15</v>
      </c>
      <c r="D66" s="967" t="s">
        <v>1739</v>
      </c>
      <c r="E66" s="968" t="s">
        <v>1740</v>
      </c>
      <c r="F66" s="969">
        <v>45379</v>
      </c>
      <c r="G66" s="967" t="s">
        <v>1741</v>
      </c>
      <c r="H66" s="967" t="s">
        <v>10</v>
      </c>
      <c r="I66" s="967"/>
      <c r="J66" s="967">
        <v>8</v>
      </c>
      <c r="K66" s="967">
        <v>16</v>
      </c>
      <c r="L66" s="967">
        <v>1</v>
      </c>
      <c r="M66" s="967">
        <v>2021</v>
      </c>
      <c r="N66" s="967"/>
      <c r="O66" s="967" t="s">
        <v>1742</v>
      </c>
      <c r="P66" s="967" t="s">
        <v>199</v>
      </c>
      <c r="Q66" s="967"/>
    </row>
    <row r="67" spans="1:26" s="199" customFormat="1" ht="135">
      <c r="A67" s="14" t="s">
        <v>1340</v>
      </c>
      <c r="B67" s="966" t="s">
        <v>1743</v>
      </c>
      <c r="C67" s="967" t="s">
        <v>179</v>
      </c>
      <c r="D67" s="967" t="s">
        <v>1744</v>
      </c>
      <c r="E67" s="968" t="s">
        <v>1745</v>
      </c>
      <c r="F67" s="969">
        <v>38863</v>
      </c>
      <c r="G67" s="967" t="s">
        <v>527</v>
      </c>
      <c r="H67" s="967" t="s">
        <v>1746</v>
      </c>
      <c r="I67" s="967"/>
      <c r="J67" s="967">
        <v>4</v>
      </c>
      <c r="K67" s="967">
        <v>14</v>
      </c>
      <c r="L67" s="967">
        <v>1</v>
      </c>
      <c r="M67" s="967"/>
      <c r="N67" s="967"/>
      <c r="O67" s="967"/>
      <c r="P67" s="967"/>
      <c r="Q67" s="967"/>
      <c r="R67" s="17"/>
    </row>
    <row r="68" spans="1:26" s="201" customFormat="1" ht="120" customHeight="1">
      <c r="A68" s="14" t="s">
        <v>1336</v>
      </c>
      <c r="B68" s="967" t="s">
        <v>1747</v>
      </c>
      <c r="C68" s="967" t="s">
        <v>179</v>
      </c>
      <c r="D68" s="967" t="s">
        <v>1748</v>
      </c>
      <c r="E68" s="968" t="s">
        <v>1749</v>
      </c>
      <c r="F68" s="969">
        <v>38169</v>
      </c>
      <c r="G68" s="968" t="s">
        <v>1750</v>
      </c>
      <c r="H68" s="967" t="s">
        <v>10</v>
      </c>
      <c r="I68" s="967"/>
      <c r="J68" s="967">
        <v>12</v>
      </c>
      <c r="K68" s="967">
        <v>57</v>
      </c>
      <c r="L68" s="967">
        <v>1</v>
      </c>
      <c r="M68" s="967"/>
      <c r="N68" s="967"/>
      <c r="O68" s="967"/>
      <c r="P68" s="967"/>
      <c r="Q68" s="967"/>
      <c r="R68" s="17"/>
    </row>
    <row r="69" spans="1:26" s="199" customFormat="1" ht="390">
      <c r="A69" s="14" t="s">
        <v>1332</v>
      </c>
      <c r="B69" s="966" t="s">
        <v>1753</v>
      </c>
      <c r="C69" s="967" t="s">
        <v>179</v>
      </c>
      <c r="D69" s="967" t="s">
        <v>1754</v>
      </c>
      <c r="E69" s="968" t="s">
        <v>1755</v>
      </c>
      <c r="F69" s="969">
        <v>38695</v>
      </c>
      <c r="G69" s="967" t="s">
        <v>1148</v>
      </c>
      <c r="H69" s="967" t="s">
        <v>10</v>
      </c>
      <c r="I69" s="967"/>
      <c r="J69" s="967"/>
      <c r="K69" s="967">
        <v>33</v>
      </c>
      <c r="L69" s="967">
        <v>1</v>
      </c>
      <c r="M69" s="967"/>
      <c r="N69" s="967"/>
      <c r="O69" s="967" t="s">
        <v>1756</v>
      </c>
      <c r="P69" s="967" t="s">
        <v>199</v>
      </c>
      <c r="Q69" s="967" t="s">
        <v>1752</v>
      </c>
      <c r="R69" s="17"/>
    </row>
    <row r="70" spans="1:26" s="199" customFormat="1" ht="180">
      <c r="A70" s="14" t="s">
        <v>1327</v>
      </c>
      <c r="B70" s="967" t="s">
        <v>1757</v>
      </c>
      <c r="C70" s="967" t="s">
        <v>179</v>
      </c>
      <c r="D70" s="967" t="s">
        <v>1758</v>
      </c>
      <c r="E70" s="968" t="s">
        <v>1759</v>
      </c>
      <c r="F70" s="969">
        <v>43287</v>
      </c>
      <c r="G70" s="968" t="s">
        <v>1760</v>
      </c>
      <c r="H70" s="971" t="s">
        <v>5045</v>
      </c>
      <c r="I70" s="971"/>
      <c r="J70" s="967">
        <v>5</v>
      </c>
      <c r="K70" s="967">
        <v>15</v>
      </c>
      <c r="L70" s="967">
        <v>1</v>
      </c>
      <c r="M70" s="967">
        <v>2022</v>
      </c>
      <c r="N70" s="967"/>
      <c r="O70" s="967"/>
      <c r="P70" s="967"/>
      <c r="Q70" s="967"/>
      <c r="R70" s="17"/>
    </row>
    <row r="71" spans="1:26" ht="150">
      <c r="A71" s="14" t="s">
        <v>1319</v>
      </c>
      <c r="B71" s="967" t="s">
        <v>1761</v>
      </c>
      <c r="C71" s="967" t="s">
        <v>15</v>
      </c>
      <c r="D71" s="967" t="s">
        <v>1762</v>
      </c>
      <c r="E71" s="968" t="s">
        <v>1763</v>
      </c>
      <c r="F71" s="969">
        <v>45064</v>
      </c>
      <c r="G71" s="967" t="s">
        <v>383</v>
      </c>
      <c r="H71" s="967" t="s">
        <v>10</v>
      </c>
      <c r="I71" s="967"/>
      <c r="J71" s="967">
        <v>2</v>
      </c>
      <c r="K71" s="967">
        <v>12</v>
      </c>
      <c r="L71" s="967">
        <v>1</v>
      </c>
      <c r="M71" s="967">
        <v>2019</v>
      </c>
      <c r="N71" s="967"/>
      <c r="O71" s="967"/>
      <c r="P71" s="967"/>
      <c r="Q71" s="967"/>
    </row>
    <row r="72" spans="1:26" ht="55.5" customHeight="1">
      <c r="A72" s="14" t="s">
        <v>1318</v>
      </c>
      <c r="B72" s="967" t="s">
        <v>1764</v>
      </c>
      <c r="C72" s="967" t="s">
        <v>15</v>
      </c>
      <c r="D72" s="967" t="s">
        <v>1765</v>
      </c>
      <c r="E72" s="968" t="s">
        <v>1766</v>
      </c>
      <c r="F72" s="969">
        <v>42524</v>
      </c>
      <c r="G72" s="968" t="s">
        <v>1767</v>
      </c>
      <c r="H72" s="967" t="s">
        <v>10</v>
      </c>
      <c r="I72" s="967"/>
      <c r="J72" s="967">
        <v>1</v>
      </c>
      <c r="K72" s="967">
        <v>6</v>
      </c>
      <c r="L72" s="967">
        <v>1</v>
      </c>
      <c r="M72" s="967">
        <v>2023</v>
      </c>
      <c r="N72" s="967"/>
      <c r="O72" s="967" t="s">
        <v>1768</v>
      </c>
      <c r="P72" s="967"/>
      <c r="Q72" s="967"/>
    </row>
    <row r="73" spans="1:26" ht="55.5" customHeight="1">
      <c r="A73" s="964" t="s">
        <v>1316</v>
      </c>
      <c r="B73" s="968" t="s">
        <v>1769</v>
      </c>
      <c r="C73" s="967" t="s">
        <v>27</v>
      </c>
      <c r="D73" s="967" t="s">
        <v>1770</v>
      </c>
      <c r="E73" s="967" t="s">
        <v>1771</v>
      </c>
      <c r="F73" s="967">
        <v>44697</v>
      </c>
      <c r="G73" s="969"/>
      <c r="H73" s="968"/>
      <c r="I73" s="968"/>
      <c r="J73" s="967">
        <v>1</v>
      </c>
      <c r="K73" s="967">
        <v>6</v>
      </c>
      <c r="L73" s="967">
        <v>0</v>
      </c>
      <c r="M73" s="967"/>
      <c r="N73" s="967"/>
      <c r="O73" s="967" t="s">
        <v>1772</v>
      </c>
      <c r="P73" s="967"/>
      <c r="Q73" s="967"/>
    </row>
    <row r="74" spans="1:26" ht="75">
      <c r="A74" s="14" t="s">
        <v>1313</v>
      </c>
      <c r="B74" s="967" t="s">
        <v>1773</v>
      </c>
      <c r="C74" s="967" t="s">
        <v>27</v>
      </c>
      <c r="D74" s="967" t="s">
        <v>1774</v>
      </c>
      <c r="E74" s="967" t="s">
        <v>1775</v>
      </c>
      <c r="F74" s="968">
        <v>44901</v>
      </c>
      <c r="G74" s="969"/>
      <c r="H74" s="969"/>
      <c r="I74" s="969"/>
      <c r="J74" s="967">
        <v>1</v>
      </c>
      <c r="K74" s="967">
        <v>8</v>
      </c>
      <c r="L74" s="967">
        <v>0</v>
      </c>
      <c r="M74" s="967" t="s">
        <v>199</v>
      </c>
      <c r="N74" s="967"/>
      <c r="O74" s="967" t="s">
        <v>1776</v>
      </c>
      <c r="P74" s="967"/>
      <c r="Q74" s="967"/>
    </row>
    <row r="75" spans="1:26" ht="88.5" customHeight="1">
      <c r="A75" s="964" t="s">
        <v>1310</v>
      </c>
      <c r="B75" s="967" t="s">
        <v>1777</v>
      </c>
      <c r="C75" s="967" t="s">
        <v>15</v>
      </c>
      <c r="D75" s="967" t="s">
        <v>1778</v>
      </c>
      <c r="E75" s="968" t="s">
        <v>1779</v>
      </c>
      <c r="F75" s="969">
        <v>44098</v>
      </c>
      <c r="G75" s="969" t="s">
        <v>1780</v>
      </c>
      <c r="H75" s="967"/>
      <c r="I75" s="967"/>
      <c r="J75" s="967">
        <v>1</v>
      </c>
      <c r="K75" s="967">
        <v>6</v>
      </c>
      <c r="L75" s="967">
        <v>1</v>
      </c>
      <c r="M75" s="967">
        <v>2023</v>
      </c>
      <c r="N75" s="967" t="s">
        <v>10</v>
      </c>
      <c r="O75" s="971" t="s">
        <v>5046</v>
      </c>
      <c r="P75" s="967"/>
      <c r="Q75" s="967" t="s">
        <v>1781</v>
      </c>
    </row>
    <row r="76" spans="1:26" ht="96.75" customHeight="1">
      <c r="A76" s="964" t="s">
        <v>1782</v>
      </c>
      <c r="B76" s="971" t="s">
        <v>5047</v>
      </c>
      <c r="C76" s="971" t="s">
        <v>179</v>
      </c>
      <c r="D76" s="971" t="s">
        <v>5048</v>
      </c>
      <c r="E76" s="986">
        <v>1001152181</v>
      </c>
      <c r="F76" s="978" t="s">
        <v>5049</v>
      </c>
      <c r="G76" s="971" t="s">
        <v>5050</v>
      </c>
      <c r="H76" s="971" t="s">
        <v>5051</v>
      </c>
      <c r="I76" s="971"/>
      <c r="J76" s="971" t="s">
        <v>5052</v>
      </c>
      <c r="K76" s="971">
        <v>9</v>
      </c>
      <c r="L76" s="971">
        <f>SUM(L13:L75)</f>
        <v>107</v>
      </c>
      <c r="M76" s="971"/>
      <c r="N76" s="971"/>
      <c r="O76" s="971"/>
      <c r="P76" s="971"/>
      <c r="Q76" s="967"/>
      <c r="R76" s="981" t="s">
        <v>5053</v>
      </c>
    </row>
    <row r="77" spans="1:26" ht="91.5" customHeight="1">
      <c r="A77" s="964" t="s">
        <v>2833</v>
      </c>
      <c r="B77" s="979" t="s">
        <v>5054</v>
      </c>
      <c r="C77" s="971" t="s">
        <v>179</v>
      </c>
      <c r="D77" s="971" t="s">
        <v>5055</v>
      </c>
      <c r="E77" s="978" t="s">
        <v>5056</v>
      </c>
      <c r="F77" s="978" t="s">
        <v>5057</v>
      </c>
      <c r="G77" s="980" t="s">
        <v>1063</v>
      </c>
      <c r="H77" s="971"/>
      <c r="I77" s="971"/>
      <c r="J77" s="971">
        <v>2</v>
      </c>
      <c r="K77" s="971">
        <v>10</v>
      </c>
      <c r="L77" s="971"/>
      <c r="M77" s="971"/>
      <c r="N77" s="971"/>
      <c r="O77" s="971"/>
      <c r="P77" s="971"/>
      <c r="Q77" s="967"/>
      <c r="R77" s="981" t="s">
        <v>5053</v>
      </c>
    </row>
    <row r="78" spans="1:26" ht="75" customHeight="1">
      <c r="A78" s="964" t="s">
        <v>2830</v>
      </c>
      <c r="B78" s="971" t="s">
        <v>5058</v>
      </c>
      <c r="C78" s="971" t="s">
        <v>15</v>
      </c>
      <c r="D78" s="971" t="s">
        <v>5059</v>
      </c>
      <c r="E78" s="988" t="s">
        <v>5060</v>
      </c>
      <c r="F78" s="980">
        <v>43871</v>
      </c>
      <c r="G78" s="983" t="s">
        <v>5036</v>
      </c>
      <c r="H78" s="971"/>
      <c r="I78" s="971"/>
      <c r="J78" s="971">
        <v>3</v>
      </c>
      <c r="K78" s="971">
        <v>12</v>
      </c>
      <c r="L78" s="971">
        <v>1</v>
      </c>
      <c r="M78" s="971" t="s">
        <v>199</v>
      </c>
      <c r="N78" s="971"/>
      <c r="O78" s="971" t="s">
        <v>1976</v>
      </c>
      <c r="P78" s="971"/>
      <c r="Q78" s="967"/>
      <c r="R78" s="981" t="s">
        <v>5053</v>
      </c>
    </row>
    <row r="79" spans="1:26" ht="87.75" customHeight="1">
      <c r="A79" s="964" t="s">
        <v>2563</v>
      </c>
      <c r="B79" s="967" t="s">
        <v>5061</v>
      </c>
      <c r="C79" s="967" t="s">
        <v>15</v>
      </c>
      <c r="D79" s="967" t="s">
        <v>5062</v>
      </c>
      <c r="E79" s="989">
        <v>212205445479</v>
      </c>
      <c r="F79" s="969">
        <v>45270</v>
      </c>
      <c r="G79" s="990" t="s">
        <v>5063</v>
      </c>
      <c r="H79" s="967"/>
      <c r="I79" s="967"/>
      <c r="J79" s="967">
        <v>1</v>
      </c>
      <c r="K79" s="967">
        <v>6</v>
      </c>
      <c r="L79" s="967"/>
      <c r="M79" s="967">
        <v>2024</v>
      </c>
      <c r="N79" s="967"/>
      <c r="O79" s="967"/>
      <c r="P79" s="967"/>
      <c r="Q79" s="967"/>
      <c r="R79" s="965" t="s">
        <v>5053</v>
      </c>
    </row>
    <row r="80" spans="1:26" ht="180">
      <c r="A80" s="14" t="s">
        <v>2822</v>
      </c>
      <c r="B80" s="983" t="s">
        <v>5064</v>
      </c>
      <c r="C80" s="971" t="s">
        <v>15</v>
      </c>
      <c r="D80" s="984" t="s">
        <v>5065</v>
      </c>
      <c r="E80" s="988" t="s">
        <v>5066</v>
      </c>
      <c r="F80" s="980">
        <v>45757</v>
      </c>
      <c r="G80" s="980" t="s">
        <v>5067</v>
      </c>
      <c r="H80" s="971" t="s">
        <v>10</v>
      </c>
      <c r="I80" s="971"/>
      <c r="J80" s="971">
        <v>3</v>
      </c>
      <c r="K80" s="971">
        <v>9</v>
      </c>
      <c r="L80" s="971"/>
      <c r="M80" s="971"/>
      <c r="N80" s="971"/>
      <c r="O80" s="967"/>
      <c r="P80" s="967"/>
      <c r="Q80" s="967"/>
      <c r="R80" s="965" t="s">
        <v>5053</v>
      </c>
      <c r="Z80" s="983"/>
    </row>
    <row r="81" spans="1:17" ht="43.5" customHeight="1">
      <c r="A81" s="14"/>
      <c r="B81" s="1263" t="s">
        <v>16</v>
      </c>
      <c r="C81" s="1260"/>
      <c r="D81" s="1260"/>
      <c r="E81" s="1260"/>
      <c r="F81" s="1260"/>
      <c r="G81" s="1260"/>
      <c r="H81" s="1260"/>
      <c r="I81" s="1261"/>
      <c r="J81" s="1260"/>
      <c r="K81" s="1260"/>
      <c r="L81" s="1260"/>
      <c r="M81" s="1260"/>
      <c r="N81" s="1260"/>
      <c r="O81" s="1260"/>
      <c r="P81" s="1260"/>
      <c r="Q81" s="1260"/>
    </row>
    <row r="82" spans="1:17" ht="120" customHeight="1">
      <c r="A82" s="991" t="s">
        <v>975</v>
      </c>
      <c r="B82" s="992" t="s">
        <v>1783</v>
      </c>
      <c r="C82" s="992"/>
      <c r="D82" s="992" t="s">
        <v>1784</v>
      </c>
      <c r="E82" s="993" t="s">
        <v>1785</v>
      </c>
      <c r="F82" s="994" t="s">
        <v>1786</v>
      </c>
      <c r="G82" s="995" t="s">
        <v>1787</v>
      </c>
      <c r="H82" s="992"/>
      <c r="I82" s="1113"/>
      <c r="J82" s="992"/>
      <c r="K82" s="992"/>
      <c r="L82" s="992"/>
      <c r="M82" s="992"/>
      <c r="N82" s="992"/>
      <c r="O82" s="992"/>
      <c r="P82" s="992"/>
      <c r="Q82" s="992" t="s">
        <v>1134</v>
      </c>
    </row>
    <row r="83" spans="1:17" ht="120" customHeight="1">
      <c r="A83" s="991" t="s">
        <v>966</v>
      </c>
      <c r="B83" s="992" t="s">
        <v>1788</v>
      </c>
      <c r="C83" s="992"/>
      <c r="D83" s="992" t="s">
        <v>1789</v>
      </c>
      <c r="E83" s="993"/>
      <c r="F83" s="996" t="s">
        <v>1790</v>
      </c>
      <c r="G83" s="995" t="s">
        <v>1791</v>
      </c>
      <c r="H83" s="992"/>
      <c r="I83" s="1113"/>
      <c r="J83" s="991" t="s">
        <v>1790</v>
      </c>
      <c r="K83" s="991" t="s">
        <v>1790</v>
      </c>
      <c r="L83" s="991" t="s">
        <v>1790</v>
      </c>
      <c r="M83" s="991"/>
      <c r="N83" s="991"/>
      <c r="O83" s="991" t="s">
        <v>1790</v>
      </c>
      <c r="P83" s="991" t="s">
        <v>1790</v>
      </c>
      <c r="Q83" s="992" t="s">
        <v>1134</v>
      </c>
    </row>
    <row r="84" spans="1:17" ht="120" customHeight="1">
      <c r="A84" s="991" t="s">
        <v>1233</v>
      </c>
      <c r="B84" s="992" t="s">
        <v>1792</v>
      </c>
      <c r="C84" s="992"/>
      <c r="D84" s="992" t="s">
        <v>1793</v>
      </c>
      <c r="E84" s="991" t="s">
        <v>1794</v>
      </c>
      <c r="F84" s="992"/>
      <c r="G84" s="995" t="s">
        <v>1795</v>
      </c>
      <c r="H84" s="992"/>
      <c r="I84" s="1113"/>
      <c r="J84" s="992"/>
      <c r="K84" s="992"/>
      <c r="L84" s="992" t="s">
        <v>199</v>
      </c>
      <c r="M84" s="992"/>
      <c r="N84" s="992"/>
      <c r="O84" s="996" t="s">
        <v>1796</v>
      </c>
      <c r="P84" s="992" t="s">
        <v>1797</v>
      </c>
      <c r="Q84" s="992" t="s">
        <v>1134</v>
      </c>
    </row>
    <row r="85" spans="1:17" ht="120" customHeight="1">
      <c r="A85" s="991" t="s">
        <v>965</v>
      </c>
      <c r="B85" s="992" t="s">
        <v>1798</v>
      </c>
      <c r="C85" s="992"/>
      <c r="D85" s="992" t="s">
        <v>1799</v>
      </c>
      <c r="E85" s="991"/>
      <c r="F85" s="996" t="s">
        <v>199</v>
      </c>
      <c r="G85" s="992" t="s">
        <v>1800</v>
      </c>
      <c r="H85" s="992"/>
      <c r="I85" s="1113"/>
      <c r="J85" s="992" t="s">
        <v>199</v>
      </c>
      <c r="K85" s="992" t="s">
        <v>199</v>
      </c>
      <c r="L85" s="992"/>
      <c r="M85" s="992"/>
      <c r="N85" s="992"/>
      <c r="O85" s="992"/>
      <c r="P85" s="992"/>
      <c r="Q85" s="992" t="s">
        <v>1134</v>
      </c>
    </row>
    <row r="86" spans="1:17" ht="120" customHeight="1">
      <c r="A86" s="991" t="s">
        <v>1069</v>
      </c>
      <c r="B86" s="992" t="s">
        <v>1801</v>
      </c>
      <c r="C86" s="992"/>
      <c r="D86" s="992" t="s">
        <v>199</v>
      </c>
      <c r="E86" s="991"/>
      <c r="F86" s="996" t="s">
        <v>199</v>
      </c>
      <c r="G86" s="992" t="s">
        <v>1802</v>
      </c>
      <c r="H86" s="992"/>
      <c r="I86" s="1113"/>
      <c r="J86" s="992" t="s">
        <v>199</v>
      </c>
      <c r="K86" s="992" t="s">
        <v>199</v>
      </c>
      <c r="L86" s="992" t="s">
        <v>199</v>
      </c>
      <c r="M86" s="992"/>
      <c r="N86" s="992"/>
      <c r="O86" s="992"/>
      <c r="P86" s="992"/>
      <c r="Q86" s="992" t="s">
        <v>1134</v>
      </c>
    </row>
    <row r="87" spans="1:17" ht="120" customHeight="1">
      <c r="A87" s="991" t="s">
        <v>1521</v>
      </c>
      <c r="B87" s="992" t="s">
        <v>1803</v>
      </c>
      <c r="C87" s="992"/>
      <c r="D87" s="992" t="s">
        <v>1804</v>
      </c>
      <c r="E87" s="991"/>
      <c r="F87" s="996" t="s">
        <v>199</v>
      </c>
      <c r="G87" s="992" t="s">
        <v>1805</v>
      </c>
      <c r="H87" s="992"/>
      <c r="I87" s="1113"/>
      <c r="J87" s="992" t="s">
        <v>199</v>
      </c>
      <c r="K87" s="992" t="s">
        <v>199</v>
      </c>
      <c r="L87" s="992" t="s">
        <v>199</v>
      </c>
      <c r="M87" s="992"/>
      <c r="N87" s="992"/>
      <c r="O87" s="992"/>
      <c r="P87" s="992"/>
      <c r="Q87" s="992" t="s">
        <v>1134</v>
      </c>
    </row>
    <row r="88" spans="1:17" ht="120" customHeight="1">
      <c r="A88" s="991" t="s">
        <v>1109</v>
      </c>
      <c r="B88" s="992" t="s">
        <v>1806</v>
      </c>
      <c r="C88" s="992"/>
      <c r="D88" s="992" t="s">
        <v>53</v>
      </c>
      <c r="E88" s="993"/>
      <c r="F88" s="992"/>
      <c r="G88" s="995" t="s">
        <v>1807</v>
      </c>
      <c r="H88" s="992"/>
      <c r="I88" s="1113"/>
      <c r="J88" s="992" t="s">
        <v>199</v>
      </c>
      <c r="K88" s="992" t="s">
        <v>199</v>
      </c>
      <c r="L88" s="992" t="s">
        <v>199</v>
      </c>
      <c r="M88" s="992"/>
      <c r="N88" s="992"/>
      <c r="O88" s="996" t="s">
        <v>1808</v>
      </c>
      <c r="P88" s="992" t="s">
        <v>1809</v>
      </c>
      <c r="Q88" s="992" t="s">
        <v>1134</v>
      </c>
    </row>
    <row r="89" spans="1:17" ht="120" customHeight="1">
      <c r="A89" s="991" t="s">
        <v>1042</v>
      </c>
      <c r="B89" s="992" t="s">
        <v>1810</v>
      </c>
      <c r="C89" s="992"/>
      <c r="D89" s="992" t="s">
        <v>1811</v>
      </c>
      <c r="E89" s="991" t="s">
        <v>1812</v>
      </c>
      <c r="F89" s="996"/>
      <c r="G89" s="992" t="s">
        <v>1813</v>
      </c>
      <c r="H89" s="992"/>
      <c r="I89" s="1113"/>
      <c r="J89" s="992"/>
      <c r="K89" s="992"/>
      <c r="L89" s="992"/>
      <c r="M89" s="992"/>
      <c r="N89" s="992"/>
      <c r="O89" s="997" t="s">
        <v>1814</v>
      </c>
      <c r="P89" s="992"/>
      <c r="Q89" s="992" t="s">
        <v>1134</v>
      </c>
    </row>
    <row r="90" spans="1:17" ht="120" customHeight="1">
      <c r="A90" s="991" t="s">
        <v>1176</v>
      </c>
      <c r="B90" s="992" t="s">
        <v>1815</v>
      </c>
      <c r="C90" s="992"/>
      <c r="D90" s="992" t="s">
        <v>1816</v>
      </c>
      <c r="E90" s="991" t="s">
        <v>1817</v>
      </c>
      <c r="F90" s="996"/>
      <c r="G90" s="992" t="s">
        <v>1818</v>
      </c>
      <c r="H90" s="992"/>
      <c r="I90" s="1113"/>
      <c r="J90" s="992"/>
      <c r="K90" s="992"/>
      <c r="L90" s="992"/>
      <c r="M90" s="992"/>
      <c r="N90" s="992"/>
      <c r="O90" s="997" t="s">
        <v>1819</v>
      </c>
      <c r="P90" s="992"/>
      <c r="Q90" s="992" t="s">
        <v>1134</v>
      </c>
    </row>
    <row r="91" spans="1:17" ht="120" customHeight="1">
      <c r="A91" s="991" t="s">
        <v>1141</v>
      </c>
      <c r="B91" s="992" t="s">
        <v>1820</v>
      </c>
      <c r="C91" s="992"/>
      <c r="D91" s="992" t="s">
        <v>1821</v>
      </c>
      <c r="E91" s="991" t="s">
        <v>1822</v>
      </c>
      <c r="F91" s="996"/>
      <c r="G91" s="992" t="s">
        <v>1823</v>
      </c>
      <c r="H91" s="992"/>
      <c r="I91" s="1113"/>
      <c r="J91" s="992"/>
      <c r="K91" s="992"/>
      <c r="L91" s="992"/>
      <c r="M91" s="992"/>
      <c r="N91" s="992"/>
      <c r="O91" s="992"/>
      <c r="P91" s="992"/>
      <c r="Q91" s="992" t="s">
        <v>1134</v>
      </c>
    </row>
    <row r="92" spans="1:17" ht="120" customHeight="1">
      <c r="A92" s="991" t="s">
        <v>1008</v>
      </c>
      <c r="B92" s="992" t="s">
        <v>1824</v>
      </c>
      <c r="C92" s="992" t="s">
        <v>53</v>
      </c>
      <c r="D92" s="992" t="s">
        <v>1825</v>
      </c>
      <c r="E92" s="991"/>
      <c r="F92" s="996"/>
      <c r="G92" s="991"/>
      <c r="H92" s="992"/>
      <c r="I92" s="1113"/>
      <c r="J92" s="992">
        <v>4</v>
      </c>
      <c r="K92" s="992">
        <v>47</v>
      </c>
      <c r="L92" s="992" t="s">
        <v>199</v>
      </c>
      <c r="M92" s="992"/>
      <c r="N92" s="992"/>
      <c r="O92" s="992" t="s">
        <v>1826</v>
      </c>
      <c r="P92" s="992" t="s">
        <v>199</v>
      </c>
      <c r="Q92" s="992" t="s">
        <v>1134</v>
      </c>
    </row>
    <row r="93" spans="1:17" ht="75">
      <c r="A93" s="991" t="s">
        <v>1496</v>
      </c>
      <c r="B93" s="992" t="s">
        <v>1827</v>
      </c>
      <c r="C93" s="992"/>
      <c r="D93" s="992" t="s">
        <v>1828</v>
      </c>
      <c r="E93" s="991"/>
      <c r="F93" s="996"/>
      <c r="G93" s="998" t="s">
        <v>1829</v>
      </c>
      <c r="H93" s="992"/>
      <c r="I93" s="1113"/>
      <c r="J93" s="992">
        <v>1</v>
      </c>
      <c r="K93" s="992">
        <v>8</v>
      </c>
      <c r="L93" s="992"/>
      <c r="M93" s="992"/>
      <c r="N93" s="992"/>
      <c r="O93" s="992" t="s">
        <v>1830</v>
      </c>
      <c r="P93" s="992"/>
      <c r="Q93" s="992" t="s">
        <v>1831</v>
      </c>
    </row>
    <row r="94" spans="1:17" ht="60">
      <c r="A94" s="991" t="s">
        <v>1167</v>
      </c>
      <c r="B94" s="992" t="s">
        <v>1832</v>
      </c>
      <c r="C94" s="992"/>
      <c r="D94" s="997" t="s">
        <v>1833</v>
      </c>
      <c r="E94" s="991"/>
      <c r="F94" s="996"/>
      <c r="G94" s="991" t="s">
        <v>1834</v>
      </c>
      <c r="H94" s="992"/>
      <c r="I94" s="1113"/>
      <c r="J94" s="992">
        <v>1</v>
      </c>
      <c r="K94" s="992">
        <v>8</v>
      </c>
      <c r="L94" s="992"/>
      <c r="M94" s="992"/>
      <c r="N94" s="992"/>
      <c r="O94" s="992" t="s">
        <v>1835</v>
      </c>
      <c r="P94" s="992"/>
      <c r="Q94" s="992" t="s">
        <v>1831</v>
      </c>
    </row>
    <row r="95" spans="1:17" ht="105">
      <c r="A95" s="991" t="s">
        <v>240</v>
      </c>
      <c r="B95" s="992" t="s">
        <v>1836</v>
      </c>
      <c r="C95" s="992"/>
      <c r="D95" s="992" t="s">
        <v>1837</v>
      </c>
      <c r="E95" s="991"/>
      <c r="F95" s="996"/>
      <c r="G95" s="991"/>
      <c r="H95" s="992" t="s">
        <v>10</v>
      </c>
      <c r="I95" s="1113"/>
      <c r="J95" s="992">
        <v>2</v>
      </c>
      <c r="K95" s="992">
        <v>14</v>
      </c>
      <c r="L95" s="992">
        <v>1</v>
      </c>
      <c r="M95" s="992">
        <v>2021</v>
      </c>
      <c r="N95" s="992"/>
      <c r="O95" s="992"/>
      <c r="P95" s="992"/>
      <c r="Q95" s="992" t="s">
        <v>1838</v>
      </c>
    </row>
    <row r="96" spans="1:17">
      <c r="A96" s="999"/>
      <c r="B96" s="1000"/>
      <c r="C96" s="1000"/>
      <c r="D96" s="1000"/>
      <c r="E96" s="999"/>
      <c r="F96" s="1001"/>
      <c r="G96" s="999"/>
      <c r="H96" s="1000"/>
      <c r="I96" s="1000"/>
      <c r="J96" s="1000"/>
      <c r="K96" s="1000"/>
      <c r="L96" s="1000"/>
      <c r="M96" s="1000"/>
      <c r="N96" s="1000"/>
      <c r="O96" s="1000"/>
      <c r="P96" s="1000"/>
      <c r="Q96" s="1000"/>
    </row>
    <row r="97" spans="1:17">
      <c r="A97" s="999"/>
      <c r="B97" s="1000"/>
      <c r="C97" s="1000"/>
      <c r="D97" s="1000"/>
      <c r="E97" s="999"/>
      <c r="F97" s="1001"/>
      <c r="G97" s="999"/>
      <c r="H97" s="1000"/>
      <c r="I97" s="1000"/>
      <c r="J97" s="1000"/>
      <c r="K97" s="1000"/>
      <c r="L97" s="1000"/>
      <c r="M97" s="1000"/>
      <c r="N97" s="1000"/>
      <c r="O97" s="1000"/>
      <c r="P97" s="1000"/>
      <c r="Q97" s="1000"/>
    </row>
    <row r="99" spans="1:17" s="45" customFormat="1" ht="90">
      <c r="A99" s="109">
        <v>2</v>
      </c>
      <c r="B99" s="43" t="s">
        <v>1839</v>
      </c>
      <c r="C99" s="43" t="s">
        <v>15</v>
      </c>
      <c r="D99" s="43" t="s">
        <v>1840</v>
      </c>
      <c r="E99" s="44" t="s">
        <v>1841</v>
      </c>
      <c r="F99" s="13">
        <v>44158</v>
      </c>
      <c r="G99" s="44" t="s">
        <v>383</v>
      </c>
      <c r="H99" s="43"/>
      <c r="I99" s="1114"/>
      <c r="J99" s="40"/>
      <c r="K99" s="40"/>
      <c r="L99" s="40"/>
      <c r="M99" s="42" t="s">
        <v>199</v>
      </c>
      <c r="N99" s="43"/>
      <c r="O99" s="43" t="s">
        <v>1842</v>
      </c>
      <c r="P99" s="43" t="s">
        <v>1283</v>
      </c>
      <c r="Q99" s="43"/>
    </row>
    <row r="100" spans="1:17" s="45" customFormat="1" ht="225">
      <c r="A100" s="109">
        <f>A99+1</f>
        <v>3</v>
      </c>
      <c r="B100" s="43" t="s">
        <v>1843</v>
      </c>
      <c r="C100" s="43" t="s">
        <v>15</v>
      </c>
      <c r="D100" s="43" t="s">
        <v>1844</v>
      </c>
      <c r="E100" s="44" t="s">
        <v>1845</v>
      </c>
      <c r="F100" s="13">
        <v>38105</v>
      </c>
      <c r="G100" s="43" t="s">
        <v>1846</v>
      </c>
      <c r="H100" s="43"/>
      <c r="I100" s="1114"/>
      <c r="J100" s="40"/>
      <c r="K100" s="40"/>
      <c r="L100" s="40"/>
      <c r="M100" s="42" t="s">
        <v>199</v>
      </c>
      <c r="N100" s="43"/>
      <c r="O100" s="43" t="s">
        <v>1847</v>
      </c>
      <c r="P100" s="43" t="s">
        <v>1283</v>
      </c>
      <c r="Q100" s="43"/>
    </row>
    <row r="101" spans="1:17" s="45" customFormat="1" ht="225">
      <c r="A101" s="109">
        <v>4</v>
      </c>
      <c r="B101" s="43" t="s">
        <v>1848</v>
      </c>
      <c r="C101" s="43" t="s">
        <v>15</v>
      </c>
      <c r="D101" s="43" t="s">
        <v>1844</v>
      </c>
      <c r="E101" s="44" t="s">
        <v>1845</v>
      </c>
      <c r="F101" s="13">
        <v>44648</v>
      </c>
      <c r="G101" s="43" t="s">
        <v>1846</v>
      </c>
      <c r="H101" s="43"/>
      <c r="I101" s="1114"/>
      <c r="J101" s="40"/>
      <c r="K101" s="40"/>
      <c r="L101" s="40"/>
      <c r="M101" s="42" t="s">
        <v>199</v>
      </c>
      <c r="N101" s="43"/>
      <c r="O101" s="43" t="s">
        <v>1847</v>
      </c>
      <c r="P101" s="43" t="s">
        <v>1283</v>
      </c>
      <c r="Q101" s="43"/>
    </row>
    <row r="102" spans="1:17" s="45" customFormat="1" ht="216" customHeight="1">
      <c r="A102" s="109">
        <f>A101+1</f>
        <v>5</v>
      </c>
      <c r="B102" s="43" t="s">
        <v>1849</v>
      </c>
      <c r="C102" s="43" t="s">
        <v>15</v>
      </c>
      <c r="D102" s="43" t="s">
        <v>1844</v>
      </c>
      <c r="E102" s="44" t="s">
        <v>1845</v>
      </c>
      <c r="F102" s="13">
        <v>44648</v>
      </c>
      <c r="G102" s="43" t="s">
        <v>1846</v>
      </c>
      <c r="H102" s="43"/>
      <c r="I102" s="1114"/>
      <c r="J102" s="40"/>
      <c r="K102" s="40"/>
      <c r="L102" s="40"/>
      <c r="M102" s="42" t="s">
        <v>199</v>
      </c>
      <c r="N102" s="43"/>
      <c r="O102" s="43" t="s">
        <v>1847</v>
      </c>
      <c r="P102" s="43" t="s">
        <v>1283</v>
      </c>
      <c r="Q102" s="43"/>
    </row>
    <row r="103" spans="1:17" ht="135">
      <c r="A103" s="109">
        <v>5</v>
      </c>
      <c r="B103" s="42" t="s">
        <v>1850</v>
      </c>
      <c r="C103" s="42" t="s">
        <v>15</v>
      </c>
      <c r="D103" s="42" t="s">
        <v>1851</v>
      </c>
      <c r="E103" s="44" t="s">
        <v>1852</v>
      </c>
      <c r="F103" s="14" t="s">
        <v>1853</v>
      </c>
      <c r="G103" s="110" t="s">
        <v>1854</v>
      </c>
      <c r="H103" s="42"/>
      <c r="I103" s="965"/>
      <c r="J103" s="12">
        <v>1</v>
      </c>
      <c r="K103" s="12">
        <v>4</v>
      </c>
      <c r="L103" s="12"/>
      <c r="M103" s="42" t="s">
        <v>199</v>
      </c>
      <c r="N103" s="42"/>
      <c r="O103" s="42" t="s">
        <v>1855</v>
      </c>
      <c r="P103" s="42"/>
      <c r="Q103" s="42"/>
    </row>
    <row r="104" spans="1:17" s="45" customFormat="1" ht="75">
      <c r="A104" s="109">
        <v>7</v>
      </c>
      <c r="B104" s="43" t="s">
        <v>1856</v>
      </c>
      <c r="C104" s="43" t="s">
        <v>27</v>
      </c>
      <c r="D104" s="43" t="s">
        <v>1857</v>
      </c>
      <c r="E104" s="44" t="s">
        <v>1858</v>
      </c>
      <c r="F104" s="13">
        <v>44691</v>
      </c>
      <c r="G104" s="43"/>
      <c r="H104" s="43"/>
      <c r="I104" s="1114"/>
      <c r="J104" s="40"/>
      <c r="K104" s="40"/>
      <c r="L104" s="40"/>
      <c r="M104" s="42" t="s">
        <v>199</v>
      </c>
      <c r="N104" s="43"/>
      <c r="O104" s="43"/>
      <c r="P104" s="43" t="s">
        <v>1283</v>
      </c>
      <c r="Q104" s="43"/>
    </row>
    <row r="105" spans="1:17" s="45" customFormat="1" ht="90">
      <c r="A105" s="109">
        <v>8</v>
      </c>
      <c r="B105" s="43" t="s">
        <v>1859</v>
      </c>
      <c r="C105" s="43" t="s">
        <v>27</v>
      </c>
      <c r="D105" s="42" t="s">
        <v>1860</v>
      </c>
      <c r="E105" s="44" t="s">
        <v>1861</v>
      </c>
      <c r="F105" s="13">
        <v>44712</v>
      </c>
      <c r="G105" s="43"/>
      <c r="H105" s="43"/>
      <c r="I105" s="1114"/>
      <c r="J105" s="40">
        <v>1</v>
      </c>
      <c r="K105" s="40">
        <v>7</v>
      </c>
      <c r="L105" s="40"/>
      <c r="M105" s="42" t="s">
        <v>199</v>
      </c>
      <c r="N105" s="43"/>
      <c r="O105" s="42" t="s">
        <v>1862</v>
      </c>
      <c r="P105" s="43" t="s">
        <v>1283</v>
      </c>
      <c r="Q105" s="43"/>
    </row>
    <row r="106" spans="1:17" s="45" customFormat="1" ht="87.75" customHeight="1">
      <c r="A106" s="109">
        <f>A105+1</f>
        <v>9</v>
      </c>
      <c r="B106" s="43" t="s">
        <v>1863</v>
      </c>
      <c r="C106" s="43" t="s">
        <v>27</v>
      </c>
      <c r="D106" s="42" t="s">
        <v>1864</v>
      </c>
      <c r="E106" s="44" t="s">
        <v>1865</v>
      </c>
      <c r="F106" s="13">
        <v>44706</v>
      </c>
      <c r="H106" s="43"/>
      <c r="I106" s="1114"/>
      <c r="J106" s="40"/>
      <c r="K106" s="40"/>
      <c r="L106" s="40"/>
      <c r="M106" s="42" t="s">
        <v>199</v>
      </c>
      <c r="N106" s="43"/>
      <c r="O106" s="43"/>
      <c r="P106" s="43" t="s">
        <v>1283</v>
      </c>
      <c r="Q106" s="43"/>
    </row>
    <row r="107" spans="1:17" ht="90">
      <c r="A107" s="109">
        <v>10</v>
      </c>
      <c r="B107" s="42" t="s">
        <v>1866</v>
      </c>
      <c r="C107" s="42"/>
      <c r="D107" s="42" t="s">
        <v>1867</v>
      </c>
      <c r="E107" s="44"/>
      <c r="F107" s="13"/>
      <c r="G107" s="44" t="s">
        <v>1868</v>
      </c>
      <c r="H107" s="42"/>
      <c r="I107" s="965"/>
      <c r="J107" s="12">
        <v>1</v>
      </c>
      <c r="K107" s="12">
        <v>7</v>
      </c>
      <c r="L107" s="12"/>
      <c r="M107" s="42" t="s">
        <v>199</v>
      </c>
      <c r="N107" s="42"/>
      <c r="O107" s="42" t="s">
        <v>1869</v>
      </c>
      <c r="P107" s="42"/>
      <c r="Q107" s="42"/>
    </row>
    <row r="108" spans="1:17" ht="105">
      <c r="A108" s="109">
        <v>11</v>
      </c>
      <c r="B108" s="42" t="s">
        <v>1870</v>
      </c>
      <c r="C108" s="12"/>
      <c r="D108" s="42" t="s">
        <v>1871</v>
      </c>
      <c r="E108" s="14"/>
      <c r="F108" s="13"/>
      <c r="G108" s="14" t="s">
        <v>1872</v>
      </c>
      <c r="H108" s="12"/>
      <c r="I108" s="1115"/>
      <c r="J108" s="12">
        <v>1</v>
      </c>
      <c r="K108" s="12">
        <v>6</v>
      </c>
      <c r="L108" s="12"/>
      <c r="M108" s="42" t="s">
        <v>199</v>
      </c>
      <c r="N108" s="12"/>
      <c r="O108" s="42" t="s">
        <v>1873</v>
      </c>
      <c r="P108" s="12"/>
      <c r="Q108" s="42"/>
    </row>
    <row r="109" spans="1:17" ht="150">
      <c r="A109" s="109">
        <v>12</v>
      </c>
      <c r="B109" s="42" t="s">
        <v>1874</v>
      </c>
      <c r="C109" s="12"/>
      <c r="D109" s="42" t="s">
        <v>1875</v>
      </c>
      <c r="E109" s="14"/>
      <c r="F109" s="13"/>
      <c r="G109" s="44" t="s">
        <v>1876</v>
      </c>
      <c r="H109" s="12"/>
      <c r="I109" s="1115"/>
      <c r="J109" s="12">
        <v>1</v>
      </c>
      <c r="K109" s="12">
        <v>4</v>
      </c>
      <c r="L109" s="12"/>
      <c r="M109" s="42" t="s">
        <v>199</v>
      </c>
      <c r="N109" s="12"/>
      <c r="O109" s="12" t="s">
        <v>1877</v>
      </c>
      <c r="P109" s="12"/>
      <c r="Q109" s="42"/>
    </row>
    <row r="110" spans="1:17" ht="105">
      <c r="A110" s="109">
        <v>13</v>
      </c>
      <c r="B110" s="42" t="s">
        <v>1878</v>
      </c>
      <c r="C110" s="42"/>
      <c r="D110" s="42" t="s">
        <v>1879</v>
      </c>
      <c r="E110" s="44"/>
      <c r="F110" s="13"/>
      <c r="G110" s="44" t="s">
        <v>1880</v>
      </c>
      <c r="H110" s="42"/>
      <c r="I110" s="965"/>
      <c r="J110" s="12">
        <v>1</v>
      </c>
      <c r="K110" s="12">
        <v>7</v>
      </c>
      <c r="L110" s="12"/>
      <c r="M110" s="42" t="s">
        <v>199</v>
      </c>
      <c r="N110" s="42"/>
      <c r="O110" s="42" t="s">
        <v>1881</v>
      </c>
      <c r="P110" s="42"/>
      <c r="Q110" s="42"/>
    </row>
    <row r="111" spans="1:17" ht="60">
      <c r="A111" s="109">
        <v>14</v>
      </c>
      <c r="B111" s="42" t="s">
        <v>1882</v>
      </c>
      <c r="C111" s="42"/>
      <c r="D111" s="42" t="s">
        <v>1883</v>
      </c>
      <c r="E111" s="44"/>
      <c r="F111" s="13"/>
      <c r="G111" s="44" t="s">
        <v>1884</v>
      </c>
      <c r="H111" s="42"/>
      <c r="I111" s="965"/>
      <c r="J111" s="12">
        <v>1</v>
      </c>
      <c r="K111" s="12">
        <v>5</v>
      </c>
      <c r="L111" s="12"/>
      <c r="M111" s="42" t="s">
        <v>199</v>
      </c>
      <c r="N111" s="42"/>
      <c r="O111" s="42" t="s">
        <v>1885</v>
      </c>
      <c r="P111" s="42"/>
      <c r="Q111" s="42"/>
    </row>
    <row r="112" spans="1:17" ht="105">
      <c r="A112" s="109">
        <v>15</v>
      </c>
      <c r="B112" s="42" t="s">
        <v>1886</v>
      </c>
      <c r="C112" s="42"/>
      <c r="D112" s="42" t="s">
        <v>1887</v>
      </c>
      <c r="E112" s="44"/>
      <c r="F112" s="13"/>
      <c r="G112" s="44" t="s">
        <v>1888</v>
      </c>
      <c r="H112" s="42"/>
      <c r="I112" s="965"/>
      <c r="J112" s="12">
        <v>1</v>
      </c>
      <c r="K112" s="12">
        <v>7</v>
      </c>
      <c r="L112" s="12"/>
      <c r="M112" s="42" t="s">
        <v>199</v>
      </c>
      <c r="N112" s="42"/>
      <c r="O112" s="42" t="s">
        <v>1889</v>
      </c>
      <c r="P112" s="42"/>
      <c r="Q112" s="42"/>
    </row>
    <row r="113" spans="1:17" ht="105">
      <c r="A113" s="109">
        <v>16</v>
      </c>
      <c r="B113" s="42" t="s">
        <v>1890</v>
      </c>
      <c r="C113" s="42"/>
      <c r="D113" s="42"/>
      <c r="E113" s="44"/>
      <c r="F113" s="13"/>
      <c r="G113" s="44" t="s">
        <v>1891</v>
      </c>
      <c r="H113" s="42"/>
      <c r="I113" s="965"/>
      <c r="J113" s="12">
        <v>1</v>
      </c>
      <c r="K113" s="12">
        <v>5</v>
      </c>
      <c r="L113" s="12"/>
      <c r="M113" s="42" t="s">
        <v>199</v>
      </c>
      <c r="N113" s="42"/>
      <c r="O113" s="42"/>
      <c r="P113" s="42"/>
      <c r="Q113" s="42" t="s">
        <v>1892</v>
      </c>
    </row>
    <row r="114" spans="1:17" ht="105">
      <c r="A114" s="109">
        <v>18</v>
      </c>
      <c r="B114" s="42" t="s">
        <v>1893</v>
      </c>
      <c r="C114" s="42"/>
      <c r="D114" s="42" t="s">
        <v>1894</v>
      </c>
      <c r="E114" s="44"/>
      <c r="F114" s="13"/>
      <c r="G114" s="44" t="s">
        <v>1895</v>
      </c>
      <c r="H114" s="42"/>
      <c r="I114" s="965"/>
      <c r="J114" s="12">
        <v>1</v>
      </c>
      <c r="K114" s="12" t="s">
        <v>1896</v>
      </c>
      <c r="L114" s="12"/>
      <c r="M114" s="42" t="s">
        <v>199</v>
      </c>
      <c r="N114" s="42"/>
      <c r="O114" s="42" t="s">
        <v>1897</v>
      </c>
      <c r="P114" s="42"/>
      <c r="Q114" s="42"/>
    </row>
    <row r="115" spans="1:17" ht="105">
      <c r="A115" s="109">
        <v>19</v>
      </c>
      <c r="B115" s="42" t="s">
        <v>1898</v>
      </c>
      <c r="C115" s="42"/>
      <c r="D115" s="42" t="s">
        <v>1899</v>
      </c>
      <c r="E115" s="44"/>
      <c r="F115" s="13"/>
      <c r="G115" s="44" t="s">
        <v>1900</v>
      </c>
      <c r="H115" s="42"/>
      <c r="I115" s="965"/>
      <c r="J115" s="12">
        <v>1</v>
      </c>
      <c r="K115" s="12">
        <v>4</v>
      </c>
      <c r="L115" s="12"/>
      <c r="M115" s="42" t="s">
        <v>199</v>
      </c>
      <c r="N115" s="42"/>
      <c r="O115" s="42" t="s">
        <v>1901</v>
      </c>
      <c r="P115" s="42"/>
      <c r="Q115" s="42"/>
    </row>
    <row r="116" spans="1:17" ht="105">
      <c r="A116" s="109">
        <v>20</v>
      </c>
      <c r="B116" s="42" t="s">
        <v>1902</v>
      </c>
      <c r="C116" s="42"/>
      <c r="D116" s="42" t="s">
        <v>1903</v>
      </c>
      <c r="E116" s="44"/>
      <c r="F116" s="13"/>
      <c r="G116" s="44" t="s">
        <v>1904</v>
      </c>
      <c r="H116" s="42"/>
      <c r="I116" s="965"/>
      <c r="J116" s="12">
        <v>1</v>
      </c>
      <c r="K116" s="12">
        <v>4</v>
      </c>
      <c r="L116" s="12"/>
      <c r="M116" s="42" t="s">
        <v>199</v>
      </c>
      <c r="N116" s="42"/>
      <c r="O116" s="42" t="s">
        <v>1905</v>
      </c>
      <c r="P116" s="42"/>
      <c r="Q116" s="42"/>
    </row>
    <row r="117" spans="1:17" ht="105">
      <c r="A117" s="109">
        <v>21</v>
      </c>
      <c r="B117" s="42" t="s">
        <v>1906</v>
      </c>
      <c r="C117" s="42"/>
      <c r="D117" s="42" t="s">
        <v>1907</v>
      </c>
      <c r="E117" s="44"/>
      <c r="F117" s="13"/>
      <c r="G117" s="44" t="s">
        <v>1908</v>
      </c>
      <c r="H117" s="42"/>
      <c r="I117" s="965"/>
      <c r="J117" s="12">
        <v>1</v>
      </c>
      <c r="K117" s="12">
        <v>4</v>
      </c>
      <c r="L117" s="12"/>
      <c r="M117" s="42" t="s">
        <v>199</v>
      </c>
      <c r="N117" s="42"/>
      <c r="O117" s="42" t="s">
        <v>1909</v>
      </c>
      <c r="P117" s="42"/>
      <c r="Q117" s="42"/>
    </row>
    <row r="118" spans="1:17" ht="105">
      <c r="A118" s="109">
        <v>22</v>
      </c>
      <c r="B118" s="42" t="s">
        <v>1910</v>
      </c>
      <c r="C118" s="42"/>
      <c r="D118" s="42" t="s">
        <v>1911</v>
      </c>
      <c r="E118" s="44"/>
      <c r="F118" s="13"/>
      <c r="G118" s="44" t="s">
        <v>1912</v>
      </c>
      <c r="H118" s="12"/>
      <c r="I118" s="1115"/>
      <c r="J118" s="12">
        <v>1</v>
      </c>
      <c r="K118" s="12">
        <v>4</v>
      </c>
      <c r="L118" s="12"/>
      <c r="M118" s="42" t="s">
        <v>199</v>
      </c>
      <c r="O118" s="42" t="s">
        <v>1913</v>
      </c>
      <c r="P118" s="12"/>
      <c r="Q118" s="42"/>
    </row>
    <row r="119" spans="1:17" ht="105">
      <c r="A119" s="109">
        <v>23</v>
      </c>
      <c r="B119" s="42" t="s">
        <v>1914</v>
      </c>
      <c r="C119" s="42"/>
      <c r="D119" s="42" t="s">
        <v>1915</v>
      </c>
      <c r="E119" s="44"/>
      <c r="F119" s="13"/>
      <c r="G119" s="44" t="s">
        <v>1916</v>
      </c>
      <c r="H119" s="42"/>
      <c r="I119" s="965"/>
      <c r="J119" s="12">
        <v>1</v>
      </c>
      <c r="K119" s="12" t="s">
        <v>1896</v>
      </c>
      <c r="L119" s="12"/>
      <c r="M119" s="42" t="s">
        <v>199</v>
      </c>
      <c r="N119" s="42"/>
      <c r="O119" s="42" t="s">
        <v>1917</v>
      </c>
      <c r="P119" s="42"/>
      <c r="Q119" s="42"/>
    </row>
    <row r="120" spans="1:17" ht="105">
      <c r="A120" s="109">
        <v>24</v>
      </c>
      <c r="B120" s="42" t="s">
        <v>1918</v>
      </c>
      <c r="C120" s="42"/>
      <c r="D120" s="42" t="s">
        <v>1919</v>
      </c>
      <c r="E120" s="44"/>
      <c r="F120" s="13"/>
      <c r="G120" s="44" t="s">
        <v>1920</v>
      </c>
      <c r="H120" s="42"/>
      <c r="I120" s="965"/>
      <c r="J120" s="12">
        <v>1</v>
      </c>
      <c r="K120" s="12">
        <v>4</v>
      </c>
      <c r="L120" s="12"/>
      <c r="M120" s="42" t="s">
        <v>199</v>
      </c>
      <c r="N120" s="42"/>
      <c r="O120" s="42" t="s">
        <v>1921</v>
      </c>
      <c r="P120" s="42"/>
      <c r="Q120" s="42"/>
    </row>
    <row r="121" spans="1:17" ht="105">
      <c r="A121" s="109">
        <v>25</v>
      </c>
      <c r="B121" s="42" t="s">
        <v>1922</v>
      </c>
      <c r="C121" s="42" t="s">
        <v>53</v>
      </c>
      <c r="D121" s="42" t="s">
        <v>1923</v>
      </c>
      <c r="E121" s="44"/>
      <c r="F121" s="13"/>
      <c r="G121" s="44" t="s">
        <v>1924</v>
      </c>
      <c r="H121" s="42"/>
      <c r="I121" s="965"/>
      <c r="J121" s="12">
        <v>1</v>
      </c>
      <c r="K121" s="12" t="s">
        <v>1896</v>
      </c>
      <c r="L121" s="12"/>
      <c r="M121" s="42" t="s">
        <v>199</v>
      </c>
      <c r="N121" s="42"/>
      <c r="O121" s="42" t="s">
        <v>1925</v>
      </c>
      <c r="P121" s="42"/>
      <c r="Q121" s="42"/>
    </row>
    <row r="122" spans="1:17" ht="105">
      <c r="A122" s="109">
        <v>26</v>
      </c>
      <c r="B122" s="42" t="s">
        <v>1926</v>
      </c>
      <c r="C122" s="42"/>
      <c r="D122" s="42" t="s">
        <v>1927</v>
      </c>
      <c r="E122" s="44"/>
      <c r="F122" s="13"/>
      <c r="G122" s="44" t="s">
        <v>1928</v>
      </c>
      <c r="H122" s="42"/>
      <c r="I122" s="965"/>
      <c r="J122" s="12">
        <v>1</v>
      </c>
      <c r="K122" s="12">
        <v>6</v>
      </c>
      <c r="L122" s="12"/>
      <c r="M122" s="42" t="s">
        <v>199</v>
      </c>
      <c r="N122" s="42"/>
      <c r="O122" s="42"/>
      <c r="P122" s="42"/>
      <c r="Q122" s="42"/>
    </row>
    <row r="123" spans="1:17" ht="90">
      <c r="A123" s="109">
        <v>27</v>
      </c>
      <c r="B123" s="42" t="s">
        <v>1929</v>
      </c>
      <c r="C123" s="42"/>
      <c r="D123" s="42" t="s">
        <v>1930</v>
      </c>
      <c r="E123" s="44"/>
      <c r="F123" s="13"/>
      <c r="G123" s="44" t="s">
        <v>1931</v>
      </c>
      <c r="H123" s="42"/>
      <c r="I123" s="965"/>
      <c r="J123" s="12">
        <v>1</v>
      </c>
      <c r="K123" s="12">
        <v>4</v>
      </c>
      <c r="L123" s="12"/>
      <c r="M123" s="42" t="s">
        <v>199</v>
      </c>
      <c r="N123" s="42"/>
      <c r="O123" s="42" t="s">
        <v>1932</v>
      </c>
      <c r="P123" s="42"/>
      <c r="Q123" s="42"/>
    </row>
    <row r="124" spans="1:17" ht="90">
      <c r="A124" s="109">
        <v>28</v>
      </c>
      <c r="B124" s="42" t="s">
        <v>1933</v>
      </c>
      <c r="C124" s="42"/>
      <c r="D124" s="42" t="s">
        <v>1934</v>
      </c>
      <c r="E124" s="44"/>
      <c r="F124" s="13"/>
      <c r="G124" s="44" t="s">
        <v>1935</v>
      </c>
      <c r="H124" s="42"/>
      <c r="I124" s="965"/>
      <c r="J124" s="12">
        <v>1</v>
      </c>
      <c r="K124" s="12">
        <v>7</v>
      </c>
      <c r="L124" s="12"/>
      <c r="M124" s="42" t="s">
        <v>199</v>
      </c>
      <c r="N124" s="12"/>
      <c r="O124" s="42" t="s">
        <v>1936</v>
      </c>
      <c r="P124" s="42"/>
      <c r="Q124" s="42"/>
    </row>
    <row r="125" spans="1:17" ht="90">
      <c r="A125" s="109">
        <v>29</v>
      </c>
      <c r="B125" s="42" t="s">
        <v>1937</v>
      </c>
      <c r="C125" s="42"/>
      <c r="D125" s="42" t="s">
        <v>1938</v>
      </c>
      <c r="E125" s="44"/>
      <c r="F125" s="13"/>
      <c r="G125" s="44" t="s">
        <v>1939</v>
      </c>
      <c r="H125" s="42"/>
      <c r="I125" s="965"/>
      <c r="J125" s="12">
        <v>1</v>
      </c>
      <c r="K125" s="12">
        <v>6</v>
      </c>
      <c r="L125" s="12"/>
      <c r="M125" s="42" t="s">
        <v>199</v>
      </c>
      <c r="N125" s="12"/>
      <c r="O125" s="42" t="s">
        <v>1940</v>
      </c>
      <c r="P125" s="42"/>
      <c r="Q125" s="42"/>
    </row>
    <row r="126" spans="1:17" ht="165">
      <c r="A126" s="109">
        <v>31</v>
      </c>
      <c r="B126" s="42" t="s">
        <v>1941</v>
      </c>
      <c r="C126" s="42"/>
      <c r="D126" s="42" t="s">
        <v>1942</v>
      </c>
      <c r="E126" s="44"/>
      <c r="F126" s="13"/>
      <c r="G126" s="44" t="s">
        <v>1943</v>
      </c>
      <c r="H126" s="42"/>
      <c r="I126" s="965"/>
      <c r="J126" s="12">
        <v>1</v>
      </c>
      <c r="K126" s="12">
        <v>2</v>
      </c>
      <c r="L126" s="12"/>
      <c r="M126" s="42" t="s">
        <v>199</v>
      </c>
      <c r="N126" s="42"/>
      <c r="O126" s="42" t="s">
        <v>1944</v>
      </c>
      <c r="P126" s="42"/>
      <c r="Q126" s="42"/>
    </row>
    <row r="127" spans="1:17" ht="60">
      <c r="A127" s="109">
        <v>32</v>
      </c>
      <c r="B127" s="42" t="s">
        <v>1945</v>
      </c>
      <c r="C127" s="42"/>
      <c r="D127" s="42" t="s">
        <v>1946</v>
      </c>
      <c r="E127" s="44"/>
      <c r="F127" s="13"/>
      <c r="G127" s="44" t="s">
        <v>1947</v>
      </c>
      <c r="H127" s="42"/>
      <c r="I127" s="965"/>
      <c r="J127" s="12">
        <v>1</v>
      </c>
      <c r="K127" s="12">
        <v>5</v>
      </c>
      <c r="L127" s="12"/>
      <c r="M127" s="42" t="s">
        <v>199</v>
      </c>
      <c r="N127" s="42"/>
      <c r="O127" s="42" t="s">
        <v>1948</v>
      </c>
      <c r="P127" s="42"/>
      <c r="Q127" s="42"/>
    </row>
    <row r="128" spans="1:17" ht="210">
      <c r="A128" s="109">
        <v>33</v>
      </c>
      <c r="B128" s="42" t="s">
        <v>1949</v>
      </c>
      <c r="C128" s="42"/>
      <c r="D128" s="42" t="s">
        <v>1950</v>
      </c>
      <c r="E128" s="44"/>
      <c r="F128" s="13"/>
      <c r="G128" s="44" t="s">
        <v>1951</v>
      </c>
      <c r="H128" s="42"/>
      <c r="I128" s="965"/>
      <c r="J128" s="12">
        <v>1</v>
      </c>
      <c r="K128" s="12">
        <v>6</v>
      </c>
      <c r="L128" s="12"/>
      <c r="M128" s="42" t="s">
        <v>199</v>
      </c>
      <c r="N128" s="42"/>
      <c r="O128" s="42" t="s">
        <v>1952</v>
      </c>
      <c r="P128" s="42"/>
      <c r="Q128" s="42"/>
    </row>
    <row r="129" spans="1:17" ht="210">
      <c r="A129" s="109">
        <v>34</v>
      </c>
      <c r="B129" s="42" t="s">
        <v>1953</v>
      </c>
      <c r="C129" s="42"/>
      <c r="D129" s="42" t="s">
        <v>1954</v>
      </c>
      <c r="E129" s="44"/>
      <c r="F129" s="13"/>
      <c r="G129" s="44" t="s">
        <v>1955</v>
      </c>
      <c r="H129" s="42"/>
      <c r="I129" s="965"/>
      <c r="J129" s="12">
        <v>1</v>
      </c>
      <c r="K129" s="12">
        <v>4</v>
      </c>
      <c r="L129" s="12"/>
      <c r="M129" s="42" t="s">
        <v>199</v>
      </c>
      <c r="N129" s="42"/>
      <c r="O129" s="42" t="s">
        <v>1956</v>
      </c>
      <c r="P129" s="42"/>
      <c r="Q129" s="42"/>
    </row>
    <row r="130" spans="1:17" ht="111.75" customHeight="1">
      <c r="A130" s="109">
        <v>35</v>
      </c>
      <c r="B130" s="42" t="s">
        <v>1957</v>
      </c>
      <c r="C130" s="42"/>
      <c r="D130" s="42" t="s">
        <v>1958</v>
      </c>
      <c r="E130" s="44"/>
      <c r="F130" s="13"/>
      <c r="G130" s="44" t="s">
        <v>1959</v>
      </c>
      <c r="H130" s="42"/>
      <c r="I130" s="965"/>
      <c r="J130" s="12">
        <v>1</v>
      </c>
      <c r="K130" s="12">
        <v>5</v>
      </c>
      <c r="L130" s="12"/>
      <c r="M130" s="42" t="s">
        <v>199</v>
      </c>
      <c r="N130" s="42"/>
      <c r="O130" s="42" t="s">
        <v>1960</v>
      </c>
      <c r="P130" s="42"/>
      <c r="Q130" s="42"/>
    </row>
    <row r="131" spans="1:17" ht="105">
      <c r="A131" s="109">
        <v>36</v>
      </c>
      <c r="B131" s="42" t="s">
        <v>1961</v>
      </c>
      <c r="C131" s="42"/>
      <c r="D131" s="42" t="s">
        <v>1962</v>
      </c>
      <c r="E131" s="44"/>
      <c r="F131" s="13"/>
      <c r="G131" s="44" t="s">
        <v>1963</v>
      </c>
      <c r="H131" s="42"/>
      <c r="I131" s="965"/>
      <c r="J131" s="12">
        <v>1</v>
      </c>
      <c r="K131" s="12">
        <v>6</v>
      </c>
      <c r="L131" s="12"/>
      <c r="M131" s="42" t="s">
        <v>199</v>
      </c>
      <c r="N131" s="42"/>
      <c r="O131" s="42" t="s">
        <v>1964</v>
      </c>
      <c r="P131" s="42"/>
      <c r="Q131" s="42"/>
    </row>
    <row r="132" spans="1:17" ht="225">
      <c r="A132" s="109">
        <v>37</v>
      </c>
      <c r="B132" s="42" t="s">
        <v>1965</v>
      </c>
      <c r="C132" s="42"/>
      <c r="D132" s="42" t="s">
        <v>1966</v>
      </c>
      <c r="E132" s="44"/>
      <c r="F132" s="13"/>
      <c r="G132" s="44" t="s">
        <v>1967</v>
      </c>
      <c r="H132" s="42"/>
      <c r="I132" s="965"/>
      <c r="J132" s="12">
        <v>1</v>
      </c>
      <c r="K132" s="12">
        <v>6</v>
      </c>
      <c r="L132" s="12"/>
      <c r="M132" s="42" t="s">
        <v>199</v>
      </c>
      <c r="N132" s="42"/>
      <c r="O132" s="42" t="s">
        <v>1968</v>
      </c>
      <c r="P132" s="42"/>
      <c r="Q132" s="42"/>
    </row>
    <row r="133" spans="1:17" ht="210">
      <c r="A133" s="109">
        <v>38</v>
      </c>
      <c r="B133" s="42" t="s">
        <v>1969</v>
      </c>
      <c r="C133" s="42"/>
      <c r="D133" s="42" t="s">
        <v>1970</v>
      </c>
      <c r="E133" s="44"/>
      <c r="F133" s="13"/>
      <c r="G133" s="44" t="s">
        <v>1971</v>
      </c>
      <c r="H133" s="42"/>
      <c r="I133" s="965"/>
      <c r="J133" s="12">
        <v>1</v>
      </c>
      <c r="K133" s="12">
        <v>6</v>
      </c>
      <c r="L133" s="12"/>
      <c r="M133" s="42" t="s">
        <v>199</v>
      </c>
      <c r="N133" s="42"/>
      <c r="O133" s="42" t="s">
        <v>1972</v>
      </c>
      <c r="P133" s="42"/>
      <c r="Q133" s="42"/>
    </row>
    <row r="134" spans="1:17" ht="90">
      <c r="A134" s="109">
        <v>39</v>
      </c>
      <c r="B134" s="42" t="s">
        <v>1973</v>
      </c>
      <c r="C134" s="42"/>
      <c r="D134" s="42" t="s">
        <v>1974</v>
      </c>
      <c r="E134" s="44"/>
      <c r="F134" s="13"/>
      <c r="G134" s="44" t="s">
        <v>1975</v>
      </c>
      <c r="H134" s="42"/>
      <c r="I134" s="965"/>
      <c r="J134" s="12">
        <v>1</v>
      </c>
      <c r="K134" s="12">
        <v>6</v>
      </c>
      <c r="L134" s="12"/>
      <c r="M134" s="42" t="s">
        <v>199</v>
      </c>
      <c r="N134" s="42"/>
      <c r="O134" s="42" t="s">
        <v>1976</v>
      </c>
      <c r="P134" s="42"/>
      <c r="Q134" s="42"/>
    </row>
    <row r="135" spans="1:17" ht="210">
      <c r="A135" s="109">
        <v>40</v>
      </c>
      <c r="B135" s="42" t="s">
        <v>1977</v>
      </c>
      <c r="C135" s="42"/>
      <c r="D135" s="42" t="s">
        <v>1978</v>
      </c>
      <c r="E135" s="44"/>
      <c r="F135" s="13"/>
      <c r="G135" s="44" t="s">
        <v>1979</v>
      </c>
      <c r="H135" s="42"/>
      <c r="I135" s="965"/>
      <c r="J135" s="12">
        <v>1</v>
      </c>
      <c r="K135" s="12">
        <v>6</v>
      </c>
      <c r="L135" s="12"/>
      <c r="M135" s="42" t="s">
        <v>199</v>
      </c>
      <c r="N135" s="42"/>
      <c r="O135" s="42" t="s">
        <v>1980</v>
      </c>
      <c r="P135" s="42"/>
      <c r="Q135" s="42"/>
    </row>
    <row r="136" spans="1:17" ht="76.5" customHeight="1">
      <c r="A136" s="109">
        <v>41</v>
      </c>
      <c r="B136" s="42" t="s">
        <v>1981</v>
      </c>
      <c r="C136" s="42"/>
      <c r="D136" s="42" t="s">
        <v>1982</v>
      </c>
      <c r="E136" s="44"/>
      <c r="F136" s="13"/>
      <c r="G136" s="44" t="s">
        <v>4118</v>
      </c>
      <c r="H136" s="42"/>
      <c r="I136" s="965"/>
      <c r="J136" s="12">
        <v>1</v>
      </c>
      <c r="K136" s="12">
        <v>8</v>
      </c>
      <c r="L136" s="12"/>
      <c r="M136" s="42"/>
      <c r="N136" s="42"/>
      <c r="O136" s="42" t="s">
        <v>1983</v>
      </c>
      <c r="P136" s="42"/>
      <c r="Q136" s="42"/>
    </row>
    <row r="137" spans="1:17" ht="155.25" customHeight="1">
      <c r="A137" s="109">
        <v>42</v>
      </c>
      <c r="B137" s="46" t="s">
        <v>1984</v>
      </c>
      <c r="C137" s="46"/>
      <c r="D137" s="46" t="s">
        <v>1985</v>
      </c>
      <c r="E137" s="111"/>
      <c r="F137" s="112"/>
      <c r="G137" s="107" t="s">
        <v>1986</v>
      </c>
      <c r="H137" s="46"/>
      <c r="I137" s="1116"/>
      <c r="J137" s="106" t="s">
        <v>1987</v>
      </c>
      <c r="K137" s="106">
        <v>4</v>
      </c>
      <c r="L137" s="106"/>
      <c r="M137" s="46"/>
      <c r="N137" s="46"/>
      <c r="O137" s="46" t="s">
        <v>1988</v>
      </c>
      <c r="P137" s="46"/>
      <c r="Q137" s="46"/>
    </row>
    <row r="138" spans="1:17" ht="180">
      <c r="A138" s="109">
        <v>43</v>
      </c>
      <c r="B138" s="42" t="s">
        <v>1989</v>
      </c>
      <c r="C138" s="42"/>
      <c r="D138" s="42" t="s">
        <v>1990</v>
      </c>
      <c r="E138" s="44"/>
      <c r="F138" s="13"/>
      <c r="G138" s="44" t="s">
        <v>4119</v>
      </c>
      <c r="H138" s="42"/>
      <c r="I138" s="965"/>
      <c r="J138" s="12">
        <v>1</v>
      </c>
      <c r="K138" s="12" t="s">
        <v>1991</v>
      </c>
      <c r="L138" s="12"/>
      <c r="M138" s="42" t="s">
        <v>1992</v>
      </c>
      <c r="N138" s="42"/>
      <c r="O138" s="42" t="s">
        <v>1993</v>
      </c>
      <c r="P138" s="42"/>
      <c r="Q138" s="42"/>
    </row>
    <row r="139" spans="1:17" ht="180">
      <c r="A139" s="109">
        <v>44</v>
      </c>
      <c r="B139" s="42" t="s">
        <v>1994</v>
      </c>
      <c r="C139" s="42"/>
      <c r="D139" s="42" t="s">
        <v>1995</v>
      </c>
      <c r="E139" s="44"/>
      <c r="F139" s="13"/>
      <c r="G139" s="44" t="s">
        <v>4120</v>
      </c>
      <c r="H139" s="42"/>
      <c r="I139" s="965"/>
      <c r="J139" s="12">
        <v>1</v>
      </c>
      <c r="K139" s="12">
        <v>4</v>
      </c>
      <c r="L139" s="12"/>
      <c r="M139" s="42" t="s">
        <v>1996</v>
      </c>
      <c r="N139" s="42"/>
      <c r="O139" s="42" t="s">
        <v>1997</v>
      </c>
      <c r="P139" s="42"/>
      <c r="Q139" s="42"/>
    </row>
    <row r="140" spans="1:17" ht="60">
      <c r="A140" s="109">
        <v>46</v>
      </c>
      <c r="B140" s="42" t="s">
        <v>1998</v>
      </c>
      <c r="C140" s="42"/>
      <c r="D140" s="42"/>
      <c r="E140" s="44"/>
      <c r="F140" s="13"/>
      <c r="G140" s="44" t="s">
        <v>1999</v>
      </c>
      <c r="H140" s="42"/>
      <c r="I140" s="965"/>
      <c r="J140" s="12">
        <v>1</v>
      </c>
      <c r="K140" s="12">
        <v>4</v>
      </c>
      <c r="L140" s="12"/>
      <c r="M140" s="42">
        <v>2021</v>
      </c>
      <c r="N140" s="42"/>
      <c r="O140" s="42" t="s">
        <v>2000</v>
      </c>
      <c r="P140" s="42"/>
      <c r="Q140" s="42"/>
    </row>
    <row r="141" spans="1:17" ht="180">
      <c r="A141" s="109">
        <v>47</v>
      </c>
      <c r="B141" s="42" t="s">
        <v>2001</v>
      </c>
      <c r="C141" s="42"/>
      <c r="D141" s="42" t="s">
        <v>2002</v>
      </c>
      <c r="E141" s="44"/>
      <c r="F141" s="13"/>
      <c r="G141" s="44" t="s">
        <v>4121</v>
      </c>
      <c r="H141" s="42"/>
      <c r="I141" s="965"/>
      <c r="J141" s="12">
        <v>1</v>
      </c>
      <c r="K141" s="12">
        <v>7</v>
      </c>
      <c r="L141" s="12"/>
      <c r="M141" s="42" t="s">
        <v>1996</v>
      </c>
      <c r="N141" s="42"/>
      <c r="O141" s="42" t="s">
        <v>2003</v>
      </c>
      <c r="P141" s="42"/>
      <c r="Q141" s="42"/>
    </row>
    <row r="142" spans="1:17" ht="75">
      <c r="A142" s="109">
        <v>48</v>
      </c>
      <c r="B142" s="113" t="s">
        <v>2004</v>
      </c>
      <c r="C142" s="42"/>
      <c r="D142" s="42" t="s">
        <v>2005</v>
      </c>
      <c r="E142" s="44"/>
      <c r="F142" s="13"/>
      <c r="G142" s="44" t="s">
        <v>4122</v>
      </c>
      <c r="H142" s="42"/>
      <c r="I142" s="965"/>
      <c r="J142" s="12">
        <v>1</v>
      </c>
      <c r="K142" s="12">
        <v>7</v>
      </c>
      <c r="L142" s="12"/>
      <c r="M142" s="42" t="s">
        <v>1996</v>
      </c>
      <c r="N142" s="42"/>
      <c r="O142" s="42" t="s">
        <v>2006</v>
      </c>
      <c r="P142" s="42"/>
      <c r="Q142" s="42"/>
    </row>
    <row r="143" spans="1:17" ht="120">
      <c r="A143" s="109">
        <v>49</v>
      </c>
      <c r="B143" s="42" t="s">
        <v>2007</v>
      </c>
      <c r="C143" s="42"/>
      <c r="D143" s="42" t="s">
        <v>2008</v>
      </c>
      <c r="E143" s="44"/>
      <c r="F143" s="13"/>
      <c r="G143" s="44" t="s">
        <v>4123</v>
      </c>
      <c r="H143" s="42"/>
      <c r="I143" s="965"/>
      <c r="J143" s="12" t="s">
        <v>2009</v>
      </c>
      <c r="K143" s="12">
        <v>40</v>
      </c>
      <c r="L143" s="12"/>
      <c r="M143" s="42" t="s">
        <v>1996</v>
      </c>
      <c r="N143" s="42"/>
      <c r="O143" s="42" t="s">
        <v>2010</v>
      </c>
      <c r="P143" s="42"/>
      <c r="Q143" s="42"/>
    </row>
    <row r="144" spans="1:17" ht="105">
      <c r="A144" s="109">
        <v>50</v>
      </c>
      <c r="B144" s="42" t="s">
        <v>2011</v>
      </c>
      <c r="C144" s="42"/>
      <c r="D144" s="42" t="s">
        <v>2012</v>
      </c>
      <c r="E144" s="44"/>
      <c r="F144" s="13"/>
      <c r="G144" s="44" t="s">
        <v>2013</v>
      </c>
      <c r="H144" s="42"/>
      <c r="I144" s="965"/>
      <c r="J144" s="12">
        <v>1</v>
      </c>
      <c r="K144" s="12">
        <v>4</v>
      </c>
      <c r="L144" s="12"/>
      <c r="M144" s="114" t="s">
        <v>2014</v>
      </c>
      <c r="N144" s="42"/>
      <c r="O144" s="42" t="s">
        <v>2015</v>
      </c>
      <c r="P144" s="42"/>
      <c r="Q144" s="42"/>
    </row>
    <row r="145" spans="1:78" ht="105">
      <c r="A145" s="109">
        <v>51</v>
      </c>
      <c r="B145" s="42" t="s">
        <v>2016</v>
      </c>
      <c r="C145" s="42"/>
      <c r="D145" s="42" t="s">
        <v>2017</v>
      </c>
      <c r="E145" s="44"/>
      <c r="F145" s="13"/>
      <c r="G145" s="44" t="s">
        <v>2018</v>
      </c>
      <c r="H145" s="42"/>
      <c r="I145" s="965"/>
      <c r="J145" s="12">
        <v>1</v>
      </c>
      <c r="K145" s="12">
        <v>3</v>
      </c>
      <c r="L145" s="12"/>
      <c r="M145" s="42" t="s">
        <v>1996</v>
      </c>
      <c r="N145" s="42"/>
      <c r="O145" s="42" t="s">
        <v>2019</v>
      </c>
      <c r="P145" s="42"/>
      <c r="Q145" s="42"/>
    </row>
    <row r="146" spans="1:78" ht="120">
      <c r="A146" s="109">
        <v>52</v>
      </c>
      <c r="B146" s="42" t="s">
        <v>2020</v>
      </c>
      <c r="C146" s="42"/>
      <c r="D146" s="42" t="s">
        <v>2021</v>
      </c>
      <c r="E146" s="44"/>
      <c r="F146" s="13"/>
      <c r="G146" s="44" t="s">
        <v>2022</v>
      </c>
      <c r="H146" s="42"/>
      <c r="I146" s="965"/>
      <c r="J146" s="12">
        <v>1</v>
      </c>
      <c r="K146" s="12">
        <v>3</v>
      </c>
      <c r="L146" s="12"/>
      <c r="M146" s="42" t="s">
        <v>1996</v>
      </c>
      <c r="N146" s="42"/>
      <c r="O146" s="42" t="s">
        <v>2023</v>
      </c>
      <c r="P146" s="42"/>
      <c r="Q146" s="42"/>
    </row>
    <row r="147" spans="1:78" ht="105">
      <c r="A147" s="109">
        <v>53</v>
      </c>
      <c r="B147" s="46" t="s">
        <v>2024</v>
      </c>
      <c r="C147" s="46"/>
      <c r="D147" s="46" t="s">
        <v>2025</v>
      </c>
      <c r="E147" s="111"/>
      <c r="F147" s="112"/>
      <c r="G147" s="111" t="s">
        <v>2026</v>
      </c>
      <c r="H147" s="46"/>
      <c r="I147" s="1116"/>
      <c r="J147" s="106">
        <v>1</v>
      </c>
      <c r="K147" s="106" t="s">
        <v>1896</v>
      </c>
      <c r="L147" s="106"/>
      <c r="M147" s="46" t="s">
        <v>1996</v>
      </c>
      <c r="N147" s="46"/>
      <c r="O147" s="46" t="s">
        <v>2027</v>
      </c>
      <c r="P147" s="46"/>
      <c r="Q147" s="46"/>
    </row>
    <row r="148" spans="1:78" s="42" customFormat="1" ht="90">
      <c r="A148" s="109">
        <v>54</v>
      </c>
      <c r="B148" s="113" t="s">
        <v>2028</v>
      </c>
      <c r="E148" s="44"/>
      <c r="F148" s="13"/>
      <c r="G148" s="44" t="s">
        <v>2029</v>
      </c>
      <c r="I148" s="965"/>
      <c r="J148" s="12">
        <v>1</v>
      </c>
      <c r="K148" s="12">
        <v>8</v>
      </c>
      <c r="L148" s="12"/>
      <c r="M148" s="42" t="s">
        <v>2030</v>
      </c>
      <c r="O148" s="42" t="s">
        <v>2031</v>
      </c>
      <c r="R148" s="115"/>
      <c r="S148" s="115"/>
      <c r="T148" s="115"/>
      <c r="U148" s="115"/>
      <c r="V148" s="115"/>
      <c r="W148" s="115"/>
      <c r="X148" s="115"/>
      <c r="Y148" s="115"/>
      <c r="Z148" s="115"/>
      <c r="AA148" s="115"/>
      <c r="AB148" s="115"/>
      <c r="AC148" s="115"/>
      <c r="AD148" s="115"/>
      <c r="AE148" s="115"/>
      <c r="AF148" s="115"/>
      <c r="AG148" s="115"/>
      <c r="AH148" s="115"/>
      <c r="AI148" s="115"/>
      <c r="AJ148" s="115"/>
      <c r="AK148" s="115"/>
      <c r="AL148" s="115"/>
      <c r="AM148" s="115"/>
      <c r="AN148" s="115"/>
      <c r="AO148" s="115"/>
      <c r="AP148" s="115"/>
      <c r="AQ148" s="115"/>
      <c r="AR148" s="115"/>
      <c r="AS148" s="115"/>
      <c r="AT148" s="115"/>
      <c r="AU148" s="115"/>
      <c r="AV148" s="115"/>
      <c r="AW148" s="115"/>
      <c r="AX148" s="115"/>
      <c r="AY148" s="115"/>
      <c r="AZ148" s="115"/>
      <c r="BA148" s="115"/>
      <c r="BB148" s="115"/>
      <c r="BC148" s="115"/>
      <c r="BD148" s="115"/>
      <c r="BE148" s="115"/>
      <c r="BF148" s="115"/>
      <c r="BG148" s="115"/>
      <c r="BH148" s="115"/>
      <c r="BI148" s="115"/>
      <c r="BJ148" s="115"/>
      <c r="BK148" s="115"/>
      <c r="BL148" s="115"/>
      <c r="BM148" s="115"/>
      <c r="BN148" s="115"/>
      <c r="BO148" s="115"/>
      <c r="BP148" s="115"/>
      <c r="BQ148" s="115"/>
      <c r="BR148" s="115"/>
      <c r="BS148" s="115"/>
      <c r="BT148" s="115"/>
      <c r="BU148" s="115"/>
      <c r="BV148" s="115"/>
      <c r="BW148" s="115"/>
      <c r="BX148" s="115"/>
      <c r="BY148" s="115"/>
      <c r="BZ148" s="115"/>
    </row>
    <row r="149" spans="1:78" ht="225">
      <c r="A149" s="109">
        <v>55</v>
      </c>
      <c r="B149" s="42" t="s">
        <v>2032</v>
      </c>
      <c r="C149" s="42"/>
      <c r="D149" s="42"/>
      <c r="E149" s="44"/>
      <c r="F149" s="13"/>
      <c r="G149" s="116" t="s">
        <v>2033</v>
      </c>
      <c r="H149" s="42"/>
      <c r="I149" s="965"/>
      <c r="J149" s="12">
        <v>1</v>
      </c>
      <c r="K149" s="12" t="s">
        <v>2034</v>
      </c>
      <c r="L149" s="12"/>
      <c r="M149" s="42" t="s">
        <v>199</v>
      </c>
      <c r="N149" s="42"/>
      <c r="O149" s="42"/>
      <c r="P149" s="42"/>
      <c r="Q149" s="42"/>
    </row>
    <row r="150" spans="1:78" ht="75">
      <c r="A150" s="109">
        <v>56</v>
      </c>
      <c r="B150" s="42" t="s">
        <v>2035</v>
      </c>
      <c r="C150" s="42"/>
      <c r="D150" s="42"/>
      <c r="E150" s="44"/>
      <c r="F150" s="13"/>
      <c r="G150" s="44" t="s">
        <v>2036</v>
      </c>
      <c r="H150" s="42"/>
      <c r="I150" s="965"/>
      <c r="J150" s="12">
        <v>2</v>
      </c>
      <c r="K150" s="12">
        <v>12</v>
      </c>
      <c r="L150" s="12"/>
      <c r="M150" s="42" t="s">
        <v>2037</v>
      </c>
      <c r="N150" s="42"/>
      <c r="O150" s="42"/>
      <c r="P150" s="42"/>
      <c r="Q150" s="42"/>
    </row>
    <row r="151" spans="1:78" ht="105">
      <c r="A151" s="109">
        <v>57</v>
      </c>
      <c r="B151" s="42" t="s">
        <v>2038</v>
      </c>
      <c r="C151" s="42"/>
      <c r="D151" s="42" t="s">
        <v>2039</v>
      </c>
      <c r="E151" s="44"/>
      <c r="F151" s="13"/>
      <c r="G151" s="44" t="s">
        <v>2040</v>
      </c>
      <c r="H151" s="42"/>
      <c r="I151" s="965"/>
      <c r="J151" s="12">
        <v>1</v>
      </c>
      <c r="K151" s="12" t="s">
        <v>2041</v>
      </c>
      <c r="L151" s="12"/>
      <c r="M151" s="42">
        <v>2021</v>
      </c>
      <c r="N151" s="42"/>
      <c r="O151" s="42" t="s">
        <v>2042</v>
      </c>
      <c r="P151" s="42"/>
      <c r="Q151" s="42"/>
    </row>
    <row r="152" spans="1:78" ht="105">
      <c r="A152" s="109">
        <v>58</v>
      </c>
      <c r="B152" s="42" t="s">
        <v>2043</v>
      </c>
      <c r="C152" s="42"/>
      <c r="D152" s="42" t="s">
        <v>2044</v>
      </c>
      <c r="E152" s="44"/>
      <c r="F152" s="13"/>
      <c r="G152" s="44" t="s">
        <v>2045</v>
      </c>
      <c r="H152" s="42"/>
      <c r="I152" s="965"/>
      <c r="J152" s="12">
        <v>1</v>
      </c>
      <c r="K152" s="12">
        <v>6</v>
      </c>
      <c r="L152" s="12"/>
      <c r="M152" s="42" t="s">
        <v>199</v>
      </c>
      <c r="N152" s="42"/>
      <c r="O152" s="42" t="s">
        <v>2046</v>
      </c>
      <c r="P152" s="42"/>
      <c r="Q152" s="42"/>
    </row>
    <row r="155" spans="1:78" ht="120" customHeight="1">
      <c r="A155" s="14" t="s">
        <v>1476</v>
      </c>
      <c r="B155" s="15" t="s">
        <v>2047</v>
      </c>
      <c r="C155" s="12" t="s">
        <v>15</v>
      </c>
      <c r="D155" s="12" t="s">
        <v>2048</v>
      </c>
      <c r="E155" s="14" t="s">
        <v>2049</v>
      </c>
      <c r="F155" s="13">
        <v>44622</v>
      </c>
      <c r="G155" s="13" t="s">
        <v>63</v>
      </c>
      <c r="H155" s="12" t="s">
        <v>2050</v>
      </c>
      <c r="I155" s="1115"/>
      <c r="J155" s="12">
        <v>11</v>
      </c>
      <c r="K155" s="12">
        <v>56</v>
      </c>
      <c r="L155" s="12">
        <v>11</v>
      </c>
      <c r="M155" s="12"/>
      <c r="N155" s="12"/>
      <c r="O155" s="12" t="s">
        <v>1707</v>
      </c>
      <c r="P155" s="12" t="s">
        <v>199</v>
      </c>
      <c r="Q155" s="12" t="s">
        <v>4113</v>
      </c>
    </row>
    <row r="157" spans="1:78" ht="75">
      <c r="B157" s="17" t="s">
        <v>2051</v>
      </c>
      <c r="D157" s="17" t="s">
        <v>2052</v>
      </c>
    </row>
    <row r="158" spans="1:78" ht="45">
      <c r="B158" s="17" t="s">
        <v>2053</v>
      </c>
      <c r="K158" s="17">
        <v>1</v>
      </c>
      <c r="L158" s="17">
        <v>14</v>
      </c>
    </row>
  </sheetData>
  <autoFilter ref="A14:DP95"/>
  <mergeCells count="6">
    <mergeCell ref="B81:Q81"/>
    <mergeCell ref="A1:O1"/>
    <mergeCell ref="E8:F8"/>
    <mergeCell ref="B10:Q10"/>
    <mergeCell ref="B12:Q12"/>
    <mergeCell ref="B13:Q13"/>
  </mergeCells>
  <hyperlinks>
    <hyperlink ref="G83" r:id="rId1" display="https://леснойдвор.рф/"/>
    <hyperlink ref="G82" r:id="rId2" display="https://vk.com/ilmuvieno"/>
    <hyperlink ref="G149" r:id="rId3" display="https://olan.ru/r-n-pryazhinskiy/d-nizhnie-vidany/for-rent-house/cottage/77075721-160-0-m-na-uchastke-30-0-sot-etazhey-2-19000-rub-chalninskoe-selskoe-poselenie-territoriya-shuyskaya-sloboda-sirenevaya-ul-2-petrozavodsk"/>
    <hyperlink ref="G68" r:id="rId4" display="https://vk.com/tulmozero10rus"/>
    <hyperlink ref="G67" r:id="rId5" display="https://ingunavolok.ru/"/>
    <hyperlink ref="D80" r:id="rId6" display="lahtanpera@yandex.ru, 8-911-407-76-55"/>
  </hyperlinks>
  <pageMargins left="0.7" right="0.7" top="0.75" bottom="0.75" header="0.3" footer="0.3"/>
  <pageSetup paperSize="9" scale="53" fitToHeight="0" orientation="landscape" r:id="rId7"/>
  <legacyDrawing r:id="rId8"/>
</worksheet>
</file>

<file path=xl/worksheets/sheet18.xml><?xml version="1.0" encoding="utf-8"?>
<worksheet xmlns="http://schemas.openxmlformats.org/spreadsheetml/2006/main" xmlns:r="http://schemas.openxmlformats.org/officeDocument/2006/relationships">
  <dimension ref="A1:R66"/>
  <sheetViews>
    <sheetView workbookViewId="0">
      <selection activeCell="H10" sqref="H10"/>
    </sheetView>
  </sheetViews>
  <sheetFormatPr defaultRowHeight="15"/>
  <cols>
    <col min="1" max="1" width="5.85546875" style="117" customWidth="1"/>
    <col min="2" max="2" width="25.140625" style="117" customWidth="1"/>
    <col min="3" max="3" width="9" style="117" customWidth="1"/>
    <col min="4" max="4" width="19.85546875" style="117" customWidth="1"/>
    <col min="5" max="5" width="18.85546875" style="118" customWidth="1"/>
    <col min="6" max="6" width="15" style="117" customWidth="1"/>
    <col min="7" max="7" width="19.5703125" style="117" customWidth="1"/>
    <col min="8" max="9" width="15.85546875" style="119" customWidth="1"/>
    <col min="10" max="10" width="14" style="117" customWidth="1"/>
    <col min="11" max="11" width="9.28515625" style="117" customWidth="1"/>
    <col min="12" max="13" width="12.5703125" style="117" customWidth="1"/>
    <col min="14" max="14" width="18" style="117" customWidth="1"/>
    <col min="15" max="15" width="17.42578125" style="117" customWidth="1"/>
    <col min="16" max="16" width="12.28515625" style="117" customWidth="1"/>
    <col min="17" max="17" width="16.85546875" style="117" customWidth="1"/>
    <col min="18" max="16384" width="9.140625" style="117"/>
  </cols>
  <sheetData>
    <row r="1" spans="1:17" s="401" customFormat="1" ht="31.5" customHeight="1">
      <c r="A1" s="1274" t="s">
        <v>3151</v>
      </c>
      <c r="B1" s="1274"/>
      <c r="C1" s="1274"/>
      <c r="D1" s="1274"/>
      <c r="E1" s="1274"/>
      <c r="F1" s="1274"/>
      <c r="G1" s="1274"/>
      <c r="H1" s="1274"/>
      <c r="I1" s="1274"/>
      <c r="J1" s="1274"/>
      <c r="K1" s="1274"/>
      <c r="L1" s="1274"/>
      <c r="M1" s="1274"/>
      <c r="N1" s="1274"/>
      <c r="O1" s="1274"/>
    </row>
    <row r="2" spans="1:17" s="401" customFormat="1" ht="79.5" customHeight="1">
      <c r="A2" s="714" t="s">
        <v>173</v>
      </c>
      <c r="B2" s="715" t="s">
        <v>186</v>
      </c>
      <c r="C2" s="715" t="s">
        <v>184</v>
      </c>
      <c r="E2" s="714" t="s">
        <v>185</v>
      </c>
      <c r="F2" s="716" t="s">
        <v>184</v>
      </c>
      <c r="H2" s="402"/>
      <c r="I2" s="402"/>
      <c r="K2" s="402"/>
      <c r="L2" s="402"/>
      <c r="M2" s="402"/>
      <c r="N2" s="402"/>
      <c r="O2" s="402"/>
      <c r="P2" s="402"/>
    </row>
    <row r="3" spans="1:17" s="401" customFormat="1" ht="36" customHeight="1">
      <c r="A3" s="717"/>
      <c r="B3" s="715" t="s">
        <v>183</v>
      </c>
      <c r="C3" s="715">
        <v>41</v>
      </c>
      <c r="E3" s="714" t="s">
        <v>182</v>
      </c>
      <c r="F3" s="715">
        <f>F4+F5+F6</f>
        <v>40</v>
      </c>
      <c r="H3" s="402"/>
      <c r="I3" s="402"/>
      <c r="K3" s="402"/>
      <c r="L3" s="402"/>
      <c r="M3" s="402"/>
      <c r="N3" s="402"/>
      <c r="O3" s="402"/>
      <c r="P3" s="402"/>
    </row>
    <row r="4" spans="1:17" s="401" customFormat="1" ht="37.5" customHeight="1">
      <c r="A4" s="717" t="s">
        <v>181</v>
      </c>
      <c r="B4" s="716" t="s">
        <v>180</v>
      </c>
      <c r="C4" s="716">
        <v>40</v>
      </c>
      <c r="E4" s="717" t="s">
        <v>179</v>
      </c>
      <c r="F4" s="716">
        <v>4</v>
      </c>
      <c r="H4" s="402"/>
      <c r="I4" s="402"/>
      <c r="K4" s="402"/>
      <c r="L4" s="402"/>
      <c r="M4" s="402"/>
      <c r="N4" s="402"/>
      <c r="O4" s="402"/>
      <c r="P4" s="402"/>
    </row>
    <row r="5" spans="1:17" s="401" customFormat="1" ht="33" customHeight="1">
      <c r="A5" s="717" t="s">
        <v>178</v>
      </c>
      <c r="B5" s="716" t="s">
        <v>177</v>
      </c>
      <c r="C5" s="716">
        <v>1</v>
      </c>
      <c r="E5" s="717" t="s">
        <v>15</v>
      </c>
      <c r="F5" s="716">
        <v>17</v>
      </c>
      <c r="H5" s="402"/>
      <c r="I5" s="402"/>
      <c r="K5" s="402"/>
      <c r="L5" s="402"/>
      <c r="M5" s="402"/>
      <c r="N5" s="402"/>
      <c r="O5" s="402"/>
      <c r="P5" s="402"/>
    </row>
    <row r="6" spans="1:17" s="401" customFormat="1" ht="23.25" customHeight="1">
      <c r="A6" s="465"/>
      <c r="E6" s="717" t="s">
        <v>27</v>
      </c>
      <c r="F6" s="716">
        <v>19</v>
      </c>
      <c r="H6" s="402" t="s">
        <v>4199</v>
      </c>
      <c r="I6" s="402"/>
      <c r="J6" s="401">
        <f>SUM(J23+J44)</f>
        <v>52</v>
      </c>
      <c r="K6" s="402"/>
      <c r="L6" s="402"/>
      <c r="M6" s="402"/>
      <c r="N6" s="402"/>
      <c r="O6" s="402"/>
      <c r="P6" s="402"/>
    </row>
    <row r="7" spans="1:17" s="401" customFormat="1" ht="56.25" customHeight="1">
      <c r="A7" s="465"/>
      <c r="E7" s="1275" t="s">
        <v>175</v>
      </c>
      <c r="F7" s="1276"/>
      <c r="H7" s="718">
        <v>2</v>
      </c>
      <c r="I7" s="1117"/>
      <c r="J7" s="718">
        <v>105</v>
      </c>
      <c r="K7" s="718">
        <v>538</v>
      </c>
      <c r="L7" s="402"/>
      <c r="M7" s="402"/>
      <c r="N7" s="402"/>
      <c r="O7" s="402"/>
      <c r="P7" s="402"/>
    </row>
    <row r="8" spans="1:17" s="401" customFormat="1" ht="15.75">
      <c r="E8" s="465"/>
    </row>
    <row r="9" spans="1:17" s="401" customFormat="1" ht="34.5" customHeight="1">
      <c r="A9" s="716"/>
      <c r="B9" s="1277" t="s">
        <v>174</v>
      </c>
      <c r="C9" s="1277"/>
      <c r="D9" s="1277"/>
      <c r="E9" s="1277"/>
      <c r="F9" s="1277"/>
      <c r="G9" s="1277"/>
      <c r="H9" s="1277"/>
      <c r="I9" s="1278"/>
      <c r="J9" s="1277"/>
      <c r="K9" s="1277"/>
      <c r="L9" s="1277"/>
      <c r="M9" s="1277"/>
      <c r="N9" s="1277"/>
      <c r="O9" s="1277"/>
      <c r="P9" s="1277"/>
      <c r="Q9" s="1277"/>
    </row>
    <row r="10" spans="1:17" s="401" customFormat="1" ht="123" customHeight="1">
      <c r="A10" s="716" t="s">
        <v>173</v>
      </c>
      <c r="B10" s="716" t="s">
        <v>172</v>
      </c>
      <c r="C10" s="716" t="s">
        <v>171</v>
      </c>
      <c r="D10" s="716" t="s">
        <v>170</v>
      </c>
      <c r="E10" s="717" t="s">
        <v>169</v>
      </c>
      <c r="F10" s="716" t="s">
        <v>168</v>
      </c>
      <c r="G10" s="716" t="s">
        <v>167</v>
      </c>
      <c r="H10" s="1064" t="s">
        <v>5073</v>
      </c>
      <c r="I10" s="1065" t="s">
        <v>5075</v>
      </c>
      <c r="J10" s="716" t="s">
        <v>166</v>
      </c>
      <c r="K10" s="716" t="s">
        <v>165</v>
      </c>
      <c r="L10" s="716" t="s">
        <v>164</v>
      </c>
      <c r="M10" s="716" t="s">
        <v>163</v>
      </c>
      <c r="N10" s="716" t="s">
        <v>162</v>
      </c>
      <c r="O10" s="716" t="s">
        <v>161</v>
      </c>
      <c r="P10" s="716" t="s">
        <v>160</v>
      </c>
      <c r="Q10" s="716" t="s">
        <v>159</v>
      </c>
    </row>
    <row r="11" spans="1:17" s="401" customFormat="1" ht="15.75">
      <c r="A11" s="716"/>
      <c r="B11" s="1277" t="s">
        <v>3150</v>
      </c>
      <c r="C11" s="1277"/>
      <c r="D11" s="1277"/>
      <c r="E11" s="1277"/>
      <c r="F11" s="1277"/>
      <c r="G11" s="1277"/>
      <c r="H11" s="1277"/>
      <c r="I11" s="1278"/>
      <c r="J11" s="1277"/>
      <c r="K11" s="1277"/>
      <c r="L11" s="1277"/>
      <c r="M11" s="1277"/>
      <c r="N11" s="1277"/>
      <c r="O11" s="1277"/>
      <c r="P11" s="1277"/>
      <c r="Q11" s="1277"/>
    </row>
    <row r="12" spans="1:17" s="401" customFormat="1" ht="15.75">
      <c r="A12" s="716"/>
      <c r="B12" s="1277" t="s">
        <v>157</v>
      </c>
      <c r="C12" s="1277"/>
      <c r="D12" s="1277"/>
      <c r="E12" s="1277"/>
      <c r="F12" s="1277"/>
      <c r="G12" s="1277"/>
      <c r="H12" s="1277"/>
      <c r="I12" s="1278"/>
      <c r="J12" s="1277"/>
      <c r="K12" s="1277"/>
      <c r="L12" s="1277"/>
      <c r="M12" s="1277"/>
      <c r="N12" s="1277"/>
      <c r="O12" s="1277"/>
      <c r="P12" s="1277"/>
      <c r="Q12" s="1277"/>
    </row>
    <row r="13" spans="1:17" s="401" customFormat="1" ht="15.75">
      <c r="A13" s="716">
        <v>1</v>
      </c>
      <c r="B13" s="716">
        <v>2</v>
      </c>
      <c r="C13" s="716">
        <v>3</v>
      </c>
      <c r="D13" s="716">
        <v>4</v>
      </c>
      <c r="E13" s="716">
        <v>5</v>
      </c>
      <c r="F13" s="716">
        <v>6</v>
      </c>
      <c r="G13" s="716">
        <v>7</v>
      </c>
      <c r="H13" s="716">
        <v>8</v>
      </c>
      <c r="I13" s="513"/>
      <c r="J13" s="716">
        <v>9</v>
      </c>
      <c r="K13" s="716">
        <v>10</v>
      </c>
      <c r="L13" s="716">
        <v>11</v>
      </c>
      <c r="M13" s="716"/>
      <c r="N13" s="716"/>
      <c r="O13" s="716">
        <v>12</v>
      </c>
      <c r="P13" s="716">
        <v>13</v>
      </c>
      <c r="Q13" s="716">
        <v>14</v>
      </c>
    </row>
    <row r="14" spans="1:17" s="401" customFormat="1" ht="120" customHeight="1">
      <c r="A14" s="716">
        <v>1</v>
      </c>
      <c r="B14" s="513" t="s">
        <v>3149</v>
      </c>
      <c r="C14" s="513" t="s">
        <v>15</v>
      </c>
      <c r="D14" s="513" t="s">
        <v>3148</v>
      </c>
      <c r="E14" s="538" t="s">
        <v>3147</v>
      </c>
      <c r="F14" s="524">
        <v>43525</v>
      </c>
      <c r="G14" s="439" t="s">
        <v>151</v>
      </c>
      <c r="H14" s="524" t="s">
        <v>10</v>
      </c>
      <c r="I14" s="524"/>
      <c r="J14" s="513">
        <v>1</v>
      </c>
      <c r="K14" s="513">
        <v>7</v>
      </c>
      <c r="L14" s="513">
        <v>1</v>
      </c>
      <c r="M14" s="513"/>
      <c r="N14" s="513"/>
      <c r="O14" s="513" t="s">
        <v>3146</v>
      </c>
      <c r="P14" s="513"/>
      <c r="Q14" s="513"/>
    </row>
    <row r="15" spans="1:17" s="401" customFormat="1" ht="120" customHeight="1">
      <c r="A15" s="716">
        <v>2</v>
      </c>
      <c r="B15" s="513" t="s">
        <v>3145</v>
      </c>
      <c r="C15" s="513" t="s">
        <v>15</v>
      </c>
      <c r="D15" s="513" t="s">
        <v>3060</v>
      </c>
      <c r="E15" s="538" t="s">
        <v>3059</v>
      </c>
      <c r="F15" s="524">
        <v>41509</v>
      </c>
      <c r="G15" s="524" t="s">
        <v>63</v>
      </c>
      <c r="H15" s="524" t="s">
        <v>10</v>
      </c>
      <c r="I15" s="524"/>
      <c r="J15" s="513">
        <v>1</v>
      </c>
      <c r="K15" s="513">
        <v>20</v>
      </c>
      <c r="L15" s="513">
        <v>2</v>
      </c>
      <c r="M15" s="513"/>
      <c r="N15" s="513"/>
      <c r="O15" s="513" t="s">
        <v>3144</v>
      </c>
      <c r="P15" s="513"/>
      <c r="Q15" s="513"/>
    </row>
    <row r="16" spans="1:17" s="401" customFormat="1" ht="120" customHeight="1">
      <c r="A16" s="716">
        <v>3</v>
      </c>
      <c r="B16" s="513" t="s">
        <v>3143</v>
      </c>
      <c r="C16" s="513" t="s">
        <v>15</v>
      </c>
      <c r="D16" s="513" t="s">
        <v>3060</v>
      </c>
      <c r="E16" s="538" t="s">
        <v>3059</v>
      </c>
      <c r="F16" s="524">
        <v>41509</v>
      </c>
      <c r="G16" s="524" t="s">
        <v>63</v>
      </c>
      <c r="H16" s="524" t="s">
        <v>10</v>
      </c>
      <c r="I16" s="524"/>
      <c r="J16" s="513">
        <v>1</v>
      </c>
      <c r="K16" s="513">
        <v>27</v>
      </c>
      <c r="L16" s="513">
        <v>1</v>
      </c>
      <c r="M16" s="513"/>
      <c r="N16" s="513"/>
      <c r="O16" s="513" t="s">
        <v>3142</v>
      </c>
      <c r="P16" s="513"/>
      <c r="Q16" s="513"/>
    </row>
    <row r="17" spans="1:17" s="401" customFormat="1" ht="120" customHeight="1">
      <c r="A17" s="716">
        <v>4</v>
      </c>
      <c r="B17" s="513" t="s">
        <v>3141</v>
      </c>
      <c r="C17" s="513" t="s">
        <v>15</v>
      </c>
      <c r="D17" s="513" t="s">
        <v>3140</v>
      </c>
      <c r="E17" s="538" t="s">
        <v>3139</v>
      </c>
      <c r="F17" s="524">
        <v>42725</v>
      </c>
      <c r="G17" s="513" t="s">
        <v>1148</v>
      </c>
      <c r="H17" s="524" t="s">
        <v>10</v>
      </c>
      <c r="I17" s="524"/>
      <c r="J17" s="513">
        <v>1</v>
      </c>
      <c r="K17" s="513">
        <v>21</v>
      </c>
      <c r="L17" s="513">
        <v>1</v>
      </c>
      <c r="M17" s="513"/>
      <c r="N17" s="513"/>
      <c r="O17" s="513" t="s">
        <v>3129</v>
      </c>
      <c r="P17" s="513"/>
      <c r="Q17" s="513"/>
    </row>
    <row r="18" spans="1:17" s="401" customFormat="1" ht="120" customHeight="1">
      <c r="A18" s="716">
        <v>5</v>
      </c>
      <c r="B18" s="513" t="s">
        <v>3138</v>
      </c>
      <c r="C18" s="513" t="s">
        <v>15</v>
      </c>
      <c r="D18" s="513" t="s">
        <v>3136</v>
      </c>
      <c r="E18" s="538" t="s">
        <v>3135</v>
      </c>
      <c r="F18" s="524">
        <v>43503</v>
      </c>
      <c r="G18" s="513" t="s">
        <v>3134</v>
      </c>
      <c r="H18" s="524" t="s">
        <v>10</v>
      </c>
      <c r="I18" s="524"/>
      <c r="J18" s="513">
        <v>1</v>
      </c>
      <c r="K18" s="513">
        <v>10</v>
      </c>
      <c r="L18" s="513">
        <v>1</v>
      </c>
      <c r="M18" s="513"/>
      <c r="N18" s="513"/>
      <c r="O18" s="513" t="s">
        <v>3133</v>
      </c>
      <c r="P18" s="513"/>
      <c r="Q18" s="513"/>
    </row>
    <row r="19" spans="1:17" s="401" customFormat="1" ht="146.25" customHeight="1">
      <c r="A19" s="716">
        <v>6</v>
      </c>
      <c r="B19" s="513" t="s">
        <v>3137</v>
      </c>
      <c r="C19" s="513" t="s">
        <v>15</v>
      </c>
      <c r="D19" s="513" t="s">
        <v>3136</v>
      </c>
      <c r="E19" s="538" t="s">
        <v>3135</v>
      </c>
      <c r="F19" s="524">
        <v>43503</v>
      </c>
      <c r="G19" s="513" t="s">
        <v>3134</v>
      </c>
      <c r="H19" s="524" t="s">
        <v>10</v>
      </c>
      <c r="I19" s="524"/>
      <c r="J19" s="513">
        <v>1</v>
      </c>
      <c r="K19" s="513">
        <v>5</v>
      </c>
      <c r="L19" s="513">
        <v>1</v>
      </c>
      <c r="M19" s="513"/>
      <c r="N19" s="513"/>
      <c r="O19" s="513" t="s">
        <v>3133</v>
      </c>
      <c r="P19" s="513"/>
      <c r="Q19" s="513"/>
    </row>
    <row r="20" spans="1:17" s="401" customFormat="1" ht="141.75" customHeight="1">
      <c r="A20" s="716">
        <v>7</v>
      </c>
      <c r="B20" s="513" t="s">
        <v>3132</v>
      </c>
      <c r="C20" s="513" t="s">
        <v>15</v>
      </c>
      <c r="D20" s="513" t="s">
        <v>3131</v>
      </c>
      <c r="E20" s="538" t="s">
        <v>3130</v>
      </c>
      <c r="F20" s="524">
        <v>43844</v>
      </c>
      <c r="G20" s="513" t="s">
        <v>4124</v>
      </c>
      <c r="H20" s="524" t="s">
        <v>10</v>
      </c>
      <c r="I20" s="524"/>
      <c r="J20" s="513">
        <v>1</v>
      </c>
      <c r="K20" s="513">
        <v>4</v>
      </c>
      <c r="L20" s="513">
        <v>1</v>
      </c>
      <c r="M20" s="513"/>
      <c r="N20" s="513"/>
      <c r="O20" s="513" t="s">
        <v>3129</v>
      </c>
      <c r="P20" s="513"/>
      <c r="Q20" s="513"/>
    </row>
    <row r="21" spans="1:17" s="401" customFormat="1" ht="120" customHeight="1">
      <c r="A21" s="716">
        <v>8</v>
      </c>
      <c r="B21" s="513" t="s">
        <v>3128</v>
      </c>
      <c r="C21" s="513" t="s">
        <v>15</v>
      </c>
      <c r="D21" s="513" t="s">
        <v>3127</v>
      </c>
      <c r="E21" s="538" t="s">
        <v>3126</v>
      </c>
      <c r="F21" s="524">
        <v>42103</v>
      </c>
      <c r="G21" s="513" t="s">
        <v>4103</v>
      </c>
      <c r="H21" s="524" t="s">
        <v>10</v>
      </c>
      <c r="I21" s="524"/>
      <c r="J21" s="513">
        <v>1</v>
      </c>
      <c r="K21" s="513">
        <v>12</v>
      </c>
      <c r="L21" s="513">
        <v>1</v>
      </c>
      <c r="M21" s="513"/>
      <c r="N21" s="513"/>
      <c r="O21" s="513" t="s">
        <v>3125</v>
      </c>
      <c r="P21" s="513"/>
      <c r="Q21" s="513"/>
    </row>
    <row r="22" spans="1:17" s="401" customFormat="1" ht="120" customHeight="1">
      <c r="A22" s="716">
        <v>9</v>
      </c>
      <c r="B22" s="513" t="s">
        <v>3124</v>
      </c>
      <c r="C22" s="513" t="s">
        <v>15</v>
      </c>
      <c r="D22" s="513" t="s">
        <v>3123</v>
      </c>
      <c r="E22" s="538" t="s">
        <v>3122</v>
      </c>
      <c r="F22" s="524">
        <v>43063</v>
      </c>
      <c r="G22" s="439" t="s">
        <v>136</v>
      </c>
      <c r="H22" s="524" t="s">
        <v>10</v>
      </c>
      <c r="I22" s="524"/>
      <c r="J22" s="513">
        <v>1</v>
      </c>
      <c r="K22" s="513">
        <v>4</v>
      </c>
      <c r="L22" s="513">
        <v>1</v>
      </c>
      <c r="M22" s="513"/>
      <c r="N22" s="513"/>
      <c r="O22" s="513" t="s">
        <v>3121</v>
      </c>
      <c r="P22" s="513"/>
      <c r="Q22" s="513"/>
    </row>
    <row r="23" spans="1:17" s="401" customFormat="1" ht="162" customHeight="1">
      <c r="A23" s="716">
        <v>10</v>
      </c>
      <c r="B23" s="513" t="s">
        <v>3120</v>
      </c>
      <c r="C23" s="513" t="s">
        <v>15</v>
      </c>
      <c r="D23" s="513" t="s">
        <v>3112</v>
      </c>
      <c r="E23" s="538" t="s">
        <v>3111</v>
      </c>
      <c r="F23" s="524">
        <v>44195</v>
      </c>
      <c r="G23" s="524" t="s">
        <v>63</v>
      </c>
      <c r="H23" s="513" t="s">
        <v>3119</v>
      </c>
      <c r="I23" s="513"/>
      <c r="J23" s="513">
        <v>30</v>
      </c>
      <c r="K23" s="513">
        <v>60</v>
      </c>
      <c r="L23" s="513"/>
      <c r="M23" s="513"/>
      <c r="N23" s="513"/>
      <c r="O23" s="513" t="s">
        <v>3118</v>
      </c>
      <c r="P23" s="513"/>
      <c r="Q23" s="513"/>
    </row>
    <row r="24" spans="1:17" s="401" customFormat="1" ht="120" customHeight="1">
      <c r="A24" s="716">
        <v>11</v>
      </c>
      <c r="B24" s="513" t="s">
        <v>3117</v>
      </c>
      <c r="C24" s="513" t="s">
        <v>15</v>
      </c>
      <c r="D24" s="513" t="s">
        <v>3112</v>
      </c>
      <c r="E24" s="538" t="s">
        <v>3111</v>
      </c>
      <c r="F24" s="524">
        <v>44195</v>
      </c>
      <c r="G24" s="524" t="s">
        <v>63</v>
      </c>
      <c r="H24" s="513" t="s">
        <v>10</v>
      </c>
      <c r="I24" s="513"/>
      <c r="J24" s="513">
        <v>1</v>
      </c>
      <c r="K24" s="513">
        <v>4</v>
      </c>
      <c r="L24" s="513"/>
      <c r="M24" s="513"/>
      <c r="N24" s="513"/>
      <c r="O24" s="513" t="s">
        <v>3116</v>
      </c>
      <c r="P24" s="513"/>
      <c r="Q24" s="513"/>
    </row>
    <row r="25" spans="1:17" s="401" customFormat="1" ht="120" customHeight="1">
      <c r="A25" s="716">
        <v>12</v>
      </c>
      <c r="B25" s="513" t="s">
        <v>3115</v>
      </c>
      <c r="C25" s="513" t="s">
        <v>15</v>
      </c>
      <c r="D25" s="513" t="s">
        <v>3112</v>
      </c>
      <c r="E25" s="538" t="s">
        <v>3111</v>
      </c>
      <c r="F25" s="524">
        <v>44195</v>
      </c>
      <c r="G25" s="524" t="s">
        <v>63</v>
      </c>
      <c r="H25" s="513" t="s">
        <v>10</v>
      </c>
      <c r="I25" s="513"/>
      <c r="J25" s="513">
        <v>1</v>
      </c>
      <c r="K25" s="513">
        <v>8</v>
      </c>
      <c r="L25" s="513"/>
      <c r="M25" s="513"/>
      <c r="N25" s="513"/>
      <c r="O25" s="513" t="s">
        <v>3114</v>
      </c>
      <c r="P25" s="513"/>
      <c r="Q25" s="513"/>
    </row>
    <row r="26" spans="1:17" s="401" customFormat="1" ht="120" customHeight="1">
      <c r="A26" s="716">
        <v>13</v>
      </c>
      <c r="B26" s="513" t="s">
        <v>3113</v>
      </c>
      <c r="C26" s="513" t="s">
        <v>15</v>
      </c>
      <c r="D26" s="513" t="s">
        <v>3112</v>
      </c>
      <c r="E26" s="538" t="s">
        <v>3111</v>
      </c>
      <c r="F26" s="524">
        <v>44195</v>
      </c>
      <c r="G26" s="524" t="s">
        <v>63</v>
      </c>
      <c r="H26" s="524" t="s">
        <v>10</v>
      </c>
      <c r="I26" s="524"/>
      <c r="J26" s="513">
        <v>5</v>
      </c>
      <c r="K26" s="513">
        <v>15</v>
      </c>
      <c r="L26" s="513"/>
      <c r="M26" s="513"/>
      <c r="N26" s="513"/>
      <c r="O26" s="513" t="s">
        <v>3110</v>
      </c>
      <c r="P26" s="513"/>
      <c r="Q26" s="513"/>
    </row>
    <row r="27" spans="1:17" s="401" customFormat="1" ht="120" customHeight="1">
      <c r="A27" s="716">
        <v>14</v>
      </c>
      <c r="B27" s="513" t="s">
        <v>3109</v>
      </c>
      <c r="C27" s="513" t="s">
        <v>27</v>
      </c>
      <c r="D27" s="513" t="s">
        <v>3108</v>
      </c>
      <c r="E27" s="538" t="s">
        <v>3107</v>
      </c>
      <c r="F27" s="524">
        <v>44146</v>
      </c>
      <c r="G27" s="719" t="s">
        <v>383</v>
      </c>
      <c r="H27" s="513" t="s">
        <v>10</v>
      </c>
      <c r="I27" s="513"/>
      <c r="J27" s="513">
        <v>3</v>
      </c>
      <c r="K27" s="513">
        <v>20</v>
      </c>
      <c r="L27" s="513">
        <v>1</v>
      </c>
      <c r="M27" s="513"/>
      <c r="N27" s="513"/>
      <c r="O27" s="513" t="s">
        <v>3106</v>
      </c>
      <c r="P27" s="513"/>
      <c r="Q27" s="513"/>
    </row>
    <row r="28" spans="1:17" s="401" customFormat="1" ht="120" customHeight="1">
      <c r="A28" s="716">
        <v>15</v>
      </c>
      <c r="B28" s="513" t="s">
        <v>3105</v>
      </c>
      <c r="C28" s="513" t="s">
        <v>27</v>
      </c>
      <c r="D28" s="513" t="s">
        <v>3104</v>
      </c>
      <c r="E28" s="538" t="s">
        <v>3103</v>
      </c>
      <c r="F28" s="524">
        <v>44348</v>
      </c>
      <c r="G28" s="524"/>
      <c r="H28" s="513" t="s">
        <v>10</v>
      </c>
      <c r="I28" s="513"/>
      <c r="J28" s="513">
        <v>1</v>
      </c>
      <c r="K28" s="513">
        <v>3</v>
      </c>
      <c r="L28" s="513">
        <v>1</v>
      </c>
      <c r="M28" s="513"/>
      <c r="N28" s="513"/>
      <c r="O28" s="513" t="s">
        <v>3102</v>
      </c>
      <c r="P28" s="513"/>
      <c r="Q28" s="513"/>
    </row>
    <row r="29" spans="1:17" s="401" customFormat="1" ht="120" customHeight="1">
      <c r="A29" s="716">
        <v>16</v>
      </c>
      <c r="B29" s="513" t="s">
        <v>3101</v>
      </c>
      <c r="C29" s="513" t="s">
        <v>27</v>
      </c>
      <c r="D29" s="513" t="s">
        <v>3100</v>
      </c>
      <c r="E29" s="538" t="s">
        <v>3099</v>
      </c>
      <c r="F29" s="524">
        <v>44572</v>
      </c>
      <c r="G29" s="524"/>
      <c r="H29" s="513" t="s">
        <v>10</v>
      </c>
      <c r="I29" s="513"/>
      <c r="J29" s="513">
        <v>1</v>
      </c>
      <c r="K29" s="513">
        <v>3</v>
      </c>
      <c r="L29" s="513">
        <v>1</v>
      </c>
      <c r="M29" s="513"/>
      <c r="N29" s="513"/>
      <c r="O29" s="513" t="s">
        <v>3098</v>
      </c>
      <c r="P29" s="513"/>
      <c r="Q29" s="513"/>
    </row>
    <row r="30" spans="1:17" s="401" customFormat="1" ht="120" customHeight="1">
      <c r="A30" s="716">
        <v>17</v>
      </c>
      <c r="B30" s="513" t="s">
        <v>3097</v>
      </c>
      <c r="C30" s="513" t="s">
        <v>27</v>
      </c>
      <c r="D30" s="513" t="s">
        <v>3096</v>
      </c>
      <c r="E30" s="538" t="s">
        <v>3095</v>
      </c>
      <c r="F30" s="524">
        <v>44294</v>
      </c>
      <c r="G30" s="524"/>
      <c r="H30" s="513" t="s">
        <v>10</v>
      </c>
      <c r="I30" s="513"/>
      <c r="J30" s="513">
        <v>1</v>
      </c>
      <c r="K30" s="513">
        <v>10</v>
      </c>
      <c r="L30" s="513">
        <v>1</v>
      </c>
      <c r="M30" s="513"/>
      <c r="N30" s="513"/>
      <c r="O30" s="513" t="s">
        <v>3094</v>
      </c>
      <c r="P30" s="513"/>
      <c r="Q30" s="513"/>
    </row>
    <row r="31" spans="1:17" s="401" customFormat="1" ht="120" customHeight="1">
      <c r="A31" s="716">
        <v>18</v>
      </c>
      <c r="B31" s="513" t="s">
        <v>3093</v>
      </c>
      <c r="C31" s="513" t="s">
        <v>27</v>
      </c>
      <c r="D31" s="513" t="s">
        <v>3092</v>
      </c>
      <c r="E31" s="538" t="s">
        <v>3091</v>
      </c>
      <c r="F31" s="524">
        <v>44019</v>
      </c>
      <c r="G31" s="524"/>
      <c r="H31" s="513" t="s">
        <v>10</v>
      </c>
      <c r="I31" s="513"/>
      <c r="J31" s="513">
        <v>1</v>
      </c>
      <c r="K31" s="513">
        <v>13</v>
      </c>
      <c r="L31" s="513">
        <v>1</v>
      </c>
      <c r="M31" s="513"/>
      <c r="N31" s="513"/>
      <c r="O31" s="513" t="s">
        <v>3090</v>
      </c>
      <c r="P31" s="513"/>
      <c r="Q31" s="513"/>
    </row>
    <row r="32" spans="1:17" s="401" customFormat="1" ht="120" customHeight="1">
      <c r="A32" s="716">
        <v>19</v>
      </c>
      <c r="B32" s="513" t="s">
        <v>3089</v>
      </c>
      <c r="C32" s="513" t="s">
        <v>27</v>
      </c>
      <c r="D32" s="513" t="s">
        <v>3088</v>
      </c>
      <c r="E32" s="538" t="s">
        <v>3087</v>
      </c>
      <c r="F32" s="524">
        <v>44013</v>
      </c>
      <c r="G32" s="524"/>
      <c r="H32" s="513" t="s">
        <v>10</v>
      </c>
      <c r="I32" s="513"/>
      <c r="J32" s="513">
        <v>1</v>
      </c>
      <c r="K32" s="513">
        <v>18</v>
      </c>
      <c r="L32" s="513">
        <v>1</v>
      </c>
      <c r="M32" s="513"/>
      <c r="N32" s="513"/>
      <c r="O32" s="513" t="s">
        <v>3086</v>
      </c>
      <c r="P32" s="513"/>
      <c r="Q32" s="513"/>
    </row>
    <row r="33" spans="1:17" s="401" customFormat="1" ht="120" customHeight="1">
      <c r="A33" s="716">
        <v>20</v>
      </c>
      <c r="B33" s="513" t="s">
        <v>3085</v>
      </c>
      <c r="C33" s="513" t="s">
        <v>27</v>
      </c>
      <c r="D33" s="513" t="s">
        <v>3080</v>
      </c>
      <c r="E33" s="538" t="s">
        <v>3079</v>
      </c>
      <c r="F33" s="524">
        <v>44090</v>
      </c>
      <c r="G33" s="719"/>
      <c r="H33" s="513" t="s">
        <v>10</v>
      </c>
      <c r="I33" s="513"/>
      <c r="J33" s="513">
        <v>1</v>
      </c>
      <c r="K33" s="513">
        <v>8</v>
      </c>
      <c r="L33" s="513">
        <v>1</v>
      </c>
      <c r="M33" s="513"/>
      <c r="N33" s="513"/>
      <c r="O33" s="513" t="s">
        <v>3084</v>
      </c>
      <c r="P33" s="513"/>
      <c r="Q33" s="513"/>
    </row>
    <row r="34" spans="1:17" s="401" customFormat="1" ht="120" customHeight="1">
      <c r="A34" s="716">
        <v>21</v>
      </c>
      <c r="B34" s="513" t="s">
        <v>3083</v>
      </c>
      <c r="C34" s="513" t="s">
        <v>27</v>
      </c>
      <c r="D34" s="513" t="s">
        <v>3080</v>
      </c>
      <c r="E34" s="538" t="s">
        <v>3079</v>
      </c>
      <c r="F34" s="524">
        <v>44090</v>
      </c>
      <c r="G34" s="719"/>
      <c r="H34" s="513" t="s">
        <v>10</v>
      </c>
      <c r="I34" s="513"/>
      <c r="J34" s="513">
        <v>1</v>
      </c>
      <c r="K34" s="513">
        <v>5</v>
      </c>
      <c r="L34" s="513">
        <v>1</v>
      </c>
      <c r="M34" s="513"/>
      <c r="N34" s="513"/>
      <c r="O34" s="513" t="s">
        <v>3082</v>
      </c>
      <c r="P34" s="513"/>
      <c r="Q34" s="513"/>
    </row>
    <row r="35" spans="1:17" s="401" customFormat="1" ht="120" customHeight="1">
      <c r="A35" s="716">
        <v>22</v>
      </c>
      <c r="B35" s="513" t="s">
        <v>3081</v>
      </c>
      <c r="C35" s="513" t="s">
        <v>27</v>
      </c>
      <c r="D35" s="513" t="s">
        <v>3080</v>
      </c>
      <c r="E35" s="538" t="s">
        <v>3079</v>
      </c>
      <c r="F35" s="524">
        <v>44090</v>
      </c>
      <c r="G35" s="719"/>
      <c r="H35" s="513" t="s">
        <v>10</v>
      </c>
      <c r="I35" s="513"/>
      <c r="J35" s="513">
        <v>1</v>
      </c>
      <c r="K35" s="513">
        <v>7</v>
      </c>
      <c r="L35" s="513"/>
      <c r="M35" s="513"/>
      <c r="N35" s="513"/>
      <c r="O35" s="513" t="s">
        <v>4759</v>
      </c>
      <c r="P35" s="513"/>
      <c r="Q35" s="513"/>
    </row>
    <row r="36" spans="1:17" s="401" customFormat="1" ht="120" customHeight="1">
      <c r="A36" s="716">
        <v>23</v>
      </c>
      <c r="B36" s="513" t="s">
        <v>3081</v>
      </c>
      <c r="C36" s="513" t="s">
        <v>27</v>
      </c>
      <c r="D36" s="513" t="s">
        <v>3080</v>
      </c>
      <c r="E36" s="538" t="s">
        <v>3079</v>
      </c>
      <c r="F36" s="524">
        <v>44090</v>
      </c>
      <c r="G36" s="524"/>
      <c r="H36" s="513" t="s">
        <v>10</v>
      </c>
      <c r="I36" s="513"/>
      <c r="J36" s="513">
        <v>1</v>
      </c>
      <c r="K36" s="513">
        <v>3</v>
      </c>
      <c r="L36" s="513"/>
      <c r="M36" s="513"/>
      <c r="N36" s="513"/>
      <c r="O36" s="513" t="s">
        <v>4759</v>
      </c>
      <c r="P36" s="513"/>
      <c r="Q36" s="513"/>
    </row>
    <row r="37" spans="1:17" s="401" customFormat="1" ht="120" customHeight="1">
      <c r="A37" s="716">
        <v>24</v>
      </c>
      <c r="B37" s="513" t="s">
        <v>3081</v>
      </c>
      <c r="C37" s="513" t="s">
        <v>27</v>
      </c>
      <c r="D37" s="513" t="s">
        <v>3080</v>
      </c>
      <c r="E37" s="538" t="s">
        <v>3079</v>
      </c>
      <c r="F37" s="524">
        <v>44090</v>
      </c>
      <c r="G37" s="524"/>
      <c r="H37" s="513" t="s">
        <v>10</v>
      </c>
      <c r="I37" s="513"/>
      <c r="J37" s="513">
        <v>1</v>
      </c>
      <c r="K37" s="513">
        <v>7</v>
      </c>
      <c r="L37" s="513">
        <v>1</v>
      </c>
      <c r="M37" s="513"/>
      <c r="N37" s="513"/>
      <c r="O37" s="513" t="s">
        <v>4759</v>
      </c>
      <c r="P37" s="513"/>
      <c r="Q37" s="513"/>
    </row>
    <row r="38" spans="1:17" s="401" customFormat="1" ht="120" customHeight="1">
      <c r="A38" s="716">
        <v>25</v>
      </c>
      <c r="B38" s="513" t="s">
        <v>4770</v>
      </c>
      <c r="C38" s="513" t="s">
        <v>15</v>
      </c>
      <c r="D38" s="513" t="s">
        <v>4760</v>
      </c>
      <c r="E38" s="538" t="s">
        <v>3078</v>
      </c>
      <c r="F38" s="524"/>
      <c r="G38" s="524"/>
      <c r="H38" s="513" t="s">
        <v>10</v>
      </c>
      <c r="I38" s="513"/>
      <c r="J38" s="513">
        <v>1</v>
      </c>
      <c r="K38" s="513">
        <v>5</v>
      </c>
      <c r="L38" s="513">
        <v>1</v>
      </c>
      <c r="M38" s="513"/>
      <c r="N38" s="513"/>
      <c r="O38" s="546" t="s">
        <v>4761</v>
      </c>
      <c r="P38" s="513"/>
      <c r="Q38" s="513"/>
    </row>
    <row r="39" spans="1:17" s="401" customFormat="1" ht="120" customHeight="1">
      <c r="A39" s="716">
        <v>26</v>
      </c>
      <c r="B39" s="513" t="s">
        <v>3077</v>
      </c>
      <c r="C39" s="513" t="s">
        <v>27</v>
      </c>
      <c r="D39" s="513" t="s">
        <v>3076</v>
      </c>
      <c r="E39" s="538" t="s">
        <v>3075</v>
      </c>
      <c r="F39" s="524">
        <v>44023</v>
      </c>
      <c r="G39" s="524"/>
      <c r="H39" s="513" t="s">
        <v>10</v>
      </c>
      <c r="I39" s="513"/>
      <c r="J39" s="513">
        <v>1</v>
      </c>
      <c r="K39" s="513">
        <v>3</v>
      </c>
      <c r="L39" s="513">
        <v>1</v>
      </c>
      <c r="M39" s="513"/>
      <c r="N39" s="513"/>
      <c r="O39" s="513" t="s">
        <v>3074</v>
      </c>
      <c r="P39" s="513"/>
      <c r="Q39" s="513"/>
    </row>
    <row r="40" spans="1:17" s="401" customFormat="1" ht="120" customHeight="1">
      <c r="A40" s="716">
        <v>27</v>
      </c>
      <c r="B40" s="513" t="s">
        <v>3073</v>
      </c>
      <c r="C40" s="513" t="s">
        <v>27</v>
      </c>
      <c r="D40" s="513" t="s">
        <v>3072</v>
      </c>
      <c r="E40" s="538" t="s">
        <v>3071</v>
      </c>
      <c r="F40" s="524">
        <v>44015</v>
      </c>
      <c r="G40" s="524"/>
      <c r="H40" s="513" t="s">
        <v>10</v>
      </c>
      <c r="I40" s="513"/>
      <c r="J40" s="513">
        <v>1</v>
      </c>
      <c r="K40" s="513">
        <v>4</v>
      </c>
      <c r="L40" s="513">
        <v>1</v>
      </c>
      <c r="M40" s="513"/>
      <c r="N40" s="513"/>
      <c r="O40" s="513" t="s">
        <v>3070</v>
      </c>
      <c r="P40" s="513"/>
      <c r="Q40" s="513"/>
    </row>
    <row r="41" spans="1:17" s="401" customFormat="1" ht="120" customHeight="1">
      <c r="A41" s="716">
        <v>28</v>
      </c>
      <c r="B41" s="513" t="s">
        <v>3069</v>
      </c>
      <c r="C41" s="513" t="s">
        <v>27</v>
      </c>
      <c r="D41" s="513" t="s">
        <v>3068</v>
      </c>
      <c r="E41" s="538" t="s">
        <v>3067</v>
      </c>
      <c r="F41" s="524">
        <v>44119</v>
      </c>
      <c r="G41" s="524"/>
      <c r="H41" s="513" t="s">
        <v>10</v>
      </c>
      <c r="I41" s="513"/>
      <c r="J41" s="513">
        <v>1</v>
      </c>
      <c r="K41" s="513">
        <v>9</v>
      </c>
      <c r="L41" s="513">
        <v>1</v>
      </c>
      <c r="M41" s="513"/>
      <c r="N41" s="513"/>
      <c r="O41" s="513" t="s">
        <v>3066</v>
      </c>
      <c r="P41" s="513"/>
      <c r="Q41" s="513"/>
    </row>
    <row r="42" spans="1:17" s="401" customFormat="1" ht="120" customHeight="1">
      <c r="A42" s="716">
        <v>29</v>
      </c>
      <c r="B42" s="513" t="s">
        <v>3065</v>
      </c>
      <c r="C42" s="513" t="s">
        <v>27</v>
      </c>
      <c r="D42" s="513" t="s">
        <v>3064</v>
      </c>
      <c r="E42" s="538" t="s">
        <v>3063</v>
      </c>
      <c r="F42" s="524">
        <v>44285</v>
      </c>
      <c r="G42" s="524"/>
      <c r="H42" s="513" t="s">
        <v>10</v>
      </c>
      <c r="I42" s="513"/>
      <c r="J42" s="513">
        <v>1</v>
      </c>
      <c r="K42" s="513">
        <v>3</v>
      </c>
      <c r="L42" s="513">
        <v>1</v>
      </c>
      <c r="M42" s="513"/>
      <c r="N42" s="513"/>
      <c r="O42" s="513" t="s">
        <v>3062</v>
      </c>
      <c r="P42" s="513"/>
      <c r="Q42" s="513"/>
    </row>
    <row r="43" spans="1:17" s="401" customFormat="1" ht="120" customHeight="1">
      <c r="A43" s="716">
        <v>30</v>
      </c>
      <c r="B43" s="513" t="s">
        <v>3061</v>
      </c>
      <c r="C43" s="513" t="s">
        <v>15</v>
      </c>
      <c r="D43" s="513" t="s">
        <v>3060</v>
      </c>
      <c r="E43" s="538" t="s">
        <v>3059</v>
      </c>
      <c r="F43" s="524">
        <v>41509</v>
      </c>
      <c r="G43" s="524" t="s">
        <v>63</v>
      </c>
      <c r="H43" s="524" t="s">
        <v>10</v>
      </c>
      <c r="I43" s="524"/>
      <c r="J43" s="513">
        <v>1</v>
      </c>
      <c r="K43" s="513">
        <v>20</v>
      </c>
      <c r="L43" s="513">
        <v>1</v>
      </c>
      <c r="M43" s="513"/>
      <c r="N43" s="513"/>
      <c r="O43" s="513" t="s">
        <v>3058</v>
      </c>
      <c r="P43" s="513"/>
      <c r="Q43" s="513"/>
    </row>
    <row r="44" spans="1:17" s="401" customFormat="1" ht="153.75" customHeight="1">
      <c r="A44" s="716">
        <v>31</v>
      </c>
      <c r="B44" s="513" t="s">
        <v>3057</v>
      </c>
      <c r="C44" s="513" t="s">
        <v>179</v>
      </c>
      <c r="D44" s="513" t="s">
        <v>3056</v>
      </c>
      <c r="E44" s="538" t="s">
        <v>3055</v>
      </c>
      <c r="F44" s="524">
        <v>37552</v>
      </c>
      <c r="G44" s="513" t="s">
        <v>125</v>
      </c>
      <c r="H44" s="513" t="s">
        <v>4762</v>
      </c>
      <c r="I44" s="513"/>
      <c r="J44" s="513">
        <v>22</v>
      </c>
      <c r="K44" s="513">
        <v>74</v>
      </c>
      <c r="L44" s="513"/>
      <c r="M44" s="513"/>
      <c r="N44" s="513"/>
      <c r="O44" s="513" t="s">
        <v>3054</v>
      </c>
      <c r="P44" s="513"/>
      <c r="Q44" s="513"/>
    </row>
    <row r="45" spans="1:17" s="401" customFormat="1" ht="120" customHeight="1">
      <c r="A45" s="716">
        <v>32</v>
      </c>
      <c r="B45" s="513" t="s">
        <v>3053</v>
      </c>
      <c r="C45" s="513" t="s">
        <v>15</v>
      </c>
      <c r="D45" s="513" t="s">
        <v>3052</v>
      </c>
      <c r="E45" s="538" t="s">
        <v>3051</v>
      </c>
      <c r="F45" s="524">
        <v>44781</v>
      </c>
      <c r="G45" s="513" t="s">
        <v>125</v>
      </c>
      <c r="H45" s="513" t="s">
        <v>10</v>
      </c>
      <c r="I45" s="513"/>
      <c r="J45" s="513">
        <v>2</v>
      </c>
      <c r="K45" s="513">
        <v>4</v>
      </c>
      <c r="L45" s="513"/>
      <c r="M45" s="513"/>
      <c r="N45" s="513"/>
      <c r="O45" s="513" t="s">
        <v>3050</v>
      </c>
      <c r="P45" s="513"/>
      <c r="Q45" s="513"/>
    </row>
    <row r="46" spans="1:17" s="401" customFormat="1" ht="120" customHeight="1">
      <c r="A46" s="716">
        <v>33</v>
      </c>
      <c r="B46" s="513" t="s">
        <v>3049</v>
      </c>
      <c r="C46" s="513" t="s">
        <v>179</v>
      </c>
      <c r="D46" s="513" t="s">
        <v>3048</v>
      </c>
      <c r="E46" s="538" t="s">
        <v>3047</v>
      </c>
      <c r="F46" s="524">
        <v>38230</v>
      </c>
      <c r="G46" s="513" t="s">
        <v>125</v>
      </c>
      <c r="H46" s="513" t="s">
        <v>10</v>
      </c>
      <c r="I46" s="513"/>
      <c r="J46" s="513">
        <v>1</v>
      </c>
      <c r="K46" s="513">
        <v>13</v>
      </c>
      <c r="L46" s="513"/>
      <c r="M46" s="513"/>
      <c r="N46" s="513"/>
      <c r="O46" s="513" t="s">
        <v>3046</v>
      </c>
      <c r="P46" s="513"/>
      <c r="Q46" s="513"/>
    </row>
    <row r="47" spans="1:17" s="401" customFormat="1" ht="120" customHeight="1">
      <c r="A47" s="716">
        <v>34</v>
      </c>
      <c r="B47" s="513" t="s">
        <v>3045</v>
      </c>
      <c r="C47" s="513" t="s">
        <v>27</v>
      </c>
      <c r="D47" s="513" t="s">
        <v>4763</v>
      </c>
      <c r="E47" s="538"/>
      <c r="F47" s="524"/>
      <c r="G47" s="719" t="s">
        <v>383</v>
      </c>
      <c r="H47" s="513" t="s">
        <v>10</v>
      </c>
      <c r="I47" s="513"/>
      <c r="J47" s="513">
        <v>1</v>
      </c>
      <c r="K47" s="513">
        <v>6</v>
      </c>
      <c r="L47" s="513"/>
      <c r="M47" s="513"/>
      <c r="N47" s="513"/>
      <c r="O47" s="513" t="s">
        <v>3044</v>
      </c>
      <c r="P47" s="513"/>
      <c r="Q47" s="513"/>
    </row>
    <row r="48" spans="1:17" s="401" customFormat="1" ht="120" customHeight="1">
      <c r="A48" s="716">
        <v>35</v>
      </c>
      <c r="B48" s="513" t="s">
        <v>3043</v>
      </c>
      <c r="C48" s="513" t="s">
        <v>15</v>
      </c>
      <c r="D48" s="513" t="s">
        <v>3042</v>
      </c>
      <c r="E48" s="538" t="s">
        <v>3041</v>
      </c>
      <c r="F48" s="524">
        <v>44630</v>
      </c>
      <c r="G48" s="513" t="s">
        <v>3040</v>
      </c>
      <c r="H48" s="513" t="s">
        <v>10</v>
      </c>
      <c r="I48" s="513"/>
      <c r="J48" s="513">
        <v>2</v>
      </c>
      <c r="K48" s="513">
        <v>4</v>
      </c>
      <c r="L48" s="513"/>
      <c r="M48" s="513"/>
      <c r="N48" s="513"/>
      <c r="O48" s="513" t="s">
        <v>3039</v>
      </c>
      <c r="P48" s="513"/>
      <c r="Q48" s="513"/>
    </row>
    <row r="49" spans="1:18" s="401" customFormat="1" ht="120" customHeight="1">
      <c r="A49" s="716">
        <v>36</v>
      </c>
      <c r="B49" s="513" t="s">
        <v>3038</v>
      </c>
      <c r="C49" s="513" t="s">
        <v>27</v>
      </c>
      <c r="D49" s="513" t="s">
        <v>3037</v>
      </c>
      <c r="E49" s="538"/>
      <c r="F49" s="524"/>
      <c r="G49" s="513" t="s">
        <v>4103</v>
      </c>
      <c r="H49" s="513" t="s">
        <v>10</v>
      </c>
      <c r="I49" s="513"/>
      <c r="J49" s="513">
        <v>2</v>
      </c>
      <c r="K49" s="513">
        <v>27</v>
      </c>
      <c r="L49" s="513"/>
      <c r="M49" s="513"/>
      <c r="N49" s="513"/>
      <c r="O49" s="513" t="s">
        <v>3036</v>
      </c>
      <c r="P49" s="513"/>
      <c r="Q49" s="513"/>
    </row>
    <row r="50" spans="1:18" s="401" customFormat="1" ht="120" customHeight="1">
      <c r="A50" s="716">
        <v>37</v>
      </c>
      <c r="B50" s="513" t="s">
        <v>4764</v>
      </c>
      <c r="C50" s="513" t="s">
        <v>179</v>
      </c>
      <c r="D50" s="513" t="s">
        <v>3035</v>
      </c>
      <c r="E50" s="538" t="s">
        <v>3034</v>
      </c>
      <c r="F50" s="524">
        <v>37547</v>
      </c>
      <c r="G50" s="513" t="s">
        <v>4103</v>
      </c>
      <c r="H50" s="513" t="s">
        <v>10</v>
      </c>
      <c r="I50" s="513"/>
      <c r="J50" s="513">
        <v>6</v>
      </c>
      <c r="K50" s="513">
        <v>52</v>
      </c>
      <c r="L50" s="513"/>
      <c r="M50" s="513"/>
      <c r="N50" s="513"/>
      <c r="O50" s="513" t="s">
        <v>3033</v>
      </c>
      <c r="P50" s="513"/>
      <c r="Q50" s="513"/>
    </row>
    <row r="51" spans="1:18" s="401" customFormat="1" ht="120" customHeight="1">
      <c r="A51" s="716">
        <v>38</v>
      </c>
      <c r="B51" s="513" t="s">
        <v>3032</v>
      </c>
      <c r="C51" s="513" t="s">
        <v>27</v>
      </c>
      <c r="D51" s="513" t="s">
        <v>3031</v>
      </c>
      <c r="E51" s="538"/>
      <c r="F51" s="524">
        <v>44648</v>
      </c>
      <c r="G51" s="513" t="s">
        <v>3030</v>
      </c>
      <c r="H51" s="513" t="s">
        <v>10</v>
      </c>
      <c r="I51" s="513"/>
      <c r="J51" s="513">
        <v>2</v>
      </c>
      <c r="K51" s="513">
        <v>11</v>
      </c>
      <c r="L51" s="513"/>
      <c r="M51" s="513"/>
      <c r="N51" s="513"/>
      <c r="O51" s="513" t="s">
        <v>3029</v>
      </c>
      <c r="P51" s="513"/>
      <c r="Q51" s="513"/>
    </row>
    <row r="52" spans="1:18" s="401" customFormat="1" ht="167.25" customHeight="1">
      <c r="A52" s="716">
        <v>39</v>
      </c>
      <c r="B52" s="513" t="s">
        <v>3028</v>
      </c>
      <c r="C52" s="513" t="s">
        <v>179</v>
      </c>
      <c r="D52" s="513" t="s">
        <v>3027</v>
      </c>
      <c r="E52" s="538" t="s">
        <v>3026</v>
      </c>
      <c r="F52" s="524">
        <v>44729</v>
      </c>
      <c r="G52" s="513" t="s">
        <v>3025</v>
      </c>
      <c r="H52" s="513" t="s">
        <v>10</v>
      </c>
      <c r="I52" s="513"/>
      <c r="J52" s="513">
        <v>1</v>
      </c>
      <c r="K52" s="513">
        <v>5</v>
      </c>
      <c r="L52" s="513">
        <v>1</v>
      </c>
      <c r="M52" s="513"/>
      <c r="N52" s="513"/>
      <c r="O52" s="513" t="s">
        <v>3024</v>
      </c>
      <c r="P52" s="513"/>
      <c r="Q52" s="513"/>
    </row>
    <row r="53" spans="1:18" s="401" customFormat="1" ht="167.25" customHeight="1">
      <c r="A53" s="716">
        <v>40</v>
      </c>
      <c r="B53" s="513" t="s">
        <v>3023</v>
      </c>
      <c r="C53" s="513" t="s">
        <v>27</v>
      </c>
      <c r="D53" s="513" t="s">
        <v>3022</v>
      </c>
      <c r="E53" s="538"/>
      <c r="F53" s="524">
        <v>2023</v>
      </c>
      <c r="G53" s="513"/>
      <c r="H53" s="513" t="s">
        <v>10</v>
      </c>
      <c r="I53" s="513"/>
      <c r="J53" s="513">
        <v>1</v>
      </c>
      <c r="K53" s="513">
        <v>4</v>
      </c>
      <c r="L53" s="513">
        <v>1</v>
      </c>
      <c r="M53" s="513"/>
      <c r="N53" s="513"/>
      <c r="O53" s="513" t="s">
        <v>3021</v>
      </c>
      <c r="P53" s="513"/>
      <c r="Q53" s="513"/>
    </row>
    <row r="54" spans="1:18" s="401" customFormat="1" ht="15" customHeight="1">
      <c r="A54" s="716"/>
      <c r="B54" s="1270" t="s">
        <v>16</v>
      </c>
      <c r="C54" s="1271"/>
      <c r="D54" s="1271"/>
      <c r="E54" s="1271"/>
      <c r="F54" s="1271"/>
      <c r="G54" s="1271"/>
      <c r="H54" s="1271"/>
      <c r="I54" s="1272"/>
      <c r="J54" s="1271"/>
      <c r="K54" s="1271"/>
      <c r="L54" s="1271"/>
      <c r="M54" s="1271"/>
      <c r="N54" s="1271"/>
      <c r="O54" s="1271"/>
      <c r="P54" s="1271"/>
      <c r="Q54" s="1273"/>
    </row>
    <row r="55" spans="1:18" s="401" customFormat="1" ht="120" customHeight="1">
      <c r="A55" s="716">
        <v>1</v>
      </c>
      <c r="B55" s="716" t="s">
        <v>3020</v>
      </c>
      <c r="C55" s="716"/>
      <c r="D55" s="716" t="s">
        <v>3019</v>
      </c>
      <c r="E55" s="717"/>
      <c r="F55" s="716"/>
      <c r="G55" s="716"/>
      <c r="H55" s="716"/>
      <c r="I55" s="513"/>
      <c r="J55" s="716"/>
      <c r="K55" s="716"/>
      <c r="L55" s="716">
        <v>0</v>
      </c>
      <c r="M55" s="716"/>
      <c r="N55" s="716"/>
      <c r="O55" s="716" t="s">
        <v>3018</v>
      </c>
      <c r="P55" s="716"/>
      <c r="Q55" s="716" t="s">
        <v>3017</v>
      </c>
      <c r="R55" s="401" t="s">
        <v>3016</v>
      </c>
    </row>
    <row r="56" spans="1:18" s="401" customFormat="1" ht="15.75">
      <c r="E56" s="465"/>
    </row>
    <row r="57" spans="1:18" s="401" customFormat="1" ht="15.75">
      <c r="E57" s="465"/>
    </row>
    <row r="58" spans="1:18" s="401" customFormat="1" ht="15.75">
      <c r="E58" s="465"/>
    </row>
    <row r="59" spans="1:18" s="726" customFormat="1" ht="78.75">
      <c r="A59" s="720">
        <v>1</v>
      </c>
      <c r="B59" s="721" t="s">
        <v>2992</v>
      </c>
      <c r="C59" s="722" t="s">
        <v>2991</v>
      </c>
      <c r="D59" s="722" t="s">
        <v>3015</v>
      </c>
      <c r="E59" s="723" t="s">
        <v>2989</v>
      </c>
      <c r="F59" s="724">
        <v>41390</v>
      </c>
      <c r="G59" s="724" t="s">
        <v>15</v>
      </c>
      <c r="H59" s="725" t="s">
        <v>1283</v>
      </c>
      <c r="I59" s="725"/>
      <c r="J59" s="725" t="s">
        <v>3014</v>
      </c>
    </row>
    <row r="60" spans="1:18" s="726" customFormat="1" ht="94.5">
      <c r="A60" s="727">
        <v>2</v>
      </c>
      <c r="B60" s="721" t="s">
        <v>3013</v>
      </c>
      <c r="C60" s="722" t="s">
        <v>3012</v>
      </c>
      <c r="D60" s="722" t="s">
        <v>3011</v>
      </c>
      <c r="E60" s="722" t="s">
        <v>3010</v>
      </c>
      <c r="F60" s="728">
        <v>41653</v>
      </c>
      <c r="G60" s="728" t="s">
        <v>179</v>
      </c>
      <c r="H60" s="725" t="s">
        <v>1283</v>
      </c>
      <c r="I60" s="725"/>
      <c r="J60" s="725" t="s">
        <v>3009</v>
      </c>
    </row>
    <row r="61" spans="1:18" s="401" customFormat="1" ht="204.75">
      <c r="A61" s="716">
        <v>3</v>
      </c>
      <c r="B61" s="513" t="s">
        <v>1296</v>
      </c>
      <c r="C61" s="513" t="s">
        <v>3008</v>
      </c>
      <c r="D61" s="513" t="s">
        <v>3007</v>
      </c>
      <c r="E61" s="538" t="s">
        <v>3006</v>
      </c>
      <c r="F61" s="524">
        <v>40969</v>
      </c>
      <c r="G61" s="513" t="s">
        <v>15</v>
      </c>
      <c r="H61" s="513"/>
      <c r="I61" s="513"/>
      <c r="J61" s="513" t="s">
        <v>3005</v>
      </c>
    </row>
    <row r="62" spans="1:18" s="401" customFormat="1" ht="204.75">
      <c r="A62" s="716">
        <v>4</v>
      </c>
      <c r="B62" s="513" t="s">
        <v>3004</v>
      </c>
      <c r="C62" s="513" t="s">
        <v>3003</v>
      </c>
      <c r="D62" s="513" t="s">
        <v>3002</v>
      </c>
      <c r="E62" s="538" t="s">
        <v>3001</v>
      </c>
      <c r="F62" s="513"/>
      <c r="G62" s="729" t="s">
        <v>3000</v>
      </c>
      <c r="H62" s="513" t="s">
        <v>2994</v>
      </c>
      <c r="I62" s="513"/>
      <c r="J62" s="730" t="s">
        <v>2999</v>
      </c>
    </row>
    <row r="63" spans="1:18" s="401" customFormat="1" ht="141.75">
      <c r="A63" s="566">
        <v>5</v>
      </c>
      <c r="B63" s="513" t="s">
        <v>2998</v>
      </c>
      <c r="C63" s="513" t="s">
        <v>2997</v>
      </c>
      <c r="D63" s="513" t="s">
        <v>2996</v>
      </c>
      <c r="E63" s="731"/>
      <c r="F63" s="566"/>
      <c r="G63" s="732" t="s">
        <v>2995</v>
      </c>
      <c r="H63" s="513" t="s">
        <v>2994</v>
      </c>
      <c r="I63" s="513"/>
      <c r="J63" s="730" t="s">
        <v>2993</v>
      </c>
    </row>
    <row r="64" spans="1:18" s="401" customFormat="1" ht="252">
      <c r="A64" s="733">
        <v>6</v>
      </c>
      <c r="B64" s="734" t="s">
        <v>2992</v>
      </c>
      <c r="C64" s="735" t="s">
        <v>2991</v>
      </c>
      <c r="D64" s="735" t="s">
        <v>2990</v>
      </c>
      <c r="E64" s="736" t="s">
        <v>2989</v>
      </c>
      <c r="F64" s="737">
        <v>41390</v>
      </c>
      <c r="G64" s="737" t="s">
        <v>15</v>
      </c>
      <c r="H64" s="725" t="s">
        <v>1283</v>
      </c>
      <c r="I64" s="725"/>
      <c r="J64" s="738" t="s">
        <v>2988</v>
      </c>
    </row>
    <row r="65" spans="2:10" s="401" customFormat="1" ht="94.5">
      <c r="B65" s="513" t="s">
        <v>4765</v>
      </c>
      <c r="C65" s="513"/>
      <c r="D65" s="513" t="s">
        <v>4766</v>
      </c>
      <c r="E65" s="513" t="s">
        <v>4767</v>
      </c>
      <c r="F65" s="513"/>
      <c r="G65" s="513"/>
      <c r="H65" s="513" t="s">
        <v>4768</v>
      </c>
      <c r="I65" s="513"/>
      <c r="J65" s="513" t="s">
        <v>4769</v>
      </c>
    </row>
    <row r="66" spans="2:10" s="401" customFormat="1" ht="15.75">
      <c r="E66" s="465"/>
    </row>
  </sheetData>
  <autoFilter ref="A13:R55"/>
  <mergeCells count="6">
    <mergeCell ref="B54:Q54"/>
    <mergeCell ref="A1:O1"/>
    <mergeCell ref="E7:F7"/>
    <mergeCell ref="B9:Q9"/>
    <mergeCell ref="B11:Q11"/>
    <mergeCell ref="B12:Q12"/>
  </mergeCells>
  <hyperlinks>
    <hyperlink ref="G62" r:id="rId1"/>
    <hyperlink ref="G63" r:id="rId2"/>
  </hyperlinks>
  <pageMargins left="0.7" right="0.7" top="0.75" bottom="0.75" header="0.3" footer="0.3"/>
  <pageSetup paperSize="9" orientation="portrait" r:id="rId3"/>
</worksheet>
</file>

<file path=xl/worksheets/sheet19.xml><?xml version="1.0" encoding="utf-8"?>
<worksheet xmlns="http://schemas.openxmlformats.org/spreadsheetml/2006/main" xmlns:r="http://schemas.openxmlformats.org/officeDocument/2006/relationships">
  <dimension ref="A1:Q178"/>
  <sheetViews>
    <sheetView zoomScaleNormal="100" zoomScaleSheetLayoutView="100" workbookViewId="0">
      <selection activeCell="H10" sqref="H10"/>
    </sheetView>
  </sheetViews>
  <sheetFormatPr defaultRowHeight="15"/>
  <cols>
    <col min="1" max="1" width="5.85546875" style="29" customWidth="1"/>
    <col min="2" max="2" width="25.140625" style="28" customWidth="1"/>
    <col min="3" max="3" width="9.42578125" style="28" customWidth="1"/>
    <col min="4" max="4" width="20.28515625" style="28" customWidth="1"/>
    <col min="5" max="5" width="18.7109375" style="30" customWidth="1"/>
    <col min="6" max="6" width="16.28515625" style="28" customWidth="1"/>
    <col min="7" max="7" width="19.5703125" style="28" customWidth="1"/>
    <col min="8" max="9" width="16.5703125" style="29" customWidth="1"/>
    <col min="10" max="10" width="11.85546875" style="29" customWidth="1"/>
    <col min="11" max="11" width="9.28515625" style="29" customWidth="1"/>
    <col min="12" max="13" width="12.5703125" style="29" customWidth="1"/>
    <col min="14" max="14" width="19.140625" style="29" customWidth="1"/>
    <col min="15" max="15" width="23.7109375" style="28" customWidth="1"/>
    <col min="16" max="16" width="14.140625" style="28" customWidth="1"/>
    <col min="17" max="17" width="15.42578125" style="28" customWidth="1"/>
    <col min="18" max="16384" width="9.140625" style="28"/>
  </cols>
  <sheetData>
    <row r="1" spans="1:17" s="401" customFormat="1" ht="15.75">
      <c r="A1" s="1274" t="s">
        <v>637</v>
      </c>
      <c r="B1" s="1274"/>
      <c r="C1" s="1274"/>
      <c r="D1" s="1274"/>
      <c r="E1" s="1274"/>
      <c r="F1" s="1274"/>
      <c r="G1" s="1274"/>
      <c r="H1" s="1274"/>
      <c r="I1" s="1274"/>
      <c r="J1" s="1274"/>
      <c r="K1" s="1274"/>
      <c r="L1" s="1274"/>
      <c r="M1" s="1274"/>
      <c r="N1" s="1274"/>
      <c r="O1" s="1274"/>
    </row>
    <row r="2" spans="1:17" s="401" customFormat="1" ht="79.5" customHeight="1">
      <c r="A2" s="739" t="s">
        <v>173</v>
      </c>
      <c r="B2" s="740" t="s">
        <v>186</v>
      </c>
      <c r="C2" s="740" t="s">
        <v>184</v>
      </c>
      <c r="E2" s="739" t="s">
        <v>185</v>
      </c>
      <c r="F2" s="741" t="s">
        <v>184</v>
      </c>
      <c r="H2" s="402"/>
      <c r="I2" s="402"/>
      <c r="K2" s="402"/>
      <c r="L2" s="402"/>
      <c r="M2" s="402"/>
      <c r="N2" s="402"/>
      <c r="O2" s="402"/>
      <c r="P2" s="402"/>
    </row>
    <row r="3" spans="1:17" s="401" customFormat="1" ht="36" customHeight="1">
      <c r="A3" s="742"/>
      <c r="B3" s="740" t="s">
        <v>183</v>
      </c>
      <c r="C3" s="740">
        <v>29</v>
      </c>
      <c r="E3" s="739" t="s">
        <v>182</v>
      </c>
      <c r="F3" s="740">
        <f>F4+F5+F6</f>
        <v>28</v>
      </c>
      <c r="H3" s="402"/>
      <c r="I3" s="402"/>
      <c r="K3" s="402"/>
      <c r="L3" s="402"/>
      <c r="M3" s="402"/>
      <c r="N3" s="402"/>
      <c r="O3" s="402"/>
      <c r="P3" s="402"/>
    </row>
    <row r="4" spans="1:17" s="401" customFormat="1" ht="37.5" customHeight="1">
      <c r="A4" s="742" t="s">
        <v>181</v>
      </c>
      <c r="B4" s="741" t="s">
        <v>180</v>
      </c>
      <c r="C4" s="741">
        <v>28</v>
      </c>
      <c r="E4" s="742" t="s">
        <v>179</v>
      </c>
      <c r="F4" s="741">
        <v>8</v>
      </c>
      <c r="H4" s="402"/>
      <c r="I4" s="402"/>
      <c r="K4" s="402"/>
      <c r="L4" s="402"/>
      <c r="M4" s="402"/>
      <c r="N4" s="402"/>
      <c r="O4" s="402"/>
      <c r="P4" s="402"/>
    </row>
    <row r="5" spans="1:17" s="401" customFormat="1" ht="33" customHeight="1">
      <c r="A5" s="742" t="s">
        <v>178</v>
      </c>
      <c r="B5" s="741" t="s">
        <v>177</v>
      </c>
      <c r="C5" s="741">
        <v>1</v>
      </c>
      <c r="E5" s="742" t="s">
        <v>15</v>
      </c>
      <c r="F5" s="741">
        <v>12</v>
      </c>
      <c r="H5" s="402"/>
      <c r="I5" s="402"/>
      <c r="K5" s="402"/>
      <c r="L5" s="402"/>
      <c r="M5" s="402"/>
      <c r="N5" s="402"/>
      <c r="O5" s="402"/>
      <c r="P5" s="402"/>
    </row>
    <row r="6" spans="1:17" s="401" customFormat="1" ht="23.25" customHeight="1">
      <c r="A6" s="465"/>
      <c r="E6" s="742" t="s">
        <v>27</v>
      </c>
      <c r="F6" s="741">
        <v>8</v>
      </c>
      <c r="H6" s="402" t="s">
        <v>4199</v>
      </c>
      <c r="I6" s="402"/>
      <c r="J6" s="401">
        <f>SUM(J21+J26+J29+J30+J32+J34+J35)</f>
        <v>179</v>
      </c>
      <c r="K6" s="402"/>
      <c r="L6" s="402"/>
      <c r="M6" s="402"/>
      <c r="N6" s="402"/>
      <c r="O6" s="402"/>
      <c r="P6" s="402"/>
    </row>
    <row r="7" spans="1:17" s="401" customFormat="1" ht="56.25" customHeight="1">
      <c r="A7" s="465"/>
      <c r="E7" s="1280" t="s">
        <v>175</v>
      </c>
      <c r="F7" s="1281"/>
      <c r="H7" s="743">
        <v>7</v>
      </c>
      <c r="I7" s="1118"/>
      <c r="J7" s="718">
        <f>SUM(J14:J32)</f>
        <v>245</v>
      </c>
      <c r="K7" s="743">
        <f>SUM(K14:K32)</f>
        <v>538</v>
      </c>
      <c r="L7" s="402"/>
      <c r="M7" s="402"/>
      <c r="N7" s="402"/>
      <c r="O7" s="402"/>
      <c r="P7" s="402"/>
    </row>
    <row r="8" spans="1:17" s="546" customFormat="1" ht="15.75">
      <c r="A8" s="401"/>
      <c r="E8" s="744"/>
      <c r="H8" s="401"/>
      <c r="I8" s="401"/>
      <c r="J8" s="401"/>
      <c r="K8" s="401"/>
      <c r="L8" s="401"/>
      <c r="M8" s="401"/>
      <c r="N8" s="401"/>
    </row>
    <row r="9" spans="1:17" s="546" customFormat="1" ht="15.75">
      <c r="A9" s="741"/>
      <c r="B9" s="1279" t="s">
        <v>174</v>
      </c>
      <c r="C9" s="1279"/>
      <c r="D9" s="1279"/>
      <c r="E9" s="1279"/>
      <c r="F9" s="1279"/>
      <c r="G9" s="1279"/>
      <c r="H9" s="1279"/>
      <c r="I9" s="1278"/>
      <c r="J9" s="1279"/>
      <c r="K9" s="1279"/>
      <c r="L9" s="1279"/>
      <c r="M9" s="1279"/>
      <c r="N9" s="1279"/>
      <c r="O9" s="1279"/>
      <c r="P9" s="1279"/>
      <c r="Q9" s="1279"/>
    </row>
    <row r="10" spans="1:17" s="446" customFormat="1" ht="108" customHeight="1">
      <c r="A10" s="741" t="s">
        <v>173</v>
      </c>
      <c r="B10" s="741" t="s">
        <v>172</v>
      </c>
      <c r="C10" s="741" t="s">
        <v>171</v>
      </c>
      <c r="D10" s="741" t="s">
        <v>170</v>
      </c>
      <c r="E10" s="742" t="s">
        <v>169</v>
      </c>
      <c r="F10" s="741" t="s">
        <v>168</v>
      </c>
      <c r="G10" s="741" t="s">
        <v>167</v>
      </c>
      <c r="H10" s="1064" t="s">
        <v>5073</v>
      </c>
      <c r="I10" s="1065" t="s">
        <v>5075</v>
      </c>
      <c r="J10" s="741" t="s">
        <v>166</v>
      </c>
      <c r="K10" s="741" t="s">
        <v>165</v>
      </c>
      <c r="L10" s="741" t="s">
        <v>164</v>
      </c>
      <c r="M10" s="741" t="s">
        <v>163</v>
      </c>
      <c r="N10" s="741" t="s">
        <v>162</v>
      </c>
      <c r="O10" s="741" t="s">
        <v>161</v>
      </c>
      <c r="P10" s="741" t="s">
        <v>160</v>
      </c>
      <c r="Q10" s="741" t="s">
        <v>159</v>
      </c>
    </row>
    <row r="11" spans="1:17" s="546" customFormat="1" ht="15.75">
      <c r="A11" s="741"/>
      <c r="B11" s="1279" t="s">
        <v>573</v>
      </c>
      <c r="C11" s="1279"/>
      <c r="D11" s="1279"/>
      <c r="E11" s="1279"/>
      <c r="F11" s="1279"/>
      <c r="G11" s="1279"/>
      <c r="H11" s="1279"/>
      <c r="I11" s="1278"/>
      <c r="J11" s="1279"/>
      <c r="K11" s="1279"/>
      <c r="L11" s="1279"/>
      <c r="M11" s="1279"/>
      <c r="N11" s="1279"/>
      <c r="O11" s="1279"/>
      <c r="P11" s="1279"/>
      <c r="Q11" s="1279"/>
    </row>
    <row r="12" spans="1:17" s="546" customFormat="1" ht="15.75">
      <c r="A12" s="741"/>
      <c r="B12" s="1279" t="s">
        <v>157</v>
      </c>
      <c r="C12" s="1279"/>
      <c r="D12" s="1279"/>
      <c r="E12" s="1279"/>
      <c r="F12" s="1279"/>
      <c r="G12" s="1279"/>
      <c r="H12" s="1279"/>
      <c r="I12" s="1278"/>
      <c r="J12" s="1279"/>
      <c r="K12" s="1279"/>
      <c r="L12" s="1279"/>
      <c r="M12" s="1279"/>
      <c r="N12" s="1279"/>
      <c r="O12" s="1279"/>
      <c r="P12" s="1279"/>
      <c r="Q12" s="1279"/>
    </row>
    <row r="13" spans="1:17" s="546" customFormat="1" ht="15.75">
      <c r="A13" s="741">
        <v>1</v>
      </c>
      <c r="B13" s="741">
        <v>2</v>
      </c>
      <c r="C13" s="741">
        <v>3</v>
      </c>
      <c r="D13" s="741">
        <v>4</v>
      </c>
      <c r="E13" s="742">
        <v>5</v>
      </c>
      <c r="F13" s="741">
        <v>6</v>
      </c>
      <c r="G13" s="741">
        <v>7</v>
      </c>
      <c r="H13" s="741">
        <v>8</v>
      </c>
      <c r="I13" s="513"/>
      <c r="J13" s="741">
        <v>9</v>
      </c>
      <c r="K13" s="741">
        <v>10</v>
      </c>
      <c r="L13" s="741">
        <v>11</v>
      </c>
      <c r="M13" s="741"/>
      <c r="N13" s="741"/>
      <c r="O13" s="741">
        <v>12</v>
      </c>
      <c r="P13" s="741">
        <v>13</v>
      </c>
      <c r="Q13" s="741">
        <v>14</v>
      </c>
    </row>
    <row r="14" spans="1:17" s="546" customFormat="1" ht="120" customHeight="1">
      <c r="A14" s="741">
        <v>1</v>
      </c>
      <c r="B14" s="513" t="s">
        <v>636</v>
      </c>
      <c r="C14" s="513" t="s">
        <v>511</v>
      </c>
      <c r="D14" s="513" t="s">
        <v>635</v>
      </c>
      <c r="E14" s="538" t="s">
        <v>572</v>
      </c>
      <c r="F14" s="524">
        <v>44045</v>
      </c>
      <c r="G14" s="524"/>
      <c r="H14" s="513" t="s">
        <v>10</v>
      </c>
      <c r="I14" s="513"/>
      <c r="J14" s="513">
        <v>1</v>
      </c>
      <c r="K14" s="513">
        <v>6</v>
      </c>
      <c r="L14" s="513">
        <v>0</v>
      </c>
      <c r="M14" s="513">
        <v>2020</v>
      </c>
      <c r="N14" s="513" t="s">
        <v>10</v>
      </c>
      <c r="O14" s="745" t="s">
        <v>571</v>
      </c>
      <c r="P14" s="544"/>
      <c r="Q14" s="544"/>
    </row>
    <row r="15" spans="1:17" s="546" customFormat="1" ht="120" customHeight="1">
      <c r="A15" s="741">
        <v>2</v>
      </c>
      <c r="B15" s="513" t="s">
        <v>634</v>
      </c>
      <c r="C15" s="513" t="s">
        <v>511</v>
      </c>
      <c r="D15" s="513" t="s">
        <v>570</v>
      </c>
      <c r="E15" s="538" t="s">
        <v>568</v>
      </c>
      <c r="F15" s="524">
        <v>44363</v>
      </c>
      <c r="G15" s="524"/>
      <c r="H15" s="513" t="s">
        <v>10</v>
      </c>
      <c r="I15" s="513"/>
      <c r="J15" s="513">
        <v>1</v>
      </c>
      <c r="K15" s="513">
        <v>6</v>
      </c>
      <c r="L15" s="513">
        <v>0</v>
      </c>
      <c r="M15" s="513">
        <v>2021</v>
      </c>
      <c r="N15" s="513" t="s">
        <v>10</v>
      </c>
      <c r="O15" s="544" t="s">
        <v>569</v>
      </c>
      <c r="P15" s="544"/>
      <c r="Q15" s="544"/>
    </row>
    <row r="16" spans="1:17" s="546" customFormat="1" ht="120" customHeight="1">
      <c r="A16" s="741">
        <v>3</v>
      </c>
      <c r="B16" s="513" t="s">
        <v>633</v>
      </c>
      <c r="C16" s="513" t="s">
        <v>511</v>
      </c>
      <c r="D16" s="513" t="s">
        <v>570</v>
      </c>
      <c r="E16" s="538" t="s">
        <v>568</v>
      </c>
      <c r="F16" s="524">
        <v>44363</v>
      </c>
      <c r="G16" s="524"/>
      <c r="H16" s="513" t="s">
        <v>10</v>
      </c>
      <c r="I16" s="513"/>
      <c r="J16" s="513">
        <v>1</v>
      </c>
      <c r="K16" s="513">
        <v>6</v>
      </c>
      <c r="L16" s="513">
        <v>0</v>
      </c>
      <c r="M16" s="513">
        <v>2021</v>
      </c>
      <c r="N16" s="513" t="s">
        <v>10</v>
      </c>
      <c r="O16" s="544" t="s">
        <v>567</v>
      </c>
      <c r="P16" s="544"/>
      <c r="Q16" s="544"/>
    </row>
    <row r="17" spans="1:17" s="546" customFormat="1" ht="120" customHeight="1">
      <c r="A17" s="741">
        <v>4</v>
      </c>
      <c r="B17" s="513" t="s">
        <v>632</v>
      </c>
      <c r="C17" s="513" t="s">
        <v>511</v>
      </c>
      <c r="D17" s="513" t="s">
        <v>4771</v>
      </c>
      <c r="E17" s="538" t="s">
        <v>566</v>
      </c>
      <c r="F17" s="524">
        <v>44349</v>
      </c>
      <c r="G17" s="524"/>
      <c r="H17" s="513" t="s">
        <v>10</v>
      </c>
      <c r="I17" s="513"/>
      <c r="J17" s="513">
        <v>3</v>
      </c>
      <c r="K17" s="513">
        <v>18</v>
      </c>
      <c r="L17" s="513">
        <v>0</v>
      </c>
      <c r="M17" s="513">
        <v>2021</v>
      </c>
      <c r="N17" s="513" t="s">
        <v>10</v>
      </c>
      <c r="O17" s="544" t="s">
        <v>565</v>
      </c>
      <c r="P17" s="544"/>
      <c r="Q17" s="544"/>
    </row>
    <row r="18" spans="1:17" s="546" customFormat="1" ht="120" customHeight="1">
      <c r="A18" s="741">
        <v>5</v>
      </c>
      <c r="B18" s="513" t="s">
        <v>631</v>
      </c>
      <c r="C18" s="513" t="s">
        <v>511</v>
      </c>
      <c r="D18" s="513" t="s">
        <v>630</v>
      </c>
      <c r="E18" s="538" t="s">
        <v>564</v>
      </c>
      <c r="F18" s="524">
        <v>44314</v>
      </c>
      <c r="G18" s="524"/>
      <c r="H18" s="513" t="s">
        <v>10</v>
      </c>
      <c r="I18" s="513"/>
      <c r="J18" s="513">
        <v>1</v>
      </c>
      <c r="K18" s="513">
        <v>6</v>
      </c>
      <c r="L18" s="513">
        <v>0</v>
      </c>
      <c r="M18" s="513">
        <v>2021</v>
      </c>
      <c r="N18" s="513" t="s">
        <v>10</v>
      </c>
      <c r="O18" s="544" t="s">
        <v>563</v>
      </c>
      <c r="P18" s="544"/>
      <c r="Q18" s="544"/>
    </row>
    <row r="19" spans="1:17" s="546" customFormat="1" ht="120" customHeight="1">
      <c r="A19" s="741">
        <v>6</v>
      </c>
      <c r="B19" s="513" t="s">
        <v>629</v>
      </c>
      <c r="C19" s="513" t="s">
        <v>15</v>
      </c>
      <c r="D19" s="513" t="s">
        <v>628</v>
      </c>
      <c r="E19" s="538" t="s">
        <v>562</v>
      </c>
      <c r="F19" s="524">
        <v>43653</v>
      </c>
      <c r="G19" s="524" t="s">
        <v>63</v>
      </c>
      <c r="H19" s="513" t="s">
        <v>10</v>
      </c>
      <c r="I19" s="513"/>
      <c r="J19" s="513">
        <v>4</v>
      </c>
      <c r="K19" s="513">
        <v>18</v>
      </c>
      <c r="L19" s="513">
        <v>1</v>
      </c>
      <c r="M19" s="513">
        <v>2019</v>
      </c>
      <c r="N19" s="513" t="s">
        <v>10</v>
      </c>
      <c r="O19" s="544" t="s">
        <v>561</v>
      </c>
      <c r="P19" s="544"/>
      <c r="Q19" s="544"/>
    </row>
    <row r="20" spans="1:17" s="546" customFormat="1" ht="120" customHeight="1">
      <c r="A20" s="741">
        <v>7</v>
      </c>
      <c r="B20" s="513" t="s">
        <v>627</v>
      </c>
      <c r="C20" s="513" t="s">
        <v>15</v>
      </c>
      <c r="D20" s="513" t="s">
        <v>560</v>
      </c>
      <c r="E20" s="538" t="s">
        <v>559</v>
      </c>
      <c r="F20" s="524">
        <v>35866</v>
      </c>
      <c r="G20" s="524" t="s">
        <v>558</v>
      </c>
      <c r="H20" s="513" t="s">
        <v>10</v>
      </c>
      <c r="I20" s="513"/>
      <c r="J20" s="513">
        <v>1</v>
      </c>
      <c r="K20" s="513">
        <v>6</v>
      </c>
      <c r="L20" s="401">
        <v>1</v>
      </c>
      <c r="M20" s="513">
        <v>2023</v>
      </c>
      <c r="N20" s="513" t="s">
        <v>10</v>
      </c>
      <c r="O20" s="544"/>
      <c r="P20" s="544"/>
      <c r="Q20" s="746"/>
    </row>
    <row r="21" spans="1:17" s="546" customFormat="1" ht="147" customHeight="1">
      <c r="A21" s="741">
        <v>8</v>
      </c>
      <c r="B21" s="513" t="s">
        <v>626</v>
      </c>
      <c r="C21" s="513" t="s">
        <v>15</v>
      </c>
      <c r="D21" s="513" t="s">
        <v>625</v>
      </c>
      <c r="E21" s="538" t="s">
        <v>556</v>
      </c>
      <c r="F21" s="524">
        <v>38558</v>
      </c>
      <c r="G21" s="524" t="s">
        <v>63</v>
      </c>
      <c r="H21" s="513" t="s">
        <v>4772</v>
      </c>
      <c r="I21" s="513"/>
      <c r="J21" s="513">
        <v>55</v>
      </c>
      <c r="K21" s="513">
        <v>103</v>
      </c>
      <c r="L21" s="513">
        <v>15</v>
      </c>
      <c r="M21" s="513">
        <v>2009</v>
      </c>
      <c r="N21" s="513" t="s">
        <v>10</v>
      </c>
      <c r="O21" s="544" t="s">
        <v>555</v>
      </c>
      <c r="P21" s="544"/>
      <c r="Q21" s="544" t="s">
        <v>554</v>
      </c>
    </row>
    <row r="22" spans="1:17" s="546" customFormat="1" ht="409.5">
      <c r="A22" s="741">
        <v>9</v>
      </c>
      <c r="B22" s="513" t="s">
        <v>624</v>
      </c>
      <c r="C22" s="513" t="s">
        <v>15</v>
      </c>
      <c r="D22" s="513" t="s">
        <v>623</v>
      </c>
      <c r="E22" s="538" t="s">
        <v>553</v>
      </c>
      <c r="F22" s="524">
        <v>44648</v>
      </c>
      <c r="G22" s="524" t="s">
        <v>63</v>
      </c>
      <c r="H22" s="513" t="s">
        <v>10</v>
      </c>
      <c r="I22" s="513"/>
      <c r="J22" s="513">
        <v>18</v>
      </c>
      <c r="K22" s="513">
        <v>49</v>
      </c>
      <c r="L22" s="513">
        <v>1</v>
      </c>
      <c r="M22" s="513">
        <v>2023</v>
      </c>
      <c r="N22" s="513" t="s">
        <v>10</v>
      </c>
      <c r="O22" s="544" t="s">
        <v>552</v>
      </c>
      <c r="P22" s="544"/>
      <c r="Q22" s="544"/>
    </row>
    <row r="23" spans="1:17" s="546" customFormat="1" ht="120" customHeight="1">
      <c r="A23" s="741">
        <v>10</v>
      </c>
      <c r="B23" s="513" t="s">
        <v>622</v>
      </c>
      <c r="C23" s="513" t="s">
        <v>15</v>
      </c>
      <c r="D23" s="513" t="s">
        <v>621</v>
      </c>
      <c r="E23" s="538" t="s">
        <v>551</v>
      </c>
      <c r="F23" s="524">
        <v>40030</v>
      </c>
      <c r="G23" s="524" t="s">
        <v>550</v>
      </c>
      <c r="H23" s="513" t="s">
        <v>10</v>
      </c>
      <c r="I23" s="513"/>
      <c r="J23" s="513">
        <v>3</v>
      </c>
      <c r="K23" s="513">
        <v>15</v>
      </c>
      <c r="L23" s="513">
        <v>1</v>
      </c>
      <c r="M23" s="513">
        <v>2021</v>
      </c>
      <c r="N23" s="513" t="s">
        <v>10</v>
      </c>
      <c r="O23" s="544" t="s">
        <v>549</v>
      </c>
      <c r="P23" s="544"/>
      <c r="Q23" s="544"/>
    </row>
    <row r="24" spans="1:17" s="546" customFormat="1" ht="120" customHeight="1">
      <c r="A24" s="741">
        <v>11</v>
      </c>
      <c r="B24" s="513" t="s">
        <v>620</v>
      </c>
      <c r="C24" s="513" t="s">
        <v>15</v>
      </c>
      <c r="D24" s="513" t="s">
        <v>619</v>
      </c>
      <c r="E24" s="538" t="s">
        <v>548</v>
      </c>
      <c r="F24" s="524">
        <v>42416</v>
      </c>
      <c r="G24" s="524" t="s">
        <v>383</v>
      </c>
      <c r="H24" s="513" t="s">
        <v>10</v>
      </c>
      <c r="I24" s="513"/>
      <c r="J24" s="513">
        <v>2</v>
      </c>
      <c r="K24" s="513">
        <v>8</v>
      </c>
      <c r="L24" s="513">
        <v>1</v>
      </c>
      <c r="M24" s="513">
        <v>2009</v>
      </c>
      <c r="N24" s="513" t="s">
        <v>10</v>
      </c>
      <c r="O24" s="544" t="s">
        <v>547</v>
      </c>
      <c r="P24" s="544"/>
      <c r="Q24" s="544"/>
    </row>
    <row r="25" spans="1:17" s="546" customFormat="1" ht="120" customHeight="1">
      <c r="A25" s="741">
        <v>12</v>
      </c>
      <c r="B25" s="513" t="s">
        <v>618</v>
      </c>
      <c r="C25" s="513" t="s">
        <v>179</v>
      </c>
      <c r="D25" s="513" t="s">
        <v>617</v>
      </c>
      <c r="E25" s="538" t="s">
        <v>546</v>
      </c>
      <c r="F25" s="524">
        <v>34387</v>
      </c>
      <c r="G25" s="513" t="s">
        <v>147</v>
      </c>
      <c r="H25" s="513" t="s">
        <v>545</v>
      </c>
      <c r="I25" s="513"/>
      <c r="J25" s="513">
        <v>16</v>
      </c>
      <c r="K25" s="513">
        <v>25</v>
      </c>
      <c r="L25" s="513">
        <v>6</v>
      </c>
      <c r="M25" s="513">
        <v>2006</v>
      </c>
      <c r="N25" s="513" t="s">
        <v>10</v>
      </c>
      <c r="O25" s="544" t="s">
        <v>544</v>
      </c>
      <c r="P25" s="544"/>
      <c r="Q25" s="544"/>
    </row>
    <row r="26" spans="1:17" s="546" customFormat="1" ht="182.25" customHeight="1">
      <c r="A26" s="741">
        <v>13</v>
      </c>
      <c r="B26" s="513" t="s">
        <v>616</v>
      </c>
      <c r="C26" s="513" t="s">
        <v>179</v>
      </c>
      <c r="D26" s="513" t="s">
        <v>615</v>
      </c>
      <c r="E26" s="538" t="s">
        <v>543</v>
      </c>
      <c r="F26" s="524">
        <v>43914</v>
      </c>
      <c r="G26" s="524" t="s">
        <v>63</v>
      </c>
      <c r="H26" s="513" t="s">
        <v>4773</v>
      </c>
      <c r="I26" s="513"/>
      <c r="J26" s="513">
        <v>33</v>
      </c>
      <c r="K26" s="513">
        <v>48</v>
      </c>
      <c r="L26" s="513">
        <v>3</v>
      </c>
      <c r="M26" s="513">
        <v>1937</v>
      </c>
      <c r="N26" s="513" t="s">
        <v>10</v>
      </c>
      <c r="O26" s="544" t="s">
        <v>542</v>
      </c>
      <c r="P26" s="544"/>
      <c r="Q26" s="544" t="s">
        <v>541</v>
      </c>
    </row>
    <row r="27" spans="1:17" s="546" customFormat="1" ht="160.5" customHeight="1">
      <c r="A27" s="741">
        <v>14</v>
      </c>
      <c r="B27" s="513" t="s">
        <v>614</v>
      </c>
      <c r="C27" s="513" t="s">
        <v>179</v>
      </c>
      <c r="D27" s="513" t="s">
        <v>4774</v>
      </c>
      <c r="E27" s="538" t="s">
        <v>537</v>
      </c>
      <c r="F27" s="524">
        <v>37566</v>
      </c>
      <c r="G27" s="513" t="s">
        <v>611</v>
      </c>
      <c r="H27" s="513" t="s">
        <v>4775</v>
      </c>
      <c r="I27" s="513"/>
      <c r="J27" s="513">
        <v>4</v>
      </c>
      <c r="K27" s="513">
        <v>24</v>
      </c>
      <c r="L27" s="513">
        <v>1</v>
      </c>
      <c r="M27" s="513">
        <v>2014</v>
      </c>
      <c r="N27" s="513" t="s">
        <v>10</v>
      </c>
      <c r="O27" s="544" t="s">
        <v>540</v>
      </c>
      <c r="P27" s="544"/>
      <c r="Q27" s="544"/>
    </row>
    <row r="28" spans="1:17" s="546" customFormat="1" ht="120" customHeight="1">
      <c r="A28" s="741">
        <v>15</v>
      </c>
      <c r="B28" s="513" t="s">
        <v>613</v>
      </c>
      <c r="C28" s="513" t="s">
        <v>179</v>
      </c>
      <c r="D28" s="513" t="s">
        <v>538</v>
      </c>
      <c r="E28" s="538" t="s">
        <v>537</v>
      </c>
      <c r="F28" s="524">
        <v>37566</v>
      </c>
      <c r="G28" s="513" t="s">
        <v>611</v>
      </c>
      <c r="H28" s="513" t="s">
        <v>4776</v>
      </c>
      <c r="I28" s="513"/>
      <c r="J28" s="513">
        <v>7</v>
      </c>
      <c r="K28" s="513">
        <v>12</v>
      </c>
      <c r="L28" s="513">
        <v>1</v>
      </c>
      <c r="M28" s="513">
        <v>2021</v>
      </c>
      <c r="N28" s="513" t="s">
        <v>10</v>
      </c>
      <c r="O28" s="544" t="s">
        <v>539</v>
      </c>
      <c r="P28" s="544"/>
      <c r="Q28" s="544" t="s">
        <v>535</v>
      </c>
    </row>
    <row r="29" spans="1:17" s="546" customFormat="1" ht="143.25" customHeight="1">
      <c r="A29" s="741">
        <v>16</v>
      </c>
      <c r="B29" s="513" t="s">
        <v>612</v>
      </c>
      <c r="C29" s="513" t="s">
        <v>179</v>
      </c>
      <c r="D29" s="513" t="s">
        <v>538</v>
      </c>
      <c r="E29" s="538" t="s">
        <v>537</v>
      </c>
      <c r="F29" s="524">
        <v>37566</v>
      </c>
      <c r="G29" s="513" t="s">
        <v>611</v>
      </c>
      <c r="H29" s="513" t="s">
        <v>4777</v>
      </c>
      <c r="I29" s="513"/>
      <c r="J29" s="513">
        <v>13</v>
      </c>
      <c r="K29" s="513">
        <v>26</v>
      </c>
      <c r="L29" s="513">
        <v>2</v>
      </c>
      <c r="M29" s="513">
        <v>2005</v>
      </c>
      <c r="N29" s="513" t="s">
        <v>10</v>
      </c>
      <c r="O29" s="544" t="s">
        <v>536</v>
      </c>
      <c r="P29" s="544"/>
      <c r="Q29" s="544" t="s">
        <v>535</v>
      </c>
    </row>
    <row r="30" spans="1:17" s="546" customFormat="1" ht="140.25" customHeight="1">
      <c r="A30" s="741">
        <v>17</v>
      </c>
      <c r="B30" s="513" t="s">
        <v>534</v>
      </c>
      <c r="C30" s="513" t="s">
        <v>179</v>
      </c>
      <c r="D30" s="513" t="s">
        <v>4778</v>
      </c>
      <c r="E30" s="538" t="s">
        <v>533</v>
      </c>
      <c r="F30" s="524">
        <v>39592</v>
      </c>
      <c r="G30" s="513" t="s">
        <v>532</v>
      </c>
      <c r="H30" s="513" t="s">
        <v>4779</v>
      </c>
      <c r="I30" s="513"/>
      <c r="J30" s="513">
        <v>11</v>
      </c>
      <c r="K30" s="513">
        <v>23</v>
      </c>
      <c r="L30" s="513">
        <v>3</v>
      </c>
      <c r="M30" s="513">
        <v>2010</v>
      </c>
      <c r="N30" s="513" t="s">
        <v>10</v>
      </c>
      <c r="O30" s="544" t="s">
        <v>531</v>
      </c>
      <c r="P30" s="544"/>
      <c r="Q30" s="544"/>
    </row>
    <row r="31" spans="1:17" s="546" customFormat="1" ht="120" customHeight="1">
      <c r="A31" s="741">
        <v>18</v>
      </c>
      <c r="B31" s="513" t="s">
        <v>610</v>
      </c>
      <c r="C31" s="513" t="s">
        <v>179</v>
      </c>
      <c r="D31" s="513" t="s">
        <v>4780</v>
      </c>
      <c r="E31" s="538" t="s">
        <v>530</v>
      </c>
      <c r="F31" s="524">
        <v>35467</v>
      </c>
      <c r="G31" s="513" t="s">
        <v>125</v>
      </c>
      <c r="H31" s="513" t="s">
        <v>4781</v>
      </c>
      <c r="I31" s="513"/>
      <c r="J31" s="513">
        <v>11</v>
      </c>
      <c r="K31" s="513">
        <v>19</v>
      </c>
      <c r="L31" s="513">
        <v>6</v>
      </c>
      <c r="M31" s="513">
        <v>2002</v>
      </c>
      <c r="N31" s="513" t="s">
        <v>10</v>
      </c>
      <c r="O31" s="544" t="s">
        <v>529</v>
      </c>
      <c r="P31" s="544"/>
      <c r="Q31" s="544"/>
    </row>
    <row r="32" spans="1:17" s="546" customFormat="1" ht="195" customHeight="1">
      <c r="A32" s="741">
        <v>19</v>
      </c>
      <c r="B32" s="513" t="s">
        <v>609</v>
      </c>
      <c r="C32" s="513" t="s">
        <v>179</v>
      </c>
      <c r="D32" s="513" t="s">
        <v>4782</v>
      </c>
      <c r="E32" s="538" t="s">
        <v>528</v>
      </c>
      <c r="F32" s="524">
        <v>43922</v>
      </c>
      <c r="G32" s="513" t="s">
        <v>527</v>
      </c>
      <c r="H32" s="513" t="s">
        <v>526</v>
      </c>
      <c r="I32" s="513"/>
      <c r="J32" s="513">
        <v>60</v>
      </c>
      <c r="K32" s="513">
        <v>120</v>
      </c>
      <c r="L32" s="513">
        <v>51</v>
      </c>
      <c r="M32" s="513" t="s">
        <v>156</v>
      </c>
      <c r="N32" s="513" t="s">
        <v>525</v>
      </c>
      <c r="O32" s="544" t="s">
        <v>4783</v>
      </c>
      <c r="P32" s="544"/>
      <c r="Q32" s="544"/>
    </row>
    <row r="33" spans="1:17" s="546" customFormat="1" ht="157.5">
      <c r="A33" s="401"/>
      <c r="B33" s="513" t="s">
        <v>608</v>
      </c>
      <c r="C33" s="513" t="s">
        <v>15</v>
      </c>
      <c r="D33" s="513" t="s">
        <v>4784</v>
      </c>
      <c r="E33" s="538" t="s">
        <v>524</v>
      </c>
      <c r="F33" s="524">
        <v>44973</v>
      </c>
      <c r="G33" s="513" t="s">
        <v>204</v>
      </c>
      <c r="H33" s="513" t="s">
        <v>523</v>
      </c>
      <c r="I33" s="513"/>
      <c r="J33" s="513">
        <v>11</v>
      </c>
      <c r="K33" s="513">
        <v>32</v>
      </c>
      <c r="L33" s="401">
        <v>1</v>
      </c>
      <c r="M33" s="513">
        <v>2023</v>
      </c>
      <c r="N33" s="513" t="s">
        <v>10</v>
      </c>
      <c r="O33" s="544" t="s">
        <v>4785</v>
      </c>
      <c r="P33" s="544"/>
      <c r="Q33" s="544"/>
    </row>
    <row r="34" spans="1:17" s="546" customFormat="1" ht="157.5" customHeight="1">
      <c r="A34" s="741">
        <v>21</v>
      </c>
      <c r="B34" s="513" t="s">
        <v>607</v>
      </c>
      <c r="C34" s="513" t="s">
        <v>27</v>
      </c>
      <c r="D34" s="513" t="s">
        <v>606</v>
      </c>
      <c r="E34" s="538" t="s">
        <v>522</v>
      </c>
      <c r="F34" s="524">
        <v>45061</v>
      </c>
      <c r="G34" s="544" t="s">
        <v>4786</v>
      </c>
      <c r="H34" s="513" t="s">
        <v>10</v>
      </c>
      <c r="I34" s="513"/>
      <c r="J34" s="513">
        <v>4</v>
      </c>
      <c r="K34" s="513">
        <v>20</v>
      </c>
      <c r="L34" s="513">
        <v>0</v>
      </c>
      <c r="M34" s="513">
        <v>2022</v>
      </c>
      <c r="N34" s="513" t="s">
        <v>521</v>
      </c>
      <c r="O34" s="544" t="s">
        <v>520</v>
      </c>
      <c r="P34" s="544"/>
      <c r="Q34" s="544" t="s">
        <v>519</v>
      </c>
    </row>
    <row r="35" spans="1:17" s="546" customFormat="1" ht="315">
      <c r="A35" s="741">
        <v>22</v>
      </c>
      <c r="B35" s="513" t="s">
        <v>605</v>
      </c>
      <c r="C35" s="513" t="s">
        <v>15</v>
      </c>
      <c r="D35" s="513" t="s">
        <v>604</v>
      </c>
      <c r="E35" s="538" t="s">
        <v>518</v>
      </c>
      <c r="F35" s="524">
        <v>44963</v>
      </c>
      <c r="G35" s="513" t="s">
        <v>517</v>
      </c>
      <c r="H35" s="513" t="s">
        <v>4787</v>
      </c>
      <c r="I35" s="513"/>
      <c r="J35" s="513">
        <v>3</v>
      </c>
      <c r="K35" s="513">
        <v>12</v>
      </c>
      <c r="L35" s="513">
        <v>1</v>
      </c>
      <c r="M35" s="513">
        <v>2022</v>
      </c>
      <c r="N35" s="513" t="s">
        <v>516</v>
      </c>
      <c r="O35" s="544" t="s">
        <v>515</v>
      </c>
      <c r="P35" s="544"/>
      <c r="Q35" s="544" t="s">
        <v>514</v>
      </c>
    </row>
    <row r="36" spans="1:17" s="546" customFormat="1" ht="315">
      <c r="A36" s="741">
        <v>23</v>
      </c>
      <c r="B36" s="513" t="s">
        <v>603</v>
      </c>
      <c r="C36" s="513" t="s">
        <v>511</v>
      </c>
      <c r="D36" s="513" t="s">
        <v>602</v>
      </c>
      <c r="E36" s="538" t="s">
        <v>513</v>
      </c>
      <c r="F36" s="513"/>
      <c r="G36" s="513" t="s">
        <v>4788</v>
      </c>
      <c r="H36" s="513" t="s">
        <v>10</v>
      </c>
      <c r="I36" s="513"/>
      <c r="J36" s="513">
        <v>1</v>
      </c>
      <c r="K36" s="513">
        <v>4</v>
      </c>
      <c r="L36" s="513">
        <v>0</v>
      </c>
      <c r="M36" s="513">
        <v>2017</v>
      </c>
      <c r="N36" s="513" t="s">
        <v>10</v>
      </c>
      <c r="O36" s="745" t="s">
        <v>512</v>
      </c>
      <c r="P36" s="513"/>
      <c r="Q36" s="745" t="s">
        <v>508</v>
      </c>
    </row>
    <row r="37" spans="1:17" s="546" customFormat="1" ht="346.5">
      <c r="A37" s="741">
        <v>24</v>
      </c>
      <c r="B37" s="513" t="s">
        <v>601</v>
      </c>
      <c r="C37" s="513" t="s">
        <v>511</v>
      </c>
      <c r="D37" s="513" t="s">
        <v>600</v>
      </c>
      <c r="E37" s="538" t="s">
        <v>510</v>
      </c>
      <c r="F37" s="513"/>
      <c r="G37" s="513"/>
      <c r="H37" s="513" t="s">
        <v>10</v>
      </c>
      <c r="I37" s="513"/>
      <c r="J37" s="513">
        <v>1</v>
      </c>
      <c r="K37" s="513">
        <v>4</v>
      </c>
      <c r="L37" s="513">
        <v>0</v>
      </c>
      <c r="M37" s="513">
        <v>2014</v>
      </c>
      <c r="N37" s="513" t="s">
        <v>10</v>
      </c>
      <c r="O37" s="745" t="s">
        <v>509</v>
      </c>
      <c r="P37" s="513"/>
      <c r="Q37" s="745" t="s">
        <v>508</v>
      </c>
    </row>
    <row r="38" spans="1:17" s="401" customFormat="1" ht="409.5">
      <c r="A38" s="741">
        <v>25</v>
      </c>
      <c r="B38" s="513" t="s">
        <v>599</v>
      </c>
      <c r="C38" s="513" t="s">
        <v>15</v>
      </c>
      <c r="D38" s="513" t="s">
        <v>598</v>
      </c>
      <c r="E38" s="538" t="s">
        <v>507</v>
      </c>
      <c r="F38" s="524">
        <v>43866</v>
      </c>
      <c r="G38" s="513" t="s">
        <v>597</v>
      </c>
      <c r="H38" s="513" t="s">
        <v>4789</v>
      </c>
      <c r="I38" s="513"/>
      <c r="J38" s="513">
        <v>7</v>
      </c>
      <c r="K38" s="513">
        <v>15</v>
      </c>
      <c r="L38" s="513">
        <v>1</v>
      </c>
      <c r="M38" s="513">
        <v>2023</v>
      </c>
      <c r="N38" s="513" t="s">
        <v>10</v>
      </c>
      <c r="O38" s="544" t="s">
        <v>539</v>
      </c>
      <c r="P38" s="513"/>
      <c r="Q38" s="745"/>
    </row>
    <row r="39" spans="1:17" s="401" customFormat="1" ht="173.25">
      <c r="A39" s="741">
        <v>26</v>
      </c>
      <c r="B39" s="513" t="s">
        <v>4790</v>
      </c>
      <c r="C39" s="513" t="s">
        <v>15</v>
      </c>
      <c r="D39" s="513" t="s">
        <v>506</v>
      </c>
      <c r="E39" s="538" t="s">
        <v>505</v>
      </c>
      <c r="F39" s="524">
        <v>40255</v>
      </c>
      <c r="G39" s="513" t="s">
        <v>504</v>
      </c>
      <c r="H39" s="513"/>
      <c r="I39" s="513"/>
      <c r="J39" s="513">
        <v>2</v>
      </c>
      <c r="K39" s="513">
        <v>6</v>
      </c>
      <c r="L39" s="513">
        <v>0</v>
      </c>
      <c r="M39" s="513">
        <v>2024</v>
      </c>
      <c r="N39" s="513"/>
      <c r="O39" s="544" t="s">
        <v>4791</v>
      </c>
      <c r="P39" s="513"/>
      <c r="Q39" s="745"/>
    </row>
    <row r="40" spans="1:17" s="401" customFormat="1" ht="260.25" customHeight="1">
      <c r="A40" s="741">
        <v>27</v>
      </c>
      <c r="B40" s="513" t="s">
        <v>4792</v>
      </c>
      <c r="C40" s="513" t="s">
        <v>27</v>
      </c>
      <c r="D40" s="513" t="s">
        <v>4793</v>
      </c>
      <c r="E40" s="747">
        <v>100604630632</v>
      </c>
      <c r="F40" s="524">
        <v>45653</v>
      </c>
      <c r="G40" s="513" t="s">
        <v>4794</v>
      </c>
      <c r="H40" s="513" t="s">
        <v>10</v>
      </c>
      <c r="I40" s="513"/>
      <c r="J40" s="513">
        <v>1</v>
      </c>
      <c r="K40" s="513">
        <v>6</v>
      </c>
      <c r="L40" s="513">
        <v>0</v>
      </c>
      <c r="M40" s="513">
        <v>2024</v>
      </c>
      <c r="N40" s="513"/>
      <c r="O40" s="544" t="s">
        <v>4795</v>
      </c>
      <c r="P40" s="513"/>
      <c r="Q40" s="745"/>
    </row>
    <row r="41" spans="1:17" s="401" customFormat="1" ht="409.5">
      <c r="A41" s="741">
        <v>28</v>
      </c>
      <c r="B41" s="513" t="s">
        <v>4796</v>
      </c>
      <c r="C41" s="513" t="s">
        <v>511</v>
      </c>
      <c r="D41" s="513" t="s">
        <v>4797</v>
      </c>
      <c r="E41" s="538" t="s">
        <v>566</v>
      </c>
      <c r="F41" s="524">
        <v>44349</v>
      </c>
      <c r="G41" s="513"/>
      <c r="H41" s="513" t="s">
        <v>10</v>
      </c>
      <c r="I41" s="513"/>
      <c r="J41" s="513">
        <v>2</v>
      </c>
      <c r="K41" s="513">
        <v>6</v>
      </c>
      <c r="L41" s="513">
        <v>0</v>
      </c>
      <c r="M41" s="513">
        <v>2025</v>
      </c>
      <c r="N41" s="513"/>
      <c r="O41" s="544" t="s">
        <v>4798</v>
      </c>
      <c r="P41" s="513"/>
      <c r="Q41" s="745"/>
    </row>
    <row r="42" spans="1:17" s="546" customFormat="1" ht="283.5">
      <c r="A42" s="741">
        <v>29</v>
      </c>
      <c r="B42" s="748" t="s">
        <v>497</v>
      </c>
      <c r="C42" s="513" t="s">
        <v>15</v>
      </c>
      <c r="D42" s="513" t="s">
        <v>4799</v>
      </c>
      <c r="E42" s="538" t="s">
        <v>496</v>
      </c>
      <c r="F42" s="524">
        <v>45007</v>
      </c>
      <c r="G42" s="513" t="s">
        <v>495</v>
      </c>
      <c r="H42" s="513" t="s">
        <v>10</v>
      </c>
      <c r="I42" s="513"/>
      <c r="J42" s="513">
        <v>2</v>
      </c>
      <c r="K42" s="513"/>
      <c r="L42" s="513"/>
      <c r="M42" s="513" t="s">
        <v>4800</v>
      </c>
      <c r="N42" s="513"/>
      <c r="O42" s="513" t="s">
        <v>494</v>
      </c>
      <c r="P42" s="513"/>
      <c r="Q42" s="513" t="s">
        <v>596</v>
      </c>
    </row>
    <row r="43" spans="1:17" s="546" customFormat="1" ht="15.75">
      <c r="A43" s="741"/>
      <c r="B43" s="1279" t="s">
        <v>503</v>
      </c>
      <c r="C43" s="1279"/>
      <c r="D43" s="1279"/>
      <c r="E43" s="1279"/>
      <c r="F43" s="1279"/>
      <c r="G43" s="1279"/>
      <c r="H43" s="1279"/>
      <c r="I43" s="1278"/>
      <c r="J43" s="1279"/>
      <c r="K43" s="1279"/>
      <c r="L43" s="1279"/>
      <c r="M43" s="1279"/>
      <c r="N43" s="1279"/>
      <c r="O43" s="1279"/>
      <c r="P43" s="1279"/>
      <c r="Q43" s="1279"/>
    </row>
    <row r="44" spans="1:17" s="401" customFormat="1" ht="409.5">
      <c r="A44" s="741">
        <v>1</v>
      </c>
      <c r="B44" s="741" t="s">
        <v>502</v>
      </c>
      <c r="C44" s="741"/>
      <c r="D44" s="741" t="s">
        <v>501</v>
      </c>
      <c r="E44" s="742" t="s">
        <v>500</v>
      </c>
      <c r="F44" s="741" t="s">
        <v>499</v>
      </c>
      <c r="G44" s="741"/>
      <c r="H44" s="741"/>
      <c r="I44" s="513"/>
      <c r="J44" s="741"/>
      <c r="K44" s="741"/>
      <c r="L44" s="741"/>
      <c r="M44" s="741"/>
      <c r="N44" s="741"/>
      <c r="O44" s="741" t="s">
        <v>498</v>
      </c>
      <c r="P44" s="741"/>
      <c r="Q44" s="741" t="s">
        <v>4175</v>
      </c>
    </row>
    <row r="45" spans="1:17" s="546" customFormat="1" ht="31.5">
      <c r="A45" s="401"/>
      <c r="E45" s="744"/>
      <c r="G45" s="546" t="s">
        <v>595</v>
      </c>
      <c r="H45" s="401"/>
      <c r="I45" s="401"/>
      <c r="J45" s="401"/>
      <c r="K45" s="401"/>
      <c r="L45" s="401"/>
      <c r="M45" s="401"/>
      <c r="N45" s="401"/>
    </row>
    <row r="46" spans="1:17" s="546" customFormat="1" ht="283.5">
      <c r="A46" s="741">
        <v>2</v>
      </c>
      <c r="B46" s="741" t="s">
        <v>594</v>
      </c>
      <c r="C46" s="741" t="s">
        <v>511</v>
      </c>
      <c r="D46" s="741" t="s">
        <v>593</v>
      </c>
      <c r="E46" s="742" t="s">
        <v>592</v>
      </c>
      <c r="F46" s="749">
        <v>44593</v>
      </c>
      <c r="G46" s="749"/>
      <c r="H46" s="741" t="s">
        <v>10</v>
      </c>
      <c r="I46" s="513"/>
      <c r="J46" s="741">
        <v>1</v>
      </c>
      <c r="K46" s="741">
        <v>6</v>
      </c>
      <c r="L46" s="741">
        <v>0</v>
      </c>
      <c r="M46" s="741">
        <v>2022</v>
      </c>
      <c r="N46" s="741" t="s">
        <v>10</v>
      </c>
      <c r="O46" s="750" t="s">
        <v>591</v>
      </c>
      <c r="P46" s="750"/>
      <c r="Q46" s="741" t="s">
        <v>590</v>
      </c>
    </row>
    <row r="47" spans="1:17" s="546" customFormat="1" ht="409.5">
      <c r="A47" s="741">
        <v>3</v>
      </c>
      <c r="B47" s="741" t="s">
        <v>493</v>
      </c>
      <c r="C47" s="741" t="s">
        <v>15</v>
      </c>
      <c r="D47" s="741" t="s">
        <v>492</v>
      </c>
      <c r="E47" s="742"/>
      <c r="F47" s="749"/>
      <c r="G47" s="741" t="s">
        <v>491</v>
      </c>
      <c r="H47" s="741"/>
      <c r="I47" s="513"/>
      <c r="J47" s="741"/>
      <c r="K47" s="741"/>
      <c r="L47" s="741"/>
      <c r="M47" s="741" t="s">
        <v>490</v>
      </c>
      <c r="N47" s="741"/>
      <c r="O47" s="750" t="s">
        <v>489</v>
      </c>
      <c r="P47" s="741"/>
      <c r="Q47" s="751" t="s">
        <v>488</v>
      </c>
    </row>
    <row r="48" spans="1:17" s="401" customFormat="1" ht="54.75" customHeight="1">
      <c r="A48" s="741"/>
      <c r="B48" s="752"/>
      <c r="C48" s="741"/>
      <c r="D48" s="741"/>
      <c r="E48" s="742"/>
      <c r="F48" s="749"/>
      <c r="G48" s="741"/>
      <c r="H48" s="741"/>
      <c r="I48" s="513"/>
      <c r="J48" s="741"/>
      <c r="K48" s="741"/>
      <c r="L48" s="741"/>
      <c r="M48" s="741"/>
      <c r="N48" s="741"/>
      <c r="O48" s="741"/>
      <c r="P48" s="741"/>
      <c r="Q48" s="741"/>
    </row>
    <row r="49" spans="1:17" s="546" customFormat="1" ht="15.75">
      <c r="A49" s="401"/>
      <c r="E49" s="744"/>
      <c r="H49" s="401"/>
      <c r="I49" s="401"/>
      <c r="J49" s="401"/>
      <c r="K49" s="401"/>
      <c r="L49" s="401"/>
      <c r="M49" s="401"/>
      <c r="N49" s="401"/>
    </row>
    <row r="50" spans="1:17" s="546" customFormat="1" ht="15.75">
      <c r="A50" s="741"/>
      <c r="B50" s="1279" t="s">
        <v>589</v>
      </c>
      <c r="C50" s="1279"/>
      <c r="D50" s="1279"/>
      <c r="E50" s="1279"/>
      <c r="F50" s="1279"/>
      <c r="G50" s="1279"/>
      <c r="H50" s="1279"/>
      <c r="I50" s="1278"/>
      <c r="J50" s="1279"/>
      <c r="K50" s="1279"/>
      <c r="L50" s="1279"/>
      <c r="M50" s="1279"/>
      <c r="N50" s="1279"/>
      <c r="O50" s="1279"/>
      <c r="P50" s="1279"/>
      <c r="Q50" s="1279"/>
    </row>
    <row r="51" spans="1:17" s="546" customFormat="1" ht="15.75">
      <c r="A51" s="741">
        <v>1</v>
      </c>
      <c r="B51" s="741">
        <v>2</v>
      </c>
      <c r="C51" s="741">
        <v>3</v>
      </c>
      <c r="D51" s="741">
        <v>4</v>
      </c>
      <c r="E51" s="742">
        <v>5</v>
      </c>
      <c r="F51" s="741">
        <v>6</v>
      </c>
      <c r="G51" s="741">
        <v>7</v>
      </c>
      <c r="H51" s="741">
        <v>8</v>
      </c>
      <c r="I51" s="513"/>
      <c r="J51" s="741">
        <v>9</v>
      </c>
      <c r="K51" s="741">
        <v>10</v>
      </c>
      <c r="L51" s="741">
        <v>11</v>
      </c>
      <c r="M51" s="741"/>
      <c r="N51" s="741"/>
      <c r="O51" s="741">
        <v>12</v>
      </c>
      <c r="P51" s="741">
        <v>13</v>
      </c>
      <c r="Q51" s="741">
        <v>14</v>
      </c>
    </row>
    <row r="52" spans="1:17" s="546" customFormat="1" ht="156" customHeight="1">
      <c r="A52" s="741">
        <v>1</v>
      </c>
      <c r="B52" s="741" t="s">
        <v>588</v>
      </c>
      <c r="C52" s="741" t="s">
        <v>511</v>
      </c>
      <c r="D52" s="741" t="s">
        <v>587</v>
      </c>
      <c r="E52" s="742" t="s">
        <v>586</v>
      </c>
      <c r="F52" s="749">
        <v>44237</v>
      </c>
      <c r="G52" s="749"/>
      <c r="H52" s="741" t="s">
        <v>10</v>
      </c>
      <c r="I52" s="513"/>
      <c r="J52" s="741">
        <v>1</v>
      </c>
      <c r="K52" s="741">
        <v>6</v>
      </c>
      <c r="L52" s="741">
        <v>0</v>
      </c>
      <c r="M52" s="741">
        <v>2021</v>
      </c>
      <c r="N52" s="741" t="s">
        <v>10</v>
      </c>
      <c r="O52" s="750"/>
      <c r="P52" s="750"/>
      <c r="Q52" s="753" t="s">
        <v>585</v>
      </c>
    </row>
    <row r="53" spans="1:17" s="546" customFormat="1" ht="120" customHeight="1">
      <c r="A53" s="741">
        <v>2</v>
      </c>
      <c r="B53" s="741" t="s">
        <v>584</v>
      </c>
      <c r="C53" s="741" t="s">
        <v>15</v>
      </c>
      <c r="D53" s="741" t="s">
        <v>583</v>
      </c>
      <c r="E53" s="742" t="s">
        <v>582</v>
      </c>
      <c r="F53" s="749">
        <v>40554</v>
      </c>
      <c r="G53" s="754" t="s">
        <v>151</v>
      </c>
      <c r="H53" s="741" t="s">
        <v>10</v>
      </c>
      <c r="I53" s="513"/>
      <c r="J53" s="741">
        <v>1</v>
      </c>
      <c r="K53" s="741">
        <v>6</v>
      </c>
      <c r="L53" s="741">
        <v>1</v>
      </c>
      <c r="M53" s="741" t="s">
        <v>581</v>
      </c>
      <c r="N53" s="741" t="s">
        <v>10</v>
      </c>
      <c r="O53" s="750" t="s">
        <v>580</v>
      </c>
      <c r="P53" s="750"/>
      <c r="Q53" s="750" t="s">
        <v>579</v>
      </c>
    </row>
    <row r="54" spans="1:17" s="546" customFormat="1" ht="138" customHeight="1">
      <c r="A54" s="741">
        <v>3</v>
      </c>
      <c r="B54" s="741" t="s">
        <v>578</v>
      </c>
      <c r="C54" s="741" t="s">
        <v>15</v>
      </c>
      <c r="D54" s="741" t="s">
        <v>577</v>
      </c>
      <c r="E54" s="742" t="s">
        <v>576</v>
      </c>
      <c r="F54" s="749">
        <v>44012</v>
      </c>
      <c r="G54" s="749" t="s">
        <v>558</v>
      </c>
      <c r="H54" s="741" t="s">
        <v>10</v>
      </c>
      <c r="I54" s="513"/>
      <c r="J54" s="741">
        <v>1</v>
      </c>
      <c r="K54" s="741">
        <v>6</v>
      </c>
      <c r="L54" s="741">
        <v>1</v>
      </c>
      <c r="M54" s="741">
        <v>2020</v>
      </c>
      <c r="N54" s="741" t="s">
        <v>10</v>
      </c>
      <c r="O54" s="750" t="s">
        <v>575</v>
      </c>
      <c r="P54" s="750"/>
      <c r="Q54" s="750" t="s">
        <v>574</v>
      </c>
    </row>
    <row r="55" spans="1:17" s="546" customFormat="1" ht="15.75">
      <c r="A55" s="401"/>
      <c r="E55" s="744"/>
      <c r="H55" s="401"/>
      <c r="I55" s="401"/>
      <c r="J55" s="401"/>
      <c r="K55" s="401"/>
      <c r="L55" s="401"/>
      <c r="M55" s="401"/>
      <c r="N55" s="401"/>
    </row>
    <row r="56" spans="1:17" s="546" customFormat="1" ht="15.75">
      <c r="A56" s="401"/>
      <c r="E56" s="744"/>
      <c r="H56" s="401"/>
      <c r="I56" s="401"/>
      <c r="J56" s="401"/>
      <c r="K56" s="401"/>
      <c r="L56" s="401"/>
      <c r="M56" s="401"/>
      <c r="N56" s="401"/>
    </row>
    <row r="57" spans="1:17" s="546" customFormat="1" ht="15.75">
      <c r="A57" s="401"/>
      <c r="E57" s="744"/>
      <c r="H57" s="401"/>
      <c r="I57" s="401"/>
      <c r="J57" s="401"/>
      <c r="K57" s="401"/>
      <c r="L57" s="401"/>
      <c r="M57" s="401"/>
      <c r="N57" s="401"/>
    </row>
    <row r="58" spans="1:17" s="546" customFormat="1" ht="15.75">
      <c r="A58" s="401"/>
      <c r="E58" s="744"/>
      <c r="H58" s="401"/>
      <c r="I58" s="401"/>
      <c r="J58" s="401"/>
      <c r="K58" s="401"/>
      <c r="L58" s="401"/>
      <c r="M58" s="401"/>
      <c r="N58" s="401"/>
    </row>
    <row r="59" spans="1:17" s="546" customFormat="1" ht="15.75">
      <c r="A59" s="401"/>
      <c r="E59" s="744"/>
      <c r="H59" s="401"/>
      <c r="I59" s="401"/>
      <c r="J59" s="401"/>
      <c r="K59" s="401"/>
      <c r="L59" s="401"/>
      <c r="M59" s="401"/>
      <c r="N59" s="401"/>
    </row>
    <row r="60" spans="1:17" s="546" customFormat="1" ht="15.75">
      <c r="A60" s="401"/>
      <c r="E60" s="744"/>
      <c r="H60" s="401"/>
      <c r="I60" s="401"/>
      <c r="J60" s="401"/>
      <c r="K60" s="401"/>
      <c r="L60" s="401"/>
      <c r="M60" s="401"/>
      <c r="N60" s="401"/>
    </row>
    <row r="61" spans="1:17" s="546" customFormat="1" ht="15.75">
      <c r="A61" s="401"/>
      <c r="E61" s="744"/>
      <c r="H61" s="401"/>
      <c r="I61" s="401"/>
      <c r="J61" s="401"/>
      <c r="K61" s="401"/>
      <c r="L61" s="401"/>
      <c r="M61" s="401"/>
      <c r="N61" s="401"/>
    </row>
    <row r="62" spans="1:17" s="546" customFormat="1" ht="15.75">
      <c r="A62" s="401"/>
      <c r="E62" s="744"/>
      <c r="H62" s="401"/>
      <c r="I62" s="401"/>
      <c r="J62" s="401"/>
      <c r="K62" s="401"/>
      <c r="L62" s="401"/>
      <c r="M62" s="401"/>
      <c r="N62" s="401"/>
    </row>
    <row r="63" spans="1:17" s="546" customFormat="1" ht="15.75">
      <c r="A63" s="401"/>
      <c r="E63" s="744"/>
      <c r="H63" s="401"/>
      <c r="I63" s="401"/>
      <c r="J63" s="401"/>
      <c r="K63" s="401"/>
      <c r="L63" s="401"/>
      <c r="M63" s="401"/>
      <c r="N63" s="401"/>
    </row>
    <row r="64" spans="1:17" s="546" customFormat="1" ht="15.75">
      <c r="A64" s="401"/>
      <c r="E64" s="744"/>
      <c r="H64" s="401"/>
      <c r="I64" s="401"/>
      <c r="J64" s="401"/>
      <c r="K64" s="401"/>
      <c r="L64" s="401"/>
      <c r="M64" s="401"/>
      <c r="N64" s="401"/>
    </row>
    <row r="65" spans="1:14" s="546" customFormat="1" ht="15.75">
      <c r="A65" s="401"/>
      <c r="E65" s="744"/>
      <c r="H65" s="401"/>
      <c r="I65" s="401"/>
      <c r="J65" s="401"/>
      <c r="K65" s="401"/>
      <c r="L65" s="401"/>
      <c r="M65" s="401"/>
      <c r="N65" s="401"/>
    </row>
    <row r="66" spans="1:14" s="546" customFormat="1" ht="15.75">
      <c r="A66" s="401"/>
      <c r="E66" s="744"/>
      <c r="H66" s="401"/>
      <c r="I66" s="401"/>
      <c r="J66" s="401"/>
      <c r="K66" s="401"/>
      <c r="L66" s="401"/>
      <c r="M66" s="401"/>
      <c r="N66" s="401"/>
    </row>
    <row r="67" spans="1:14" s="546" customFormat="1" ht="15.75">
      <c r="A67" s="401"/>
      <c r="E67" s="744"/>
      <c r="H67" s="401"/>
      <c r="I67" s="401"/>
      <c r="J67" s="401"/>
      <c r="K67" s="401"/>
      <c r="L67" s="401"/>
      <c r="M67" s="401"/>
      <c r="N67" s="401"/>
    </row>
    <row r="68" spans="1:14" s="546" customFormat="1" ht="15.75">
      <c r="A68" s="401"/>
      <c r="E68" s="744"/>
      <c r="H68" s="401"/>
      <c r="I68" s="401"/>
      <c r="J68" s="401"/>
      <c r="K68" s="401"/>
      <c r="L68" s="401"/>
      <c r="M68" s="401"/>
      <c r="N68" s="401"/>
    </row>
    <row r="69" spans="1:14" s="546" customFormat="1" ht="15.75">
      <c r="A69" s="401"/>
      <c r="E69" s="744"/>
      <c r="H69" s="401"/>
      <c r="I69" s="401"/>
      <c r="J69" s="401"/>
      <c r="K69" s="401"/>
      <c r="L69" s="401"/>
      <c r="M69" s="401"/>
      <c r="N69" s="401"/>
    </row>
    <row r="70" spans="1:14" s="546" customFormat="1" ht="15.75">
      <c r="A70" s="401"/>
      <c r="E70" s="744"/>
      <c r="H70" s="401"/>
      <c r="I70" s="401"/>
      <c r="J70" s="401"/>
      <c r="K70" s="401"/>
      <c r="L70" s="401"/>
      <c r="M70" s="401"/>
      <c r="N70" s="401"/>
    </row>
    <row r="71" spans="1:14" s="546" customFormat="1" ht="15.75">
      <c r="A71" s="401"/>
      <c r="E71" s="744"/>
      <c r="H71" s="401"/>
      <c r="I71" s="401"/>
      <c r="J71" s="401"/>
      <c r="K71" s="401"/>
      <c r="L71" s="401"/>
      <c r="M71" s="401"/>
      <c r="N71" s="401"/>
    </row>
    <row r="72" spans="1:14" s="546" customFormat="1" ht="15.75">
      <c r="A72" s="401"/>
      <c r="E72" s="744"/>
      <c r="H72" s="401"/>
      <c r="I72" s="401"/>
      <c r="J72" s="401"/>
      <c r="K72" s="401"/>
      <c r="L72" s="401"/>
      <c r="M72" s="401"/>
      <c r="N72" s="401"/>
    </row>
    <row r="73" spans="1:14" s="546" customFormat="1" ht="15.75">
      <c r="A73" s="401"/>
      <c r="E73" s="744"/>
      <c r="H73" s="401"/>
      <c r="I73" s="401"/>
      <c r="J73" s="401"/>
      <c r="K73" s="401"/>
      <c r="L73" s="401"/>
      <c r="M73" s="401"/>
      <c r="N73" s="401"/>
    </row>
    <row r="74" spans="1:14" s="546" customFormat="1" ht="15.75">
      <c r="A74" s="401"/>
      <c r="E74" s="744"/>
      <c r="H74" s="401"/>
      <c r="I74" s="401"/>
      <c r="J74" s="401"/>
      <c r="K74" s="401"/>
      <c r="L74" s="401"/>
      <c r="M74" s="401"/>
      <c r="N74" s="401"/>
    </row>
    <row r="75" spans="1:14" s="546" customFormat="1" ht="15.75">
      <c r="A75" s="401"/>
      <c r="E75" s="744"/>
      <c r="H75" s="401"/>
      <c r="I75" s="401"/>
      <c r="J75" s="401"/>
      <c r="K75" s="401"/>
      <c r="L75" s="401"/>
      <c r="M75" s="401"/>
      <c r="N75" s="401"/>
    </row>
    <row r="76" spans="1:14" s="546" customFormat="1" ht="15.75">
      <c r="A76" s="401"/>
      <c r="E76" s="744"/>
      <c r="H76" s="401"/>
      <c r="I76" s="401"/>
      <c r="J76" s="401"/>
      <c r="K76" s="401"/>
      <c r="L76" s="401"/>
      <c r="M76" s="401"/>
      <c r="N76" s="401"/>
    </row>
    <row r="77" spans="1:14" s="546" customFormat="1" ht="15.75">
      <c r="A77" s="401"/>
      <c r="E77" s="744"/>
      <c r="H77" s="401"/>
      <c r="I77" s="401"/>
      <c r="J77" s="401"/>
      <c r="K77" s="401"/>
      <c r="L77" s="401"/>
      <c r="M77" s="401"/>
      <c r="N77" s="401"/>
    </row>
    <row r="78" spans="1:14" s="546" customFormat="1" ht="15.75">
      <c r="A78" s="401"/>
      <c r="E78" s="744"/>
      <c r="H78" s="401"/>
      <c r="I78" s="401"/>
      <c r="J78" s="401"/>
      <c r="K78" s="401"/>
      <c r="L78" s="401"/>
      <c r="M78" s="401"/>
      <c r="N78" s="401"/>
    </row>
    <row r="79" spans="1:14" s="546" customFormat="1" ht="15.75">
      <c r="A79" s="401"/>
      <c r="E79" s="744"/>
      <c r="H79" s="401"/>
      <c r="I79" s="401"/>
      <c r="J79" s="401"/>
      <c r="K79" s="401"/>
      <c r="L79" s="401"/>
      <c r="M79" s="401"/>
      <c r="N79" s="401"/>
    </row>
    <row r="80" spans="1:14" s="546" customFormat="1" ht="15.75">
      <c r="A80" s="401"/>
      <c r="E80" s="744"/>
      <c r="H80" s="401"/>
      <c r="I80" s="401"/>
      <c r="J80" s="401"/>
      <c r="K80" s="401"/>
      <c r="L80" s="401"/>
      <c r="M80" s="401"/>
      <c r="N80" s="401"/>
    </row>
    <row r="81" spans="1:14" s="546" customFormat="1" ht="15.75">
      <c r="A81" s="401"/>
      <c r="E81" s="744"/>
      <c r="H81" s="401"/>
      <c r="I81" s="401"/>
      <c r="J81" s="401"/>
      <c r="K81" s="401"/>
      <c r="L81" s="401"/>
      <c r="M81" s="401"/>
      <c r="N81" s="401"/>
    </row>
    <row r="82" spans="1:14" s="546" customFormat="1" ht="15.75">
      <c r="A82" s="401"/>
      <c r="E82" s="744"/>
      <c r="H82" s="401"/>
      <c r="I82" s="401"/>
      <c r="J82" s="401"/>
      <c r="K82" s="401"/>
      <c r="L82" s="401"/>
      <c r="M82" s="401"/>
      <c r="N82" s="401"/>
    </row>
    <row r="83" spans="1:14" s="546" customFormat="1" ht="15.75">
      <c r="A83" s="401"/>
      <c r="E83" s="744"/>
      <c r="H83" s="401"/>
      <c r="I83" s="401"/>
      <c r="J83" s="401"/>
      <c r="K83" s="401"/>
      <c r="L83" s="401"/>
      <c r="M83" s="401"/>
      <c r="N83" s="401"/>
    </row>
    <row r="84" spans="1:14" s="546" customFormat="1" ht="15.75">
      <c r="A84" s="401"/>
      <c r="E84" s="744"/>
      <c r="H84" s="401"/>
      <c r="I84" s="401"/>
      <c r="J84" s="401"/>
      <c r="K84" s="401"/>
      <c r="L84" s="401"/>
      <c r="M84" s="401"/>
      <c r="N84" s="401"/>
    </row>
    <row r="85" spans="1:14" s="546" customFormat="1" ht="15.75">
      <c r="A85" s="401"/>
      <c r="E85" s="744"/>
      <c r="H85" s="401"/>
      <c r="I85" s="401"/>
      <c r="J85" s="401"/>
      <c r="K85" s="401"/>
      <c r="L85" s="401"/>
      <c r="M85" s="401"/>
      <c r="N85" s="401"/>
    </row>
    <row r="86" spans="1:14" s="546" customFormat="1" ht="15.75">
      <c r="A86" s="401"/>
      <c r="E86" s="744"/>
      <c r="H86" s="401"/>
      <c r="I86" s="401"/>
      <c r="J86" s="401"/>
      <c r="K86" s="401"/>
      <c r="L86" s="401"/>
      <c r="M86" s="401"/>
      <c r="N86" s="401"/>
    </row>
    <row r="87" spans="1:14" s="546" customFormat="1" ht="15.75">
      <c r="A87" s="401"/>
      <c r="E87" s="744"/>
      <c r="H87" s="401"/>
      <c r="I87" s="401"/>
      <c r="J87" s="401"/>
      <c r="K87" s="401"/>
      <c r="L87" s="401"/>
      <c r="M87" s="401"/>
      <c r="N87" s="401"/>
    </row>
    <row r="88" spans="1:14" s="546" customFormat="1" ht="15.75">
      <c r="A88" s="401"/>
      <c r="E88" s="744"/>
      <c r="H88" s="401"/>
      <c r="I88" s="401"/>
      <c r="J88" s="401"/>
      <c r="K88" s="401"/>
      <c r="L88" s="401"/>
      <c r="M88" s="401"/>
      <c r="N88" s="401"/>
    </row>
    <row r="89" spans="1:14" s="546" customFormat="1" ht="15.75">
      <c r="A89" s="401"/>
      <c r="E89" s="744"/>
      <c r="H89" s="401"/>
      <c r="I89" s="401"/>
      <c r="J89" s="401"/>
      <c r="K89" s="401"/>
      <c r="L89" s="401"/>
      <c r="M89" s="401"/>
      <c r="N89" s="401"/>
    </row>
    <row r="90" spans="1:14" s="546" customFormat="1" ht="15.75">
      <c r="A90" s="401"/>
      <c r="E90" s="744"/>
      <c r="H90" s="401"/>
      <c r="I90" s="401"/>
      <c r="J90" s="401"/>
      <c r="K90" s="401"/>
      <c r="L90" s="401"/>
      <c r="M90" s="401"/>
      <c r="N90" s="401"/>
    </row>
    <row r="91" spans="1:14" s="546" customFormat="1" ht="15.75">
      <c r="A91" s="401"/>
      <c r="E91" s="744"/>
      <c r="H91" s="401"/>
      <c r="I91" s="401"/>
      <c r="J91" s="401"/>
      <c r="K91" s="401"/>
      <c r="L91" s="401"/>
      <c r="M91" s="401"/>
      <c r="N91" s="401"/>
    </row>
    <row r="92" spans="1:14" s="546" customFormat="1" ht="15.75">
      <c r="A92" s="401"/>
      <c r="E92" s="744"/>
      <c r="H92" s="401"/>
      <c r="I92" s="401"/>
      <c r="J92" s="401"/>
      <c r="K92" s="401"/>
      <c r="L92" s="401"/>
      <c r="M92" s="401"/>
      <c r="N92" s="401"/>
    </row>
    <row r="93" spans="1:14" s="546" customFormat="1" ht="15.75">
      <c r="A93" s="401"/>
      <c r="E93" s="744"/>
      <c r="H93" s="401"/>
      <c r="I93" s="401"/>
      <c r="J93" s="401"/>
      <c r="K93" s="401"/>
      <c r="L93" s="401"/>
      <c r="M93" s="401"/>
      <c r="N93" s="401"/>
    </row>
    <row r="94" spans="1:14" s="546" customFormat="1" ht="15.75">
      <c r="A94" s="401"/>
      <c r="E94" s="744"/>
      <c r="H94" s="401"/>
      <c r="I94" s="401"/>
      <c r="J94" s="401"/>
      <c r="K94" s="401"/>
      <c r="L94" s="401"/>
      <c r="M94" s="401"/>
      <c r="N94" s="401"/>
    </row>
    <row r="95" spans="1:14" s="546" customFormat="1" ht="15.75">
      <c r="A95" s="401"/>
      <c r="E95" s="744"/>
      <c r="H95" s="401"/>
      <c r="I95" s="401"/>
      <c r="J95" s="401"/>
      <c r="K95" s="401"/>
      <c r="L95" s="401"/>
      <c r="M95" s="401"/>
      <c r="N95" s="401"/>
    </row>
    <row r="96" spans="1:14" s="546" customFormat="1" ht="15.75">
      <c r="A96" s="401"/>
      <c r="E96" s="744"/>
      <c r="H96" s="401"/>
      <c r="I96" s="401"/>
      <c r="J96" s="401"/>
      <c r="K96" s="401"/>
      <c r="L96" s="401"/>
      <c r="M96" s="401"/>
      <c r="N96" s="401"/>
    </row>
    <row r="97" spans="1:14" s="546" customFormat="1" ht="15.75">
      <c r="A97" s="401"/>
      <c r="E97" s="744"/>
      <c r="H97" s="401"/>
      <c r="I97" s="401"/>
      <c r="J97" s="401"/>
      <c r="K97" s="401"/>
      <c r="L97" s="401"/>
      <c r="M97" s="401"/>
      <c r="N97" s="401"/>
    </row>
    <row r="98" spans="1:14" s="546" customFormat="1" ht="15.75">
      <c r="A98" s="401"/>
      <c r="E98" s="744"/>
      <c r="H98" s="401"/>
      <c r="I98" s="401"/>
      <c r="J98" s="401"/>
      <c r="K98" s="401"/>
      <c r="L98" s="401"/>
      <c r="M98" s="401"/>
      <c r="N98" s="401"/>
    </row>
    <row r="99" spans="1:14" s="546" customFormat="1" ht="15.75">
      <c r="A99" s="401"/>
      <c r="E99" s="744"/>
      <c r="H99" s="401"/>
      <c r="I99" s="401"/>
      <c r="J99" s="401"/>
      <c r="K99" s="401"/>
      <c r="L99" s="401"/>
      <c r="M99" s="401"/>
      <c r="N99" s="401"/>
    </row>
    <row r="100" spans="1:14" s="546" customFormat="1" ht="15.75">
      <c r="A100" s="401"/>
      <c r="E100" s="744"/>
      <c r="H100" s="401"/>
      <c r="I100" s="401"/>
      <c r="J100" s="401"/>
      <c r="K100" s="401"/>
      <c r="L100" s="401"/>
      <c r="M100" s="401"/>
      <c r="N100" s="401"/>
    </row>
    <row r="101" spans="1:14" s="546" customFormat="1" ht="15.75">
      <c r="A101" s="401"/>
      <c r="E101" s="744"/>
      <c r="H101" s="401"/>
      <c r="I101" s="401"/>
      <c r="J101" s="401"/>
      <c r="K101" s="401"/>
      <c r="L101" s="401"/>
      <c r="M101" s="401"/>
      <c r="N101" s="401"/>
    </row>
    <row r="102" spans="1:14" s="546" customFormat="1" ht="15.75">
      <c r="A102" s="401"/>
      <c r="E102" s="744"/>
      <c r="H102" s="401"/>
      <c r="I102" s="401"/>
      <c r="J102" s="401"/>
      <c r="K102" s="401"/>
      <c r="L102" s="401"/>
      <c r="M102" s="401"/>
      <c r="N102" s="401"/>
    </row>
    <row r="103" spans="1:14" s="546" customFormat="1" ht="15.75">
      <c r="A103" s="401"/>
      <c r="E103" s="744"/>
      <c r="H103" s="401"/>
      <c r="I103" s="401"/>
      <c r="J103" s="401"/>
      <c r="K103" s="401"/>
      <c r="L103" s="401"/>
      <c r="M103" s="401"/>
      <c r="N103" s="401"/>
    </row>
    <row r="104" spans="1:14" s="546" customFormat="1" ht="15.75">
      <c r="A104" s="401"/>
      <c r="E104" s="744"/>
      <c r="H104" s="401"/>
      <c r="I104" s="401"/>
      <c r="J104" s="401"/>
      <c r="K104" s="401"/>
      <c r="L104" s="401"/>
      <c r="M104" s="401"/>
      <c r="N104" s="401"/>
    </row>
    <row r="105" spans="1:14" s="546" customFormat="1" ht="15.75">
      <c r="A105" s="401"/>
      <c r="E105" s="744"/>
      <c r="H105" s="401"/>
      <c r="I105" s="401"/>
      <c r="J105" s="401"/>
      <c r="K105" s="401"/>
      <c r="L105" s="401"/>
      <c r="M105" s="401"/>
      <c r="N105" s="401"/>
    </row>
    <row r="106" spans="1:14" s="546" customFormat="1" ht="15.75">
      <c r="A106" s="401"/>
      <c r="E106" s="744"/>
      <c r="H106" s="401"/>
      <c r="I106" s="401"/>
      <c r="J106" s="401"/>
      <c r="K106" s="401"/>
      <c r="L106" s="401"/>
      <c r="M106" s="401"/>
      <c r="N106" s="401"/>
    </row>
    <row r="107" spans="1:14" s="546" customFormat="1" ht="15.75">
      <c r="A107" s="401"/>
      <c r="E107" s="744"/>
      <c r="H107" s="401"/>
      <c r="I107" s="401"/>
      <c r="J107" s="401"/>
      <c r="K107" s="401"/>
      <c r="L107" s="401"/>
      <c r="M107" s="401"/>
      <c r="N107" s="401"/>
    </row>
    <row r="108" spans="1:14" s="546" customFormat="1" ht="15.75">
      <c r="A108" s="401"/>
      <c r="E108" s="744"/>
      <c r="H108" s="401"/>
      <c r="I108" s="401"/>
      <c r="J108" s="401"/>
      <c r="K108" s="401"/>
      <c r="L108" s="401"/>
      <c r="M108" s="401"/>
      <c r="N108" s="401"/>
    </row>
    <row r="109" spans="1:14" s="546" customFormat="1" ht="15.75">
      <c r="A109" s="401"/>
      <c r="E109" s="744"/>
      <c r="H109" s="401"/>
      <c r="I109" s="401"/>
      <c r="J109" s="401"/>
      <c r="K109" s="401"/>
      <c r="L109" s="401"/>
      <c r="M109" s="401"/>
      <c r="N109" s="401"/>
    </row>
    <row r="110" spans="1:14" s="546" customFormat="1" ht="15.75">
      <c r="A110" s="401"/>
      <c r="E110" s="744"/>
      <c r="H110" s="401"/>
      <c r="I110" s="401"/>
      <c r="J110" s="401"/>
      <c r="K110" s="401"/>
      <c r="L110" s="401"/>
      <c r="M110" s="401"/>
      <c r="N110" s="401"/>
    </row>
    <row r="111" spans="1:14" s="546" customFormat="1" ht="15.75">
      <c r="A111" s="401"/>
      <c r="E111" s="744"/>
      <c r="H111" s="401"/>
      <c r="I111" s="401"/>
      <c r="J111" s="401"/>
      <c r="K111" s="401"/>
      <c r="L111" s="401"/>
      <c r="M111" s="401"/>
      <c r="N111" s="401"/>
    </row>
    <row r="112" spans="1:14" s="546" customFormat="1" ht="15.75">
      <c r="A112" s="401"/>
      <c r="E112" s="744"/>
      <c r="H112" s="401"/>
      <c r="I112" s="401"/>
      <c r="J112" s="401"/>
      <c r="K112" s="401"/>
      <c r="L112" s="401"/>
      <c r="M112" s="401"/>
      <c r="N112" s="401"/>
    </row>
    <row r="113" spans="1:14" s="546" customFormat="1" ht="15.75">
      <c r="A113" s="401"/>
      <c r="E113" s="744"/>
      <c r="H113" s="401"/>
      <c r="I113" s="401"/>
      <c r="J113" s="401"/>
      <c r="K113" s="401"/>
      <c r="L113" s="401"/>
      <c r="M113" s="401"/>
      <c r="N113" s="401"/>
    </row>
    <row r="114" spans="1:14" s="546" customFormat="1" ht="15.75">
      <c r="A114" s="401"/>
      <c r="E114" s="744"/>
      <c r="H114" s="401"/>
      <c r="I114" s="401"/>
      <c r="J114" s="401"/>
      <c r="K114" s="401"/>
      <c r="L114" s="401"/>
      <c r="M114" s="401"/>
      <c r="N114" s="401"/>
    </row>
    <row r="115" spans="1:14" s="546" customFormat="1" ht="15.75">
      <c r="A115" s="401"/>
      <c r="E115" s="744"/>
      <c r="H115" s="401"/>
      <c r="I115" s="401"/>
      <c r="J115" s="401"/>
      <c r="K115" s="401"/>
      <c r="L115" s="401"/>
      <c r="M115" s="401"/>
      <c r="N115" s="401"/>
    </row>
    <row r="116" spans="1:14" s="546" customFormat="1" ht="15.75">
      <c r="A116" s="401"/>
      <c r="E116" s="744"/>
      <c r="H116" s="401"/>
      <c r="I116" s="401"/>
      <c r="J116" s="401"/>
      <c r="K116" s="401"/>
      <c r="L116" s="401"/>
      <c r="M116" s="401"/>
      <c r="N116" s="401"/>
    </row>
    <row r="117" spans="1:14" s="546" customFormat="1" ht="15.75">
      <c r="A117" s="401"/>
      <c r="E117" s="744"/>
      <c r="H117" s="401"/>
      <c r="I117" s="401"/>
      <c r="J117" s="401"/>
      <c r="K117" s="401"/>
      <c r="L117" s="401"/>
      <c r="M117" s="401"/>
      <c r="N117" s="401"/>
    </row>
    <row r="118" spans="1:14" s="546" customFormat="1" ht="15.75">
      <c r="A118" s="401"/>
      <c r="E118" s="744"/>
      <c r="H118" s="401"/>
      <c r="I118" s="401"/>
      <c r="J118" s="401"/>
      <c r="K118" s="401"/>
      <c r="L118" s="401"/>
      <c r="M118" s="401"/>
      <c r="N118" s="401"/>
    </row>
    <row r="119" spans="1:14" s="546" customFormat="1" ht="15.75">
      <c r="A119" s="401"/>
      <c r="E119" s="744"/>
      <c r="H119" s="401"/>
      <c r="I119" s="401"/>
      <c r="J119" s="401"/>
      <c r="K119" s="401"/>
      <c r="L119" s="401"/>
      <c r="M119" s="401"/>
      <c r="N119" s="401"/>
    </row>
    <row r="120" spans="1:14" s="546" customFormat="1" ht="15.75">
      <c r="A120" s="401"/>
      <c r="E120" s="744"/>
      <c r="H120" s="401"/>
      <c r="I120" s="401"/>
      <c r="J120" s="401"/>
      <c r="K120" s="401"/>
      <c r="L120" s="401"/>
      <c r="M120" s="401"/>
      <c r="N120" s="401"/>
    </row>
    <row r="121" spans="1:14" s="546" customFormat="1" ht="15.75">
      <c r="A121" s="401"/>
      <c r="E121" s="744"/>
      <c r="H121" s="401"/>
      <c r="I121" s="401"/>
      <c r="J121" s="401"/>
      <c r="K121" s="401"/>
      <c r="L121" s="401"/>
      <c r="M121" s="401"/>
      <c r="N121" s="401"/>
    </row>
    <row r="122" spans="1:14" s="546" customFormat="1" ht="15.75">
      <c r="A122" s="401"/>
      <c r="E122" s="744"/>
      <c r="H122" s="401"/>
      <c r="I122" s="401"/>
      <c r="J122" s="401"/>
      <c r="K122" s="401"/>
      <c r="L122" s="401"/>
      <c r="M122" s="401"/>
      <c r="N122" s="401"/>
    </row>
    <row r="123" spans="1:14" s="546" customFormat="1" ht="15.75">
      <c r="A123" s="401"/>
      <c r="E123" s="744"/>
      <c r="H123" s="401"/>
      <c r="I123" s="401"/>
      <c r="J123" s="401"/>
      <c r="K123" s="401"/>
      <c r="L123" s="401"/>
      <c r="M123" s="401"/>
      <c r="N123" s="401"/>
    </row>
    <row r="124" spans="1:14" s="546" customFormat="1" ht="15.75">
      <c r="A124" s="401"/>
      <c r="E124" s="744"/>
      <c r="H124" s="401"/>
      <c r="I124" s="401"/>
      <c r="J124" s="401"/>
      <c r="K124" s="401"/>
      <c r="L124" s="401"/>
      <c r="M124" s="401"/>
      <c r="N124" s="401"/>
    </row>
    <row r="125" spans="1:14" s="546" customFormat="1" ht="15.75">
      <c r="A125" s="401"/>
      <c r="E125" s="744"/>
      <c r="H125" s="401"/>
      <c r="I125" s="401"/>
      <c r="J125" s="401"/>
      <c r="K125" s="401"/>
      <c r="L125" s="401"/>
      <c r="M125" s="401"/>
      <c r="N125" s="401"/>
    </row>
    <row r="126" spans="1:14" s="546" customFormat="1" ht="15.75">
      <c r="A126" s="401"/>
      <c r="E126" s="744"/>
      <c r="H126" s="401"/>
      <c r="I126" s="401"/>
      <c r="J126" s="401"/>
      <c r="K126" s="401"/>
      <c r="L126" s="401"/>
      <c r="M126" s="401"/>
      <c r="N126" s="401"/>
    </row>
    <row r="127" spans="1:14" s="546" customFormat="1" ht="15.75">
      <c r="A127" s="401"/>
      <c r="E127" s="744"/>
      <c r="H127" s="401"/>
      <c r="I127" s="401"/>
      <c r="J127" s="401"/>
      <c r="K127" s="401"/>
      <c r="L127" s="401"/>
      <c r="M127" s="401"/>
      <c r="N127" s="401"/>
    </row>
    <row r="128" spans="1:14" s="546" customFormat="1" ht="15.75">
      <c r="A128" s="401"/>
      <c r="E128" s="744"/>
      <c r="H128" s="401"/>
      <c r="I128" s="401"/>
      <c r="J128" s="401"/>
      <c r="K128" s="401"/>
      <c r="L128" s="401"/>
      <c r="M128" s="401"/>
      <c r="N128" s="401"/>
    </row>
    <row r="129" spans="1:14" s="546" customFormat="1" ht="15.75">
      <c r="A129" s="401"/>
      <c r="E129" s="744"/>
      <c r="H129" s="401"/>
      <c r="I129" s="401"/>
      <c r="J129" s="401"/>
      <c r="K129" s="401"/>
      <c r="L129" s="401"/>
      <c r="M129" s="401"/>
      <c r="N129" s="401"/>
    </row>
    <row r="130" spans="1:14" s="546" customFormat="1" ht="15.75">
      <c r="A130" s="401"/>
      <c r="E130" s="744"/>
      <c r="H130" s="401"/>
      <c r="I130" s="401"/>
      <c r="J130" s="401"/>
      <c r="K130" s="401"/>
      <c r="L130" s="401"/>
      <c r="M130" s="401"/>
      <c r="N130" s="401"/>
    </row>
    <row r="131" spans="1:14" s="546" customFormat="1" ht="15.75">
      <c r="A131" s="401"/>
      <c r="E131" s="744"/>
      <c r="H131" s="401"/>
      <c r="I131" s="401"/>
      <c r="J131" s="401"/>
      <c r="K131" s="401"/>
      <c r="L131" s="401"/>
      <c r="M131" s="401"/>
      <c r="N131" s="401"/>
    </row>
    <row r="132" spans="1:14" s="546" customFormat="1" ht="15.75">
      <c r="A132" s="401"/>
      <c r="E132" s="744"/>
      <c r="H132" s="401"/>
      <c r="I132" s="401"/>
      <c r="J132" s="401"/>
      <c r="K132" s="401"/>
      <c r="L132" s="401"/>
      <c r="M132" s="401"/>
      <c r="N132" s="401"/>
    </row>
    <row r="133" spans="1:14" s="546" customFormat="1" ht="15.75">
      <c r="A133" s="401"/>
      <c r="E133" s="744"/>
      <c r="H133" s="401"/>
      <c r="I133" s="401"/>
      <c r="J133" s="401"/>
      <c r="K133" s="401"/>
      <c r="L133" s="401"/>
      <c r="M133" s="401"/>
      <c r="N133" s="401"/>
    </row>
    <row r="134" spans="1:14" s="546" customFormat="1" ht="15.75">
      <c r="A134" s="401"/>
      <c r="E134" s="744"/>
      <c r="H134" s="401"/>
      <c r="I134" s="401"/>
      <c r="J134" s="401"/>
      <c r="K134" s="401"/>
      <c r="L134" s="401"/>
      <c r="M134" s="401"/>
      <c r="N134" s="401"/>
    </row>
    <row r="135" spans="1:14" s="546" customFormat="1" ht="15.75">
      <c r="A135" s="401"/>
      <c r="E135" s="744"/>
      <c r="H135" s="401"/>
      <c r="I135" s="401"/>
      <c r="J135" s="401"/>
      <c r="K135" s="401"/>
      <c r="L135" s="401"/>
      <c r="M135" s="401"/>
      <c r="N135" s="401"/>
    </row>
    <row r="136" spans="1:14" s="546" customFormat="1" ht="15.75">
      <c r="A136" s="401"/>
      <c r="E136" s="744"/>
      <c r="H136" s="401"/>
      <c r="I136" s="401"/>
      <c r="J136" s="401"/>
      <c r="K136" s="401"/>
      <c r="L136" s="401"/>
      <c r="M136" s="401"/>
      <c r="N136" s="401"/>
    </row>
    <row r="137" spans="1:14" s="546" customFormat="1" ht="15.75">
      <c r="A137" s="401"/>
      <c r="E137" s="744"/>
      <c r="H137" s="401"/>
      <c r="I137" s="401"/>
      <c r="J137" s="401"/>
      <c r="K137" s="401"/>
      <c r="L137" s="401"/>
      <c r="M137" s="401"/>
      <c r="N137" s="401"/>
    </row>
    <row r="138" spans="1:14" s="546" customFormat="1" ht="15.75">
      <c r="A138" s="401"/>
      <c r="E138" s="744"/>
      <c r="H138" s="401"/>
      <c r="I138" s="401"/>
      <c r="J138" s="401"/>
      <c r="K138" s="401"/>
      <c r="L138" s="401"/>
      <c r="M138" s="401"/>
      <c r="N138" s="401"/>
    </row>
    <row r="139" spans="1:14" s="546" customFormat="1" ht="15.75">
      <c r="A139" s="401"/>
      <c r="E139" s="744"/>
      <c r="H139" s="401"/>
      <c r="I139" s="401"/>
      <c r="J139" s="401"/>
      <c r="K139" s="401"/>
      <c r="L139" s="401"/>
      <c r="M139" s="401"/>
      <c r="N139" s="401"/>
    </row>
    <row r="140" spans="1:14" s="546" customFormat="1" ht="15.75">
      <c r="A140" s="401"/>
      <c r="E140" s="744"/>
      <c r="H140" s="401"/>
      <c r="I140" s="401"/>
      <c r="J140" s="401"/>
      <c r="K140" s="401"/>
      <c r="L140" s="401"/>
      <c r="M140" s="401"/>
      <c r="N140" s="401"/>
    </row>
    <row r="141" spans="1:14" s="546" customFormat="1" ht="15.75">
      <c r="A141" s="401"/>
      <c r="E141" s="744"/>
      <c r="H141" s="401"/>
      <c r="I141" s="401"/>
      <c r="J141" s="401"/>
      <c r="K141" s="401"/>
      <c r="L141" s="401"/>
      <c r="M141" s="401"/>
      <c r="N141" s="401"/>
    </row>
    <row r="142" spans="1:14" s="546" customFormat="1" ht="15.75">
      <c r="A142" s="401"/>
      <c r="E142" s="744"/>
      <c r="H142" s="401"/>
      <c r="I142" s="401"/>
      <c r="J142" s="401"/>
      <c r="K142" s="401"/>
      <c r="L142" s="401"/>
      <c r="M142" s="401"/>
      <c r="N142" s="401"/>
    </row>
    <row r="143" spans="1:14" s="546" customFormat="1" ht="15.75">
      <c r="A143" s="401"/>
      <c r="E143" s="744"/>
      <c r="H143" s="401"/>
      <c r="I143" s="401"/>
      <c r="J143" s="401"/>
      <c r="K143" s="401"/>
      <c r="L143" s="401"/>
      <c r="M143" s="401"/>
      <c r="N143" s="401"/>
    </row>
    <row r="144" spans="1:14" s="546" customFormat="1" ht="15.75">
      <c r="A144" s="401"/>
      <c r="E144" s="744"/>
      <c r="H144" s="401"/>
      <c r="I144" s="401"/>
      <c r="J144" s="401"/>
      <c r="K144" s="401"/>
      <c r="L144" s="401"/>
      <c r="M144" s="401"/>
      <c r="N144" s="401"/>
    </row>
    <row r="145" spans="1:14" s="546" customFormat="1" ht="15.75">
      <c r="A145" s="401"/>
      <c r="E145" s="744"/>
      <c r="H145" s="401"/>
      <c r="I145" s="401"/>
      <c r="J145" s="401"/>
      <c r="K145" s="401"/>
      <c r="L145" s="401"/>
      <c r="M145" s="401"/>
      <c r="N145" s="401"/>
    </row>
    <row r="146" spans="1:14" s="546" customFormat="1" ht="15.75">
      <c r="A146" s="401"/>
      <c r="E146" s="744"/>
      <c r="H146" s="401"/>
      <c r="I146" s="401"/>
      <c r="J146" s="401"/>
      <c r="K146" s="401"/>
      <c r="L146" s="401"/>
      <c r="M146" s="401"/>
      <c r="N146" s="401"/>
    </row>
    <row r="147" spans="1:14" s="546" customFormat="1" ht="15.75">
      <c r="A147" s="401"/>
      <c r="E147" s="744"/>
      <c r="H147" s="401"/>
      <c r="I147" s="401"/>
      <c r="J147" s="401"/>
      <c r="K147" s="401"/>
      <c r="L147" s="401"/>
      <c r="M147" s="401"/>
      <c r="N147" s="401"/>
    </row>
    <row r="148" spans="1:14" s="546" customFormat="1" ht="15.75">
      <c r="A148" s="401"/>
      <c r="E148" s="744"/>
      <c r="H148" s="401"/>
      <c r="I148" s="401"/>
      <c r="J148" s="401"/>
      <c r="K148" s="401"/>
      <c r="L148" s="401"/>
      <c r="M148" s="401"/>
      <c r="N148" s="401"/>
    </row>
    <row r="149" spans="1:14" s="546" customFormat="1" ht="15.75">
      <c r="A149" s="401"/>
      <c r="E149" s="744"/>
      <c r="H149" s="401"/>
      <c r="I149" s="401"/>
      <c r="J149" s="401"/>
      <c r="K149" s="401"/>
      <c r="L149" s="401"/>
      <c r="M149" s="401"/>
      <c r="N149" s="401"/>
    </row>
    <row r="150" spans="1:14" s="546" customFormat="1" ht="15.75">
      <c r="A150" s="401"/>
      <c r="E150" s="744"/>
      <c r="H150" s="401"/>
      <c r="I150" s="401"/>
      <c r="J150" s="401"/>
      <c r="K150" s="401"/>
      <c r="L150" s="401"/>
      <c r="M150" s="401"/>
      <c r="N150" s="401"/>
    </row>
    <row r="151" spans="1:14" s="546" customFormat="1" ht="15.75">
      <c r="A151" s="401"/>
      <c r="E151" s="744"/>
      <c r="H151" s="401"/>
      <c r="I151" s="401"/>
      <c r="J151" s="401"/>
      <c r="K151" s="401"/>
      <c r="L151" s="401"/>
      <c r="M151" s="401"/>
      <c r="N151" s="401"/>
    </row>
    <row r="152" spans="1:14" s="546" customFormat="1" ht="15.75">
      <c r="A152" s="401"/>
      <c r="E152" s="744"/>
      <c r="H152" s="401"/>
      <c r="I152" s="401"/>
      <c r="J152" s="401"/>
      <c r="K152" s="401"/>
      <c r="L152" s="401"/>
      <c r="M152" s="401"/>
      <c r="N152" s="401"/>
    </row>
    <row r="153" spans="1:14" s="546" customFormat="1" ht="15.75">
      <c r="A153" s="401"/>
      <c r="E153" s="744"/>
      <c r="H153" s="401"/>
      <c r="I153" s="401"/>
      <c r="J153" s="401"/>
      <c r="K153" s="401"/>
      <c r="L153" s="401"/>
      <c r="M153" s="401"/>
      <c r="N153" s="401"/>
    </row>
    <row r="154" spans="1:14" s="546" customFormat="1" ht="15.75">
      <c r="A154" s="401"/>
      <c r="E154" s="744"/>
      <c r="H154" s="401"/>
      <c r="I154" s="401"/>
      <c r="J154" s="401"/>
      <c r="K154" s="401"/>
      <c r="L154" s="401"/>
      <c r="M154" s="401"/>
      <c r="N154" s="401"/>
    </row>
    <row r="155" spans="1:14" s="546" customFormat="1" ht="15.75">
      <c r="A155" s="401"/>
      <c r="E155" s="744"/>
      <c r="H155" s="401"/>
      <c r="I155" s="401"/>
      <c r="J155" s="401"/>
      <c r="K155" s="401"/>
      <c r="L155" s="401"/>
      <c r="M155" s="401"/>
      <c r="N155" s="401"/>
    </row>
    <row r="156" spans="1:14" s="546" customFormat="1" ht="15.75">
      <c r="A156" s="401"/>
      <c r="E156" s="744"/>
      <c r="H156" s="401"/>
      <c r="I156" s="401"/>
      <c r="J156" s="401"/>
      <c r="K156" s="401"/>
      <c r="L156" s="401"/>
      <c r="M156" s="401"/>
      <c r="N156" s="401"/>
    </row>
    <row r="157" spans="1:14" s="546" customFormat="1" ht="15.75">
      <c r="A157" s="401"/>
      <c r="E157" s="744"/>
      <c r="H157" s="401"/>
      <c r="I157" s="401"/>
      <c r="J157" s="401"/>
      <c r="K157" s="401"/>
      <c r="L157" s="401"/>
      <c r="M157" s="401"/>
      <c r="N157" s="401"/>
    </row>
    <row r="158" spans="1:14" s="546" customFormat="1" ht="15.75">
      <c r="A158" s="401"/>
      <c r="E158" s="744"/>
      <c r="H158" s="401"/>
      <c r="I158" s="401"/>
      <c r="J158" s="401"/>
      <c r="K158" s="401"/>
      <c r="L158" s="401"/>
      <c r="M158" s="401"/>
      <c r="N158" s="401"/>
    </row>
    <row r="159" spans="1:14" s="546" customFormat="1" ht="15.75">
      <c r="A159" s="401"/>
      <c r="E159" s="744"/>
      <c r="H159" s="401"/>
      <c r="I159" s="401"/>
      <c r="J159" s="401"/>
      <c r="K159" s="401"/>
      <c r="L159" s="401"/>
      <c r="M159" s="401"/>
      <c r="N159" s="401"/>
    </row>
    <row r="160" spans="1:14" s="546" customFormat="1" ht="15.75">
      <c r="A160" s="401"/>
      <c r="E160" s="744"/>
      <c r="H160" s="401"/>
      <c r="I160" s="401"/>
      <c r="J160" s="401"/>
      <c r="K160" s="401"/>
      <c r="L160" s="401"/>
      <c r="M160" s="401"/>
      <c r="N160" s="401"/>
    </row>
    <row r="161" spans="1:14" s="546" customFormat="1" ht="15.75">
      <c r="A161" s="401"/>
      <c r="E161" s="744"/>
      <c r="H161" s="401"/>
      <c r="I161" s="401"/>
      <c r="J161" s="401"/>
      <c r="K161" s="401"/>
      <c r="L161" s="401"/>
      <c r="M161" s="401"/>
      <c r="N161" s="401"/>
    </row>
    <row r="162" spans="1:14" s="546" customFormat="1" ht="15.75">
      <c r="A162" s="401"/>
      <c r="E162" s="744"/>
      <c r="H162" s="401"/>
      <c r="I162" s="401"/>
      <c r="J162" s="401"/>
      <c r="K162" s="401"/>
      <c r="L162" s="401"/>
      <c r="M162" s="401"/>
      <c r="N162" s="401"/>
    </row>
    <row r="163" spans="1:14" s="546" customFormat="1" ht="15.75">
      <c r="A163" s="401"/>
      <c r="E163" s="744"/>
      <c r="H163" s="401"/>
      <c r="I163" s="401"/>
      <c r="J163" s="401"/>
      <c r="K163" s="401"/>
      <c r="L163" s="401"/>
      <c r="M163" s="401"/>
      <c r="N163" s="401"/>
    </row>
    <row r="164" spans="1:14" s="546" customFormat="1" ht="15.75">
      <c r="A164" s="401"/>
      <c r="E164" s="744"/>
      <c r="H164" s="401"/>
      <c r="I164" s="401"/>
      <c r="J164" s="401"/>
      <c r="K164" s="401"/>
      <c r="L164" s="401"/>
      <c r="M164" s="401"/>
      <c r="N164" s="401"/>
    </row>
    <row r="165" spans="1:14" s="546" customFormat="1" ht="15.75">
      <c r="A165" s="401"/>
      <c r="E165" s="744"/>
      <c r="H165" s="401"/>
      <c r="I165" s="401"/>
      <c r="J165" s="401"/>
      <c r="K165" s="401"/>
      <c r="L165" s="401"/>
      <c r="M165" s="401"/>
      <c r="N165" s="401"/>
    </row>
    <row r="166" spans="1:14" s="546" customFormat="1" ht="15.75">
      <c r="A166" s="401"/>
      <c r="E166" s="744"/>
      <c r="H166" s="401"/>
      <c r="I166" s="401"/>
      <c r="J166" s="401"/>
      <c r="K166" s="401"/>
      <c r="L166" s="401"/>
      <c r="M166" s="401"/>
      <c r="N166" s="401"/>
    </row>
    <row r="167" spans="1:14" s="546" customFormat="1" ht="15.75">
      <c r="A167" s="401"/>
      <c r="E167" s="744"/>
      <c r="H167" s="401"/>
      <c r="I167" s="401"/>
      <c r="J167" s="401"/>
      <c r="K167" s="401"/>
      <c r="L167" s="401"/>
      <c r="M167" s="401"/>
      <c r="N167" s="401"/>
    </row>
    <row r="168" spans="1:14" s="546" customFormat="1" ht="15.75">
      <c r="A168" s="401"/>
      <c r="E168" s="744"/>
      <c r="H168" s="401"/>
      <c r="I168" s="401"/>
      <c r="J168" s="401"/>
      <c r="K168" s="401"/>
      <c r="L168" s="401"/>
      <c r="M168" s="401"/>
      <c r="N168" s="401"/>
    </row>
    <row r="169" spans="1:14" s="546" customFormat="1" ht="15.75">
      <c r="A169" s="401"/>
      <c r="E169" s="744"/>
      <c r="H169" s="401"/>
      <c r="I169" s="401"/>
      <c r="J169" s="401"/>
      <c r="K169" s="401"/>
      <c r="L169" s="401"/>
      <c r="M169" s="401"/>
      <c r="N169" s="401"/>
    </row>
    <row r="170" spans="1:14" s="546" customFormat="1" ht="15.75">
      <c r="A170" s="401"/>
      <c r="E170" s="744"/>
      <c r="H170" s="401"/>
      <c r="I170" s="401"/>
      <c r="J170" s="401"/>
      <c r="K170" s="401"/>
      <c r="L170" s="401"/>
      <c r="M170" s="401"/>
      <c r="N170" s="401"/>
    </row>
    <row r="171" spans="1:14" s="546" customFormat="1" ht="15.75">
      <c r="A171" s="401"/>
      <c r="E171" s="744"/>
      <c r="H171" s="401"/>
      <c r="I171" s="401"/>
      <c r="J171" s="401"/>
      <c r="K171" s="401"/>
      <c r="L171" s="401"/>
      <c r="M171" s="401"/>
      <c r="N171" s="401"/>
    </row>
    <row r="172" spans="1:14" s="546" customFormat="1" ht="15.75">
      <c r="A172" s="401"/>
      <c r="E172" s="744"/>
      <c r="H172" s="401"/>
      <c r="I172" s="401"/>
      <c r="J172" s="401"/>
      <c r="K172" s="401"/>
      <c r="L172" s="401"/>
      <c r="M172" s="401"/>
      <c r="N172" s="401"/>
    </row>
    <row r="173" spans="1:14" s="546" customFormat="1" ht="15.75">
      <c r="A173" s="401"/>
      <c r="E173" s="744"/>
      <c r="H173" s="401"/>
      <c r="I173" s="401"/>
      <c r="J173" s="401"/>
      <c r="K173" s="401"/>
      <c r="L173" s="401"/>
      <c r="M173" s="401"/>
      <c r="N173" s="401"/>
    </row>
    <row r="174" spans="1:14" s="546" customFormat="1" ht="15.75">
      <c r="A174" s="401"/>
      <c r="E174" s="744"/>
      <c r="H174" s="401"/>
      <c r="I174" s="401"/>
      <c r="J174" s="401"/>
      <c r="K174" s="401"/>
      <c r="L174" s="401"/>
      <c r="M174" s="401"/>
      <c r="N174" s="401"/>
    </row>
    <row r="175" spans="1:14" s="546" customFormat="1" ht="15.75">
      <c r="A175" s="401"/>
      <c r="E175" s="744"/>
      <c r="H175" s="401"/>
      <c r="I175" s="401"/>
      <c r="J175" s="401"/>
      <c r="K175" s="401"/>
      <c r="L175" s="401"/>
      <c r="M175" s="401"/>
      <c r="N175" s="401"/>
    </row>
    <row r="176" spans="1:14" s="546" customFormat="1" ht="15.75">
      <c r="A176" s="401"/>
      <c r="E176" s="744"/>
      <c r="H176" s="401"/>
      <c r="I176" s="401"/>
      <c r="J176" s="401"/>
      <c r="K176" s="401"/>
      <c r="L176" s="401"/>
      <c r="M176" s="401"/>
      <c r="N176" s="401"/>
    </row>
    <row r="177" spans="1:14" s="546" customFormat="1" ht="15.75">
      <c r="A177" s="401"/>
      <c r="E177" s="744"/>
      <c r="H177" s="401"/>
      <c r="I177" s="401"/>
      <c r="J177" s="401"/>
      <c r="K177" s="401"/>
      <c r="L177" s="401"/>
      <c r="M177" s="401"/>
      <c r="N177" s="401"/>
    </row>
    <row r="178" spans="1:14" s="546" customFormat="1" ht="15.75">
      <c r="A178" s="401"/>
      <c r="E178" s="744"/>
      <c r="H178" s="401"/>
      <c r="I178" s="401"/>
      <c r="J178" s="401"/>
      <c r="K178" s="401"/>
      <c r="L178" s="401"/>
      <c r="M178" s="401"/>
      <c r="N178" s="401"/>
    </row>
  </sheetData>
  <autoFilter ref="A13:Q47"/>
  <mergeCells count="7">
    <mergeCell ref="B50:Q50"/>
    <mergeCell ref="B43:Q43"/>
    <mergeCell ref="A1:O1"/>
    <mergeCell ref="E7:F7"/>
    <mergeCell ref="B9:Q9"/>
    <mergeCell ref="B11:Q11"/>
    <mergeCell ref="B12:Q12"/>
  </mergeCells>
  <hyperlinks>
    <hyperlink ref="B42" r:id="rId1" display="MAKBENZ117@YANDEX.RU"/>
  </hyperlinks>
  <pageMargins left="0.7" right="0.7" top="0.75" bottom="0.75" header="0.3" footer="0.3"/>
  <pageSetup paperSize="9" scale="52" orientation="landscape" r:id="rId2"/>
</worksheet>
</file>

<file path=xl/worksheets/sheet2.xml><?xml version="1.0" encoding="utf-8"?>
<worksheet xmlns="http://schemas.openxmlformats.org/spreadsheetml/2006/main" xmlns:r="http://schemas.openxmlformats.org/officeDocument/2006/relationships">
  <sheetPr>
    <pageSetUpPr fitToPage="1"/>
  </sheetPr>
  <dimension ref="A1:Q23"/>
  <sheetViews>
    <sheetView topLeftCell="A16" workbookViewId="0">
      <selection activeCell="Z14" sqref="Z14"/>
    </sheetView>
  </sheetViews>
  <sheetFormatPr defaultRowHeight="15"/>
  <cols>
    <col min="1" max="16384" width="9.140625" style="177"/>
  </cols>
  <sheetData>
    <row r="1" spans="1:17" ht="15.75" thickBot="1">
      <c r="A1" s="1129" t="s">
        <v>4146</v>
      </c>
      <c r="B1" s="1129"/>
      <c r="C1" s="1129"/>
      <c r="D1" s="1129"/>
      <c r="E1" s="1129"/>
      <c r="F1" s="1129"/>
      <c r="G1" s="1129"/>
      <c r="H1" s="1129"/>
      <c r="I1" s="1129"/>
      <c r="J1" s="1129"/>
      <c r="K1" s="1130"/>
    </row>
    <row r="2" spans="1:17" ht="76.5">
      <c r="A2" s="1131" t="s">
        <v>4145</v>
      </c>
      <c r="B2" s="1133" t="s">
        <v>4144</v>
      </c>
      <c r="C2" s="1134"/>
      <c r="D2" s="1133" t="s">
        <v>177</v>
      </c>
      <c r="E2" s="1134"/>
      <c r="F2" s="135" t="s">
        <v>4143</v>
      </c>
      <c r="G2" s="136" t="s">
        <v>179</v>
      </c>
      <c r="H2" s="137" t="s">
        <v>2631</v>
      </c>
      <c r="I2" s="138" t="s">
        <v>27</v>
      </c>
      <c r="J2" s="138" t="s">
        <v>176</v>
      </c>
      <c r="K2" s="940" t="s">
        <v>4142</v>
      </c>
      <c r="L2" s="943" t="s">
        <v>4997</v>
      </c>
      <c r="M2" s="943" t="s">
        <v>4998</v>
      </c>
    </row>
    <row r="3" spans="1:17" ht="51">
      <c r="A3" s="1132"/>
      <c r="B3" s="139" t="s">
        <v>4139</v>
      </c>
      <c r="C3" s="140" t="s">
        <v>4141</v>
      </c>
      <c r="D3" s="141" t="s">
        <v>4139</v>
      </c>
      <c r="E3" s="140" t="s">
        <v>4140</v>
      </c>
      <c r="F3" s="142" t="s">
        <v>4139</v>
      </c>
      <c r="G3" s="143" t="s">
        <v>4139</v>
      </c>
      <c r="H3" s="144" t="s">
        <v>4139</v>
      </c>
      <c r="I3" s="144" t="s">
        <v>4139</v>
      </c>
      <c r="J3" s="144" t="s">
        <v>4139</v>
      </c>
      <c r="K3" s="941" t="s">
        <v>4139</v>
      </c>
      <c r="L3" s="941" t="s">
        <v>4139</v>
      </c>
      <c r="M3" s="941" t="s">
        <v>4139</v>
      </c>
    </row>
    <row r="4" spans="1:17" ht="51">
      <c r="A4" s="178" t="s">
        <v>4138</v>
      </c>
      <c r="B4" s="1006">
        <f>Петрозаводский!C4</f>
        <v>104</v>
      </c>
      <c r="C4" s="179">
        <f t="shared" ref="C4:C22" si="0">B4/F4</f>
        <v>0.99047619047619051</v>
      </c>
      <c r="D4" s="180">
        <f>Петрозаводский!C5</f>
        <v>1</v>
      </c>
      <c r="E4" s="179">
        <f t="shared" ref="E4:E22" si="1">D4/F4</f>
        <v>9.5238095238095247E-3</v>
      </c>
      <c r="F4" s="181">
        <f>SUM(B4+D4)</f>
        <v>105</v>
      </c>
      <c r="G4" s="938">
        <f>Петрозаводский!F4</f>
        <v>44</v>
      </c>
      <c r="H4" s="939">
        <f>Петрозаводский!F5</f>
        <v>42</v>
      </c>
      <c r="I4" s="939">
        <f>Петрозаводский!F6</f>
        <v>16</v>
      </c>
      <c r="J4" s="939">
        <v>2</v>
      </c>
      <c r="K4" s="942">
        <f t="shared" ref="K4:K21" si="2">SUM(G4:J4)</f>
        <v>104</v>
      </c>
      <c r="L4" s="944">
        <v>1651</v>
      </c>
      <c r="M4" s="944">
        <v>3407</v>
      </c>
      <c r="N4" s="195"/>
      <c r="Q4" s="195"/>
    </row>
    <row r="5" spans="1:17" ht="51">
      <c r="A5" s="178" t="s">
        <v>4137</v>
      </c>
      <c r="B5" s="181">
        <v>19</v>
      </c>
      <c r="C5" s="179">
        <f t="shared" si="0"/>
        <v>1</v>
      </c>
      <c r="D5" s="182">
        <f>[3]Костомукша!C5</f>
        <v>0</v>
      </c>
      <c r="E5" s="179">
        <f t="shared" si="1"/>
        <v>0</v>
      </c>
      <c r="F5" s="181">
        <f>SUM(B5+D5)</f>
        <v>19</v>
      </c>
      <c r="G5" s="945">
        <f>[3]Костомукша!F4</f>
        <v>3</v>
      </c>
      <c r="H5" s="946">
        <f>Костомукша!F5</f>
        <v>12</v>
      </c>
      <c r="I5" s="946">
        <f>Костомукша!F6</f>
        <v>4</v>
      </c>
      <c r="J5" s="946">
        <f>[3]Костомукша!F7</f>
        <v>0</v>
      </c>
      <c r="K5" s="942">
        <f t="shared" si="2"/>
        <v>19</v>
      </c>
      <c r="L5" s="944">
        <v>184</v>
      </c>
      <c r="M5" s="944">
        <v>451</v>
      </c>
    </row>
    <row r="6" spans="1:17" ht="63.75">
      <c r="A6" s="178" t="s">
        <v>2108</v>
      </c>
      <c r="B6" s="181">
        <f>'Беломорский '!C4</f>
        <v>28</v>
      </c>
      <c r="C6" s="179">
        <f t="shared" si="0"/>
        <v>1</v>
      </c>
      <c r="D6" s="183">
        <f>'[3]Беломорский '!C5</f>
        <v>0</v>
      </c>
      <c r="E6" s="179">
        <f t="shared" si="1"/>
        <v>0</v>
      </c>
      <c r="F6" s="181">
        <f>SUM(B6+D6)</f>
        <v>28</v>
      </c>
      <c r="G6" s="945">
        <f>'Беломорский '!F4</f>
        <v>6</v>
      </c>
      <c r="H6" s="946">
        <f>'Беломорский '!F5</f>
        <v>15</v>
      </c>
      <c r="I6" s="946">
        <f>'Беломорский '!F6</f>
        <v>7</v>
      </c>
      <c r="J6" s="946">
        <f>'[3]Беломорский '!F7</f>
        <v>0</v>
      </c>
      <c r="K6" s="942">
        <f t="shared" si="2"/>
        <v>28</v>
      </c>
      <c r="L6" s="944">
        <v>196</v>
      </c>
      <c r="M6" s="944">
        <v>619</v>
      </c>
    </row>
    <row r="7" spans="1:17" ht="63.75">
      <c r="A7" s="178" t="s">
        <v>4136</v>
      </c>
      <c r="B7" s="181">
        <f>'[3]Калевальский '!C4</f>
        <v>23</v>
      </c>
      <c r="C7" s="179">
        <f t="shared" si="0"/>
        <v>0.95833333333333337</v>
      </c>
      <c r="D7" s="183">
        <f>'Калевальский '!C5</f>
        <v>1</v>
      </c>
      <c r="E7" s="179">
        <f t="shared" si="1"/>
        <v>4.1666666666666664E-2</v>
      </c>
      <c r="F7" s="181">
        <f>B7+D7</f>
        <v>24</v>
      </c>
      <c r="G7" s="945">
        <f>'Калевальский '!F4</f>
        <v>3</v>
      </c>
      <c r="H7" s="946">
        <f>'Калевальский '!F5</f>
        <v>12</v>
      </c>
      <c r="I7" s="946">
        <v>8</v>
      </c>
      <c r="J7" s="946">
        <f>'[3]Калевальский '!F7</f>
        <v>0</v>
      </c>
      <c r="K7" s="942">
        <f t="shared" si="2"/>
        <v>23</v>
      </c>
      <c r="L7" s="944">
        <v>79</v>
      </c>
      <c r="M7" s="944">
        <v>259</v>
      </c>
      <c r="P7" s="197"/>
    </row>
    <row r="8" spans="1:17" ht="51">
      <c r="A8" s="178" t="s">
        <v>719</v>
      </c>
      <c r="B8" s="1007">
        <v>22</v>
      </c>
      <c r="C8" s="179">
        <f t="shared" si="0"/>
        <v>0.95652173913043481</v>
      </c>
      <c r="D8" s="184">
        <f>[3]Кемский!C5</f>
        <v>1</v>
      </c>
      <c r="E8" s="179">
        <f t="shared" si="1"/>
        <v>4.3478260869565216E-2</v>
      </c>
      <c r="F8" s="181">
        <f>B8+D8</f>
        <v>23</v>
      </c>
      <c r="G8" s="945">
        <f>Кемский!G4</f>
        <v>5</v>
      </c>
      <c r="H8" s="946">
        <f>Кемский!G5</f>
        <v>7</v>
      </c>
      <c r="I8" s="946">
        <f>Кемский!G6</f>
        <v>9</v>
      </c>
      <c r="J8" s="946">
        <v>1</v>
      </c>
      <c r="K8" s="942">
        <f t="shared" si="2"/>
        <v>22</v>
      </c>
      <c r="L8" s="944">
        <v>220</v>
      </c>
      <c r="M8" s="944">
        <v>495</v>
      </c>
    </row>
    <row r="9" spans="1:17" ht="63.75">
      <c r="A9" s="178" t="s">
        <v>2742</v>
      </c>
      <c r="B9" s="1007">
        <v>59</v>
      </c>
      <c r="C9" s="179">
        <f t="shared" si="0"/>
        <v>0.86764705882352944</v>
      </c>
      <c r="D9" s="184">
        <v>9</v>
      </c>
      <c r="E9" s="179">
        <f t="shared" si="1"/>
        <v>0.13235294117647059</v>
      </c>
      <c r="F9" s="181">
        <f>SUM(B9+D9)</f>
        <v>68</v>
      </c>
      <c r="G9" s="945">
        <v>18</v>
      </c>
      <c r="H9" s="946">
        <v>16</v>
      </c>
      <c r="I9" s="946">
        <v>25</v>
      </c>
      <c r="J9" s="946">
        <v>0</v>
      </c>
      <c r="K9" s="942">
        <f t="shared" si="2"/>
        <v>59</v>
      </c>
      <c r="L9" s="944">
        <v>487</v>
      </c>
      <c r="M9" s="944">
        <v>2059</v>
      </c>
    </row>
    <row r="10" spans="1:17" ht="63.75">
      <c r="A10" s="178" t="s">
        <v>486</v>
      </c>
      <c r="B10" s="1008">
        <v>74</v>
      </c>
      <c r="C10" s="179">
        <f t="shared" si="0"/>
        <v>0.97368421052631582</v>
      </c>
      <c r="D10" s="180">
        <f>[3]Лахденпохский!C5</f>
        <v>2</v>
      </c>
      <c r="E10" s="179">
        <f t="shared" si="1"/>
        <v>2.6315789473684209E-2</v>
      </c>
      <c r="F10" s="181">
        <f>SUM(B10+D10)</f>
        <v>76</v>
      </c>
      <c r="G10" s="938">
        <v>21</v>
      </c>
      <c r="H10" s="939">
        <v>37</v>
      </c>
      <c r="I10" s="939">
        <v>16</v>
      </c>
      <c r="J10" s="939">
        <v>0</v>
      </c>
      <c r="K10" s="942">
        <f t="shared" si="2"/>
        <v>74</v>
      </c>
      <c r="L10" s="944">
        <v>404</v>
      </c>
      <c r="M10" s="944">
        <v>2340</v>
      </c>
    </row>
    <row r="11" spans="1:17" ht="51">
      <c r="A11" s="178" t="s">
        <v>3853</v>
      </c>
      <c r="B11" s="1007">
        <v>49</v>
      </c>
      <c r="C11" s="179">
        <f t="shared" si="0"/>
        <v>0.79032258064516125</v>
      </c>
      <c r="D11" s="183">
        <v>13</v>
      </c>
      <c r="E11" s="179">
        <f t="shared" si="1"/>
        <v>0.20967741935483872</v>
      </c>
      <c r="F11" s="181">
        <f>SUM(B11+D11)</f>
        <v>62</v>
      </c>
      <c r="G11" s="945">
        <v>18</v>
      </c>
      <c r="H11" s="946">
        <v>15</v>
      </c>
      <c r="I11" s="946">
        <v>16</v>
      </c>
      <c r="J11" s="946">
        <v>0</v>
      </c>
      <c r="K11" s="942">
        <f t="shared" si="2"/>
        <v>49</v>
      </c>
      <c r="L11" s="963">
        <v>168</v>
      </c>
      <c r="M11" s="944">
        <v>788</v>
      </c>
    </row>
    <row r="12" spans="1:17" ht="63.75">
      <c r="A12" s="178" t="s">
        <v>2985</v>
      </c>
      <c r="B12" s="1007">
        <v>83</v>
      </c>
      <c r="C12" s="179">
        <f t="shared" si="0"/>
        <v>0.96511627906976749</v>
      </c>
      <c r="D12" s="184">
        <v>3</v>
      </c>
      <c r="E12" s="179">
        <f t="shared" si="1"/>
        <v>3.4883720930232558E-2</v>
      </c>
      <c r="F12" s="181">
        <f>SUM(B12+D12)</f>
        <v>86</v>
      </c>
      <c r="G12" s="945">
        <v>9</v>
      </c>
      <c r="H12" s="946">
        <v>46</v>
      </c>
      <c r="I12" s="946">
        <v>28</v>
      </c>
      <c r="J12" s="946">
        <v>0</v>
      </c>
      <c r="K12" s="942">
        <f t="shared" si="2"/>
        <v>83</v>
      </c>
      <c r="L12" s="963">
        <v>282</v>
      </c>
      <c r="M12" s="944">
        <v>1124</v>
      </c>
    </row>
    <row r="13" spans="1:17" ht="63.75">
      <c r="A13" s="178" t="s">
        <v>2472</v>
      </c>
      <c r="B13" s="181">
        <f>[3]Муезерский!C4</f>
        <v>13</v>
      </c>
      <c r="C13" s="179">
        <f t="shared" si="0"/>
        <v>0.8125</v>
      </c>
      <c r="D13" s="183">
        <v>3</v>
      </c>
      <c r="E13" s="179">
        <f t="shared" si="1"/>
        <v>0.1875</v>
      </c>
      <c r="F13" s="181">
        <f>B13+D13</f>
        <v>16</v>
      </c>
      <c r="G13" s="945">
        <v>5</v>
      </c>
      <c r="H13" s="946">
        <v>4</v>
      </c>
      <c r="I13" s="946">
        <v>4</v>
      </c>
      <c r="J13" s="946">
        <f>[3]Муезерский!F7</f>
        <v>0</v>
      </c>
      <c r="K13" s="942">
        <f t="shared" si="2"/>
        <v>13</v>
      </c>
      <c r="L13" s="944">
        <v>66</v>
      </c>
      <c r="M13" s="944">
        <v>269</v>
      </c>
    </row>
    <row r="14" spans="1:17" ht="89.25">
      <c r="A14" s="178" t="s">
        <v>961</v>
      </c>
      <c r="B14" s="1007">
        <v>52</v>
      </c>
      <c r="C14" s="179">
        <f t="shared" si="0"/>
        <v>0.53608247422680411</v>
      </c>
      <c r="D14" s="183">
        <v>45</v>
      </c>
      <c r="E14" s="179">
        <f t="shared" si="1"/>
        <v>0.46391752577319589</v>
      </c>
      <c r="F14" s="181">
        <f t="shared" ref="F14:F21" si="3">SUM(B14+D14)</f>
        <v>97</v>
      </c>
      <c r="G14" s="945">
        <f>[3]Олонецкий!F4</f>
        <v>8</v>
      </c>
      <c r="H14" s="946">
        <v>24</v>
      </c>
      <c r="I14" s="946">
        <v>20</v>
      </c>
      <c r="J14" s="946">
        <f>[3]Олонецкий!F7</f>
        <v>0</v>
      </c>
      <c r="K14" s="942">
        <f t="shared" si="2"/>
        <v>52</v>
      </c>
      <c r="L14" s="944">
        <v>220</v>
      </c>
      <c r="M14" s="944">
        <v>1139</v>
      </c>
    </row>
    <row r="15" spans="1:17" ht="63.75">
      <c r="A15" s="178" t="s">
        <v>4135</v>
      </c>
      <c r="B15" s="1008">
        <v>55</v>
      </c>
      <c r="C15" s="179">
        <f t="shared" si="0"/>
        <v>0.87301587301587302</v>
      </c>
      <c r="D15" s="180">
        <v>8</v>
      </c>
      <c r="E15" s="179">
        <f t="shared" si="1"/>
        <v>0.12698412698412698</v>
      </c>
      <c r="F15" s="181">
        <f t="shared" si="3"/>
        <v>63</v>
      </c>
      <c r="G15" s="938">
        <v>8</v>
      </c>
      <c r="H15" s="939">
        <v>25</v>
      </c>
      <c r="I15" s="939">
        <v>22</v>
      </c>
      <c r="J15" s="939">
        <f>'[3]Питкярантский '!F7</f>
        <v>0</v>
      </c>
      <c r="K15" s="942">
        <f t="shared" si="2"/>
        <v>55</v>
      </c>
      <c r="L15" s="944">
        <v>282</v>
      </c>
      <c r="M15" s="944">
        <v>1006</v>
      </c>
    </row>
    <row r="16" spans="1:17" ht="63.75">
      <c r="A16" s="178" t="s">
        <v>1540</v>
      </c>
      <c r="B16" s="1007">
        <v>67</v>
      </c>
      <c r="C16" s="179">
        <f t="shared" si="0"/>
        <v>0.97101449275362317</v>
      </c>
      <c r="D16" s="184">
        <f>[3]Прионежский!C5</f>
        <v>2</v>
      </c>
      <c r="E16" s="179">
        <f t="shared" si="1"/>
        <v>2.8985507246376812E-2</v>
      </c>
      <c r="F16" s="181">
        <f t="shared" si="3"/>
        <v>69</v>
      </c>
      <c r="G16" s="945">
        <v>18</v>
      </c>
      <c r="H16" s="946">
        <v>26</v>
      </c>
      <c r="I16" s="946">
        <v>22</v>
      </c>
      <c r="J16" s="946">
        <f>[3]Прионежский!F7</f>
        <v>1</v>
      </c>
      <c r="K16" s="942">
        <f t="shared" si="2"/>
        <v>67</v>
      </c>
      <c r="L16" s="944">
        <v>322</v>
      </c>
      <c r="M16" s="944">
        <v>1217</v>
      </c>
    </row>
    <row r="17" spans="1:13" ht="89.25">
      <c r="A17" s="178" t="s">
        <v>1544</v>
      </c>
      <c r="B17" s="1007">
        <v>66</v>
      </c>
      <c r="C17" s="179">
        <f t="shared" si="0"/>
        <v>0.82499999999999996</v>
      </c>
      <c r="D17" s="183">
        <f>'[3]Пряжинский '!C5</f>
        <v>14</v>
      </c>
      <c r="E17" s="179">
        <f t="shared" si="1"/>
        <v>0.17499999999999999</v>
      </c>
      <c r="F17" s="181">
        <f t="shared" si="3"/>
        <v>80</v>
      </c>
      <c r="G17" s="945">
        <v>27</v>
      </c>
      <c r="H17" s="946">
        <v>25</v>
      </c>
      <c r="I17" s="946">
        <v>14</v>
      </c>
      <c r="J17" s="946">
        <f>'[3]Пряжинский '!F7</f>
        <v>0</v>
      </c>
      <c r="K17" s="942">
        <f t="shared" si="2"/>
        <v>66</v>
      </c>
      <c r="L17" s="944">
        <v>285</v>
      </c>
      <c r="M17" s="944">
        <v>1494</v>
      </c>
    </row>
    <row r="18" spans="1:13" ht="63.75">
      <c r="A18" s="178" t="s">
        <v>3150</v>
      </c>
      <c r="B18" s="1007">
        <v>40</v>
      </c>
      <c r="C18" s="179">
        <f t="shared" si="0"/>
        <v>0.97560975609756095</v>
      </c>
      <c r="D18" s="184">
        <f>[3]Пудожский!C5</f>
        <v>1</v>
      </c>
      <c r="E18" s="179">
        <f t="shared" si="1"/>
        <v>2.4390243902439025E-2</v>
      </c>
      <c r="F18" s="181">
        <f t="shared" si="3"/>
        <v>41</v>
      </c>
      <c r="G18" s="945">
        <f>[3]Пудожский!F4</f>
        <v>4</v>
      </c>
      <c r="H18" s="946">
        <v>17</v>
      </c>
      <c r="I18" s="946">
        <v>19</v>
      </c>
      <c r="J18" s="946">
        <f>[3]Пудожский!F7</f>
        <v>0</v>
      </c>
      <c r="K18" s="942">
        <f t="shared" si="2"/>
        <v>40</v>
      </c>
      <c r="L18" s="944">
        <v>105</v>
      </c>
      <c r="M18" s="944">
        <v>538</v>
      </c>
    </row>
    <row r="19" spans="1:13" ht="63.75">
      <c r="A19" s="178" t="s">
        <v>573</v>
      </c>
      <c r="B19" s="1007">
        <v>28</v>
      </c>
      <c r="C19" s="179">
        <f t="shared" si="0"/>
        <v>0.96551724137931039</v>
      </c>
      <c r="D19" s="184">
        <f>[3]Сегежский!C5</f>
        <v>1</v>
      </c>
      <c r="E19" s="179">
        <f t="shared" si="1"/>
        <v>3.4482758620689655E-2</v>
      </c>
      <c r="F19" s="181">
        <f t="shared" si="3"/>
        <v>29</v>
      </c>
      <c r="G19" s="945">
        <v>8</v>
      </c>
      <c r="H19" s="946">
        <f>[3]Сегежский!F5</f>
        <v>12</v>
      </c>
      <c r="I19" s="946">
        <f>[3]Сегежский!F6</f>
        <v>8</v>
      </c>
      <c r="J19" s="946">
        <f>[3]Сегежский!F7</f>
        <v>0</v>
      </c>
      <c r="K19" s="942">
        <f t="shared" si="2"/>
        <v>28</v>
      </c>
      <c r="L19" s="944">
        <v>245</v>
      </c>
      <c r="M19" s="944">
        <v>538</v>
      </c>
    </row>
    <row r="20" spans="1:13" ht="63.75">
      <c r="A20" s="178" t="s">
        <v>3795</v>
      </c>
      <c r="B20" s="1008">
        <v>159</v>
      </c>
      <c r="C20" s="179">
        <f t="shared" si="0"/>
        <v>0.92441860465116277</v>
      </c>
      <c r="D20" s="185">
        <v>13</v>
      </c>
      <c r="E20" s="179">
        <f t="shared" si="1"/>
        <v>7.5581395348837205E-2</v>
      </c>
      <c r="F20" s="181">
        <f t="shared" si="3"/>
        <v>172</v>
      </c>
      <c r="G20" s="938">
        <v>39</v>
      </c>
      <c r="H20" s="939">
        <v>66</v>
      </c>
      <c r="I20" s="939">
        <v>50</v>
      </c>
      <c r="J20" s="939">
        <v>4</v>
      </c>
      <c r="K20" s="942">
        <f t="shared" si="2"/>
        <v>159</v>
      </c>
      <c r="L20" s="944">
        <v>998</v>
      </c>
      <c r="M20" s="944">
        <v>2904</v>
      </c>
    </row>
    <row r="21" spans="1:13" ht="63.75">
      <c r="A21" s="186" t="s">
        <v>158</v>
      </c>
      <c r="B21" s="1007">
        <v>33</v>
      </c>
      <c r="C21" s="179">
        <f t="shared" si="0"/>
        <v>0.84615384615384615</v>
      </c>
      <c r="D21" s="184">
        <v>6</v>
      </c>
      <c r="E21" s="179">
        <f t="shared" si="1"/>
        <v>0.15384615384615385</v>
      </c>
      <c r="F21" s="181">
        <f t="shared" si="3"/>
        <v>39</v>
      </c>
      <c r="G21" s="945">
        <v>6</v>
      </c>
      <c r="H21" s="946">
        <v>9</v>
      </c>
      <c r="I21" s="946">
        <f>[3]Суоярвский!F6</f>
        <v>16</v>
      </c>
      <c r="J21" s="946">
        <v>2</v>
      </c>
      <c r="K21" s="942">
        <f t="shared" si="2"/>
        <v>33</v>
      </c>
      <c r="L21" s="944">
        <v>147</v>
      </c>
      <c r="M21" s="944">
        <v>568</v>
      </c>
    </row>
    <row r="22" spans="1:13" ht="15.75" thickBot="1">
      <c r="A22" s="187" t="s">
        <v>964</v>
      </c>
      <c r="B22" s="188">
        <f>B4+B5+B6+B7+B8+B9+B10+B11+B12+B13+B14+B15+B16+B17+B18+B19+B20+B21</f>
        <v>974</v>
      </c>
      <c r="C22" s="189">
        <f t="shared" si="0"/>
        <v>0.88787602552415679</v>
      </c>
      <c r="D22" s="190">
        <f>D4+D5+D6+D7+D8+D9+D10+D11+D12+D13+D14+D15+D16+D17+D18+D19+D20+D21</f>
        <v>123</v>
      </c>
      <c r="E22" s="191">
        <f t="shared" si="1"/>
        <v>0.11212397447584321</v>
      </c>
      <c r="F22" s="192">
        <f>SUM(F4:F21)</f>
        <v>1097</v>
      </c>
      <c r="G22" s="188">
        <f>G4+G5+G6+G7+G8+G9+G10+G11+G12+G13+G14+G15+G16+G17+G18+G19+G20+G21</f>
        <v>250</v>
      </c>
      <c r="H22" s="1002">
        <f>H4+H5+H6+H7+H8+H9+H10+H11+H12+H13+H14+H15+H16+H17+H18+H19+H20+H21</f>
        <v>410</v>
      </c>
      <c r="I22" s="1003">
        <f>I4+I5+I6+I7+I8+I9+I10+I11+I12+I13+I14+I15+I16+I17+I18+I19+I20+I21</f>
        <v>304</v>
      </c>
      <c r="J22" s="1004">
        <f>SUM(J4:J21)</f>
        <v>10</v>
      </c>
      <c r="K22" s="1005">
        <f>SUM(K4:K21)</f>
        <v>974</v>
      </c>
      <c r="L22" s="1005">
        <f t="shared" ref="L22:M22" si="4">SUM(L4:L21)</f>
        <v>6341</v>
      </c>
      <c r="M22" s="1005">
        <f t="shared" si="4"/>
        <v>21215</v>
      </c>
    </row>
    <row r="23" spans="1:13">
      <c r="G23" s="1135" t="s">
        <v>5068</v>
      </c>
      <c r="H23" s="1136"/>
    </row>
  </sheetData>
  <mergeCells count="5">
    <mergeCell ref="A1:K1"/>
    <mergeCell ref="A2:A3"/>
    <mergeCell ref="B2:C2"/>
    <mergeCell ref="D2:E2"/>
    <mergeCell ref="G23:H23"/>
  </mergeCells>
  <pageMargins left="0.7" right="0.7" top="0.75" bottom="0.75" header="0.3" footer="0.3"/>
  <pageSetup paperSize="9" scale="73" fitToHeight="0" orientation="portrait" r:id="rId1"/>
</worksheet>
</file>

<file path=xl/worksheets/sheet20.xml><?xml version="1.0" encoding="utf-8"?>
<worksheet xmlns="http://schemas.openxmlformats.org/spreadsheetml/2006/main" xmlns:r="http://schemas.openxmlformats.org/officeDocument/2006/relationships">
  <sheetPr>
    <tabColor theme="0"/>
    <pageSetUpPr fitToPage="1"/>
  </sheetPr>
  <dimension ref="A1:R58"/>
  <sheetViews>
    <sheetView zoomScaleNormal="100" workbookViewId="0">
      <selection activeCell="H11" sqref="H11"/>
    </sheetView>
  </sheetViews>
  <sheetFormatPr defaultColWidth="9.140625" defaultRowHeight="15"/>
  <cols>
    <col min="1" max="1" width="6.85546875" style="4" customWidth="1"/>
    <col min="2" max="2" width="22.42578125" style="1" customWidth="1"/>
    <col min="3" max="3" width="10.85546875" style="1" customWidth="1"/>
    <col min="4" max="4" width="20.28515625" style="1" customWidth="1"/>
    <col min="5" max="5" width="22" style="3" customWidth="1"/>
    <col min="6" max="6" width="14.5703125" style="1" customWidth="1"/>
    <col min="7" max="7" width="19.85546875" style="1" customWidth="1"/>
    <col min="8" max="9" width="21.5703125" style="2" customWidth="1"/>
    <col min="10" max="10" width="13.42578125" style="1" customWidth="1"/>
    <col min="11" max="11" width="12.140625" style="1" customWidth="1"/>
    <col min="12" max="13" width="12.28515625" style="1" customWidth="1"/>
    <col min="14" max="14" width="19.42578125" style="1" customWidth="1"/>
    <col min="15" max="15" width="23.140625" style="1" customWidth="1"/>
    <col min="16" max="16" width="14.7109375" style="1" customWidth="1"/>
    <col min="17" max="17" width="17.7109375" style="1" customWidth="1"/>
    <col min="18" max="18" width="15.28515625" style="1" customWidth="1"/>
    <col min="19" max="16384" width="9.140625" style="1"/>
  </cols>
  <sheetData>
    <row r="1" spans="1:18" s="508" customFormat="1" ht="31.5" customHeight="1">
      <c r="A1" s="1286" t="s">
        <v>187</v>
      </c>
      <c r="B1" s="1286"/>
      <c r="C1" s="1286"/>
      <c r="D1" s="1286"/>
      <c r="E1" s="1286"/>
      <c r="F1" s="1286"/>
      <c r="G1" s="1286"/>
      <c r="H1" s="1286"/>
      <c r="I1" s="1286"/>
      <c r="J1" s="1286"/>
      <c r="K1" s="1286"/>
      <c r="L1" s="1286"/>
      <c r="M1" s="1286"/>
      <c r="N1" s="1286"/>
      <c r="O1" s="1286"/>
      <c r="P1" s="689"/>
      <c r="Q1" s="689"/>
      <c r="R1" s="689"/>
    </row>
    <row r="2" spans="1:18" s="325" customFormat="1" ht="79.5" customHeight="1">
      <c r="A2" s="509" t="s">
        <v>173</v>
      </c>
      <c r="B2" s="755" t="s">
        <v>186</v>
      </c>
      <c r="C2" s="324" t="s">
        <v>184</v>
      </c>
      <c r="E2" s="509" t="s">
        <v>185</v>
      </c>
      <c r="F2" s="329" t="s">
        <v>184</v>
      </c>
      <c r="H2" s="328"/>
      <c r="I2" s="328"/>
      <c r="K2" s="328"/>
      <c r="L2" s="328"/>
      <c r="M2" s="328"/>
      <c r="N2" s="328"/>
      <c r="O2" s="328"/>
      <c r="P2" s="328"/>
    </row>
    <row r="3" spans="1:18" s="325" customFormat="1" ht="36" customHeight="1">
      <c r="A3" s="323"/>
      <c r="B3" s="755" t="s">
        <v>183</v>
      </c>
      <c r="C3" s="324">
        <f>SUM(C4:C5)</f>
        <v>39</v>
      </c>
      <c r="E3" s="509" t="s">
        <v>182</v>
      </c>
      <c r="F3" s="324">
        <f>SUM(F4:F7)</f>
        <v>33</v>
      </c>
      <c r="H3" s="328"/>
      <c r="I3" s="328"/>
      <c r="K3" s="328"/>
      <c r="L3" s="328"/>
      <c r="M3" s="328"/>
      <c r="N3" s="328"/>
      <c r="O3" s="328"/>
      <c r="P3" s="328"/>
    </row>
    <row r="4" spans="1:18" s="325" customFormat="1" ht="37.5" customHeight="1">
      <c r="A4" s="323" t="s">
        <v>181</v>
      </c>
      <c r="B4" s="756" t="s">
        <v>180</v>
      </c>
      <c r="C4" s="329">
        <v>33</v>
      </c>
      <c r="E4" s="323" t="s">
        <v>179</v>
      </c>
      <c r="F4" s="329">
        <v>6</v>
      </c>
      <c r="H4" s="328"/>
      <c r="I4" s="328"/>
      <c r="K4" s="328"/>
      <c r="L4" s="328"/>
      <c r="M4" s="328"/>
      <c r="N4" s="328"/>
      <c r="O4" s="328"/>
      <c r="P4" s="328"/>
    </row>
    <row r="5" spans="1:18" s="325" customFormat="1" ht="33" customHeight="1">
      <c r="A5" s="323" t="s">
        <v>178</v>
      </c>
      <c r="B5" s="756" t="s">
        <v>177</v>
      </c>
      <c r="C5" s="329">
        <v>6</v>
      </c>
      <c r="E5" s="323" t="s">
        <v>15</v>
      </c>
      <c r="F5" s="329">
        <v>9</v>
      </c>
      <c r="H5" s="328"/>
      <c r="I5" s="328"/>
      <c r="K5" s="328"/>
      <c r="L5" s="328"/>
      <c r="M5" s="328"/>
      <c r="N5" s="328"/>
      <c r="O5" s="328"/>
      <c r="P5" s="328"/>
    </row>
    <row r="6" spans="1:18" s="325" customFormat="1" ht="23.25" customHeight="1">
      <c r="A6" s="323"/>
      <c r="E6" s="323" t="s">
        <v>27</v>
      </c>
      <c r="F6" s="329">
        <v>16</v>
      </c>
      <c r="G6" s="325">
        <v>18</v>
      </c>
      <c r="H6" s="328"/>
      <c r="I6" s="328"/>
      <c r="K6" s="328"/>
      <c r="L6" s="328"/>
      <c r="M6" s="328"/>
      <c r="N6" s="328"/>
      <c r="O6" s="328"/>
      <c r="P6" s="328"/>
    </row>
    <row r="7" spans="1:18" s="325" customFormat="1" ht="48" customHeight="1">
      <c r="A7" s="323"/>
      <c r="E7" s="329" t="s">
        <v>176</v>
      </c>
      <c r="F7" s="329">
        <v>2</v>
      </c>
      <c r="H7" s="328" t="s">
        <v>4199</v>
      </c>
      <c r="I7" s="328"/>
      <c r="J7" s="325">
        <f>SUM(J28+J35+J36+J38)</f>
        <v>25</v>
      </c>
      <c r="K7" s="328"/>
      <c r="L7" s="328"/>
      <c r="M7" s="328"/>
      <c r="N7" s="328"/>
      <c r="O7" s="328"/>
      <c r="P7" s="328"/>
    </row>
    <row r="8" spans="1:18" s="325" customFormat="1" ht="60" customHeight="1">
      <c r="A8" s="323"/>
      <c r="E8" s="1233" t="s">
        <v>175</v>
      </c>
      <c r="F8" s="1234"/>
      <c r="H8" s="694">
        <v>4</v>
      </c>
      <c r="I8" s="1106"/>
      <c r="J8" s="334">
        <f>SUM(J15:J47)</f>
        <v>147</v>
      </c>
      <c r="K8" s="694">
        <f>SUM(K15:K47)</f>
        <v>568</v>
      </c>
      <c r="L8" s="328"/>
      <c r="M8" s="328"/>
      <c r="N8" s="328"/>
      <c r="O8" s="328"/>
      <c r="P8" s="328"/>
    </row>
    <row r="9" spans="1:18" s="508" customFormat="1" ht="16.5" customHeight="1">
      <c r="A9" s="329"/>
      <c r="B9" s="757">
        <v>12</v>
      </c>
      <c r="C9" s="758"/>
      <c r="D9" s="758"/>
      <c r="E9" s="759"/>
      <c r="F9" s="760"/>
      <c r="G9" s="760"/>
      <c r="H9" s="325"/>
      <c r="I9" s="325"/>
      <c r="J9" s="761"/>
      <c r="K9" s="762"/>
      <c r="L9" s="763"/>
      <c r="M9" s="763"/>
      <c r="N9" s="763"/>
      <c r="O9" s="763"/>
      <c r="P9" s="689"/>
      <c r="Q9" s="689"/>
      <c r="R9" s="689"/>
    </row>
    <row r="10" spans="1:18" s="508" customFormat="1" ht="18.75" customHeight="1">
      <c r="A10" s="329"/>
      <c r="B10" s="1263" t="s">
        <v>174</v>
      </c>
      <c r="C10" s="1260"/>
      <c r="D10" s="1260"/>
      <c r="E10" s="1260"/>
      <c r="F10" s="1260"/>
      <c r="G10" s="1260"/>
      <c r="H10" s="1260"/>
      <c r="I10" s="1261"/>
      <c r="J10" s="1260"/>
      <c r="K10" s="1260"/>
      <c r="L10" s="1260"/>
      <c r="M10" s="1260"/>
      <c r="N10" s="1260"/>
      <c r="O10" s="1260"/>
      <c r="P10" s="1260"/>
      <c r="Q10" s="1260"/>
      <c r="R10" s="689"/>
    </row>
    <row r="11" spans="1:18" s="765" customFormat="1" ht="111.75" customHeight="1">
      <c r="A11" s="329" t="s">
        <v>173</v>
      </c>
      <c r="B11" s="756" t="s">
        <v>172</v>
      </c>
      <c r="C11" s="329" t="s">
        <v>171</v>
      </c>
      <c r="D11" s="329" t="s">
        <v>170</v>
      </c>
      <c r="E11" s="323" t="s">
        <v>169</v>
      </c>
      <c r="F11" s="329" t="s">
        <v>168</v>
      </c>
      <c r="G11" s="329" t="s">
        <v>167</v>
      </c>
      <c r="H11" s="1064" t="s">
        <v>5073</v>
      </c>
      <c r="I11" s="1065" t="s">
        <v>5075</v>
      </c>
      <c r="J11" s="329" t="s">
        <v>166</v>
      </c>
      <c r="K11" s="329" t="s">
        <v>165</v>
      </c>
      <c r="L11" s="329" t="s">
        <v>164</v>
      </c>
      <c r="M11" s="329" t="s">
        <v>163</v>
      </c>
      <c r="N11" s="329" t="s">
        <v>162</v>
      </c>
      <c r="O11" s="329" t="s">
        <v>161</v>
      </c>
      <c r="P11" s="329" t="s">
        <v>160</v>
      </c>
      <c r="Q11" s="329" t="s">
        <v>159</v>
      </c>
      <c r="R11" s="764"/>
    </row>
    <row r="12" spans="1:18" s="508" customFormat="1" ht="15.75">
      <c r="A12" s="329"/>
      <c r="B12" s="1263" t="s">
        <v>158</v>
      </c>
      <c r="C12" s="1260"/>
      <c r="D12" s="1260"/>
      <c r="E12" s="1260"/>
      <c r="F12" s="1260"/>
      <c r="G12" s="1260"/>
      <c r="H12" s="1260"/>
      <c r="I12" s="1261"/>
      <c r="J12" s="1260"/>
      <c r="K12" s="1260"/>
      <c r="L12" s="1260"/>
      <c r="M12" s="1260"/>
      <c r="N12" s="1260"/>
      <c r="O12" s="1260"/>
      <c r="P12" s="1260"/>
      <c r="Q12" s="1260"/>
      <c r="R12" s="689"/>
    </row>
    <row r="13" spans="1:18" s="508" customFormat="1" ht="15.75">
      <c r="A13" s="329"/>
      <c r="B13" s="1263" t="s">
        <v>157</v>
      </c>
      <c r="C13" s="1260"/>
      <c r="D13" s="1260"/>
      <c r="E13" s="1260"/>
      <c r="F13" s="1260"/>
      <c r="G13" s="1260"/>
      <c r="H13" s="1260"/>
      <c r="I13" s="1261"/>
      <c r="J13" s="1260"/>
      <c r="K13" s="1260"/>
      <c r="L13" s="1260"/>
      <c r="M13" s="1260"/>
      <c r="N13" s="1260"/>
      <c r="O13" s="1260"/>
      <c r="P13" s="1260"/>
      <c r="Q13" s="1260"/>
      <c r="R13" s="689"/>
    </row>
    <row r="14" spans="1:18" s="508" customFormat="1" ht="15.75">
      <c r="A14" s="329">
        <v>1</v>
      </c>
      <c r="B14" s="756">
        <v>2</v>
      </c>
      <c r="C14" s="329">
        <v>3</v>
      </c>
      <c r="D14" s="756">
        <v>4</v>
      </c>
      <c r="E14" s="323">
        <v>5</v>
      </c>
      <c r="F14" s="756">
        <v>6</v>
      </c>
      <c r="G14" s="329">
        <v>7</v>
      </c>
      <c r="H14" s="756" t="s">
        <v>156</v>
      </c>
      <c r="I14" s="1119"/>
      <c r="J14" s="329">
        <v>9</v>
      </c>
      <c r="K14" s="756">
        <v>10</v>
      </c>
      <c r="L14" s="329">
        <v>11</v>
      </c>
      <c r="M14" s="756"/>
      <c r="N14" s="756"/>
      <c r="O14" s="756">
        <v>12</v>
      </c>
      <c r="P14" s="329">
        <v>13</v>
      </c>
      <c r="Q14" s="756">
        <v>14</v>
      </c>
      <c r="R14" s="689"/>
    </row>
    <row r="15" spans="1:18" s="689" customFormat="1" ht="158.25" customHeight="1">
      <c r="A15" s="329">
        <v>1</v>
      </c>
      <c r="B15" s="766" t="s">
        <v>155</v>
      </c>
      <c r="C15" s="767" t="s">
        <v>27</v>
      </c>
      <c r="D15" s="767" t="s">
        <v>153</v>
      </c>
      <c r="E15" s="698" t="s">
        <v>152</v>
      </c>
      <c r="F15" s="768">
        <v>45434</v>
      </c>
      <c r="G15" s="769" t="s">
        <v>4801</v>
      </c>
      <c r="H15" s="767" t="s">
        <v>10</v>
      </c>
      <c r="I15" s="767"/>
      <c r="J15" s="531">
        <v>6</v>
      </c>
      <c r="K15" s="531">
        <v>24</v>
      </c>
      <c r="L15" s="531">
        <v>1</v>
      </c>
      <c r="M15" s="767">
        <v>2018</v>
      </c>
      <c r="N15" s="767" t="s">
        <v>9</v>
      </c>
      <c r="O15" s="770" t="s">
        <v>4802</v>
      </c>
      <c r="P15" s="767" t="s">
        <v>8</v>
      </c>
      <c r="Q15" s="767" t="s">
        <v>8</v>
      </c>
    </row>
    <row r="16" spans="1:18" s="689" customFormat="1" ht="96" customHeight="1">
      <c r="A16" s="329">
        <v>2</v>
      </c>
      <c r="B16" s="766" t="s">
        <v>154</v>
      </c>
      <c r="C16" s="767" t="s">
        <v>27</v>
      </c>
      <c r="D16" s="767" t="s">
        <v>4803</v>
      </c>
      <c r="E16" s="698" t="s">
        <v>152</v>
      </c>
      <c r="F16" s="768">
        <v>45517</v>
      </c>
      <c r="G16" s="769" t="s">
        <v>4801</v>
      </c>
      <c r="H16" s="767" t="s">
        <v>10</v>
      </c>
      <c r="I16" s="767"/>
      <c r="J16" s="531" t="s">
        <v>156</v>
      </c>
      <c r="K16" s="531">
        <v>10</v>
      </c>
      <c r="L16" s="531">
        <v>1</v>
      </c>
      <c r="M16" s="767">
        <v>2018</v>
      </c>
      <c r="N16" s="767" t="s">
        <v>9</v>
      </c>
      <c r="O16" s="770" t="s">
        <v>4804</v>
      </c>
      <c r="P16" s="767" t="s">
        <v>8</v>
      </c>
      <c r="Q16" s="767" t="s">
        <v>8</v>
      </c>
    </row>
    <row r="17" spans="1:18" s="689" customFormat="1" ht="120" customHeight="1">
      <c r="A17" s="329">
        <v>3</v>
      </c>
      <c r="B17" s="766" t="s">
        <v>150</v>
      </c>
      <c r="C17" s="767" t="s">
        <v>15</v>
      </c>
      <c r="D17" s="767" t="s">
        <v>149</v>
      </c>
      <c r="E17" s="698" t="s">
        <v>148</v>
      </c>
      <c r="F17" s="768">
        <v>42583</v>
      </c>
      <c r="G17" s="767" t="s">
        <v>147</v>
      </c>
      <c r="H17" s="767" t="s">
        <v>10</v>
      </c>
      <c r="I17" s="767"/>
      <c r="J17" s="531">
        <v>3</v>
      </c>
      <c r="K17" s="531">
        <v>24</v>
      </c>
      <c r="L17" s="531">
        <v>1</v>
      </c>
      <c r="M17" s="767">
        <v>2016</v>
      </c>
      <c r="N17" s="767" t="s">
        <v>9</v>
      </c>
      <c r="O17" s="770" t="s">
        <v>146</v>
      </c>
      <c r="P17" s="767" t="s">
        <v>8</v>
      </c>
      <c r="Q17" s="767" t="s">
        <v>8</v>
      </c>
    </row>
    <row r="18" spans="1:18" s="689" customFormat="1" ht="120" customHeight="1">
      <c r="A18" s="329">
        <v>4</v>
      </c>
      <c r="B18" s="766" t="s">
        <v>145</v>
      </c>
      <c r="C18" s="767" t="s">
        <v>27</v>
      </c>
      <c r="D18" s="767" t="s">
        <v>144</v>
      </c>
      <c r="E18" s="698" t="s">
        <v>143</v>
      </c>
      <c r="F18" s="768">
        <v>45748</v>
      </c>
      <c r="G18" s="768" t="s">
        <v>142</v>
      </c>
      <c r="H18" s="767" t="s">
        <v>10</v>
      </c>
      <c r="I18" s="767"/>
      <c r="J18" s="531">
        <v>4</v>
      </c>
      <c r="K18" s="531">
        <v>26</v>
      </c>
      <c r="L18" s="531">
        <v>1</v>
      </c>
      <c r="M18" s="767">
        <v>2018</v>
      </c>
      <c r="N18" s="767" t="s">
        <v>9</v>
      </c>
      <c r="O18" s="770" t="s">
        <v>141</v>
      </c>
      <c r="P18" s="767" t="s">
        <v>8</v>
      </c>
      <c r="Q18" s="767" t="s">
        <v>4805</v>
      </c>
      <c r="R18" s="689" t="s">
        <v>140</v>
      </c>
    </row>
    <row r="19" spans="1:18" s="689" customFormat="1" ht="120" customHeight="1">
      <c r="A19" s="329">
        <v>5</v>
      </c>
      <c r="B19" s="766" t="s">
        <v>139</v>
      </c>
      <c r="C19" s="767" t="s">
        <v>15</v>
      </c>
      <c r="D19" s="767" t="s">
        <v>138</v>
      </c>
      <c r="E19" s="698" t="s">
        <v>137</v>
      </c>
      <c r="F19" s="768">
        <v>43230</v>
      </c>
      <c r="G19" s="769" t="s">
        <v>136</v>
      </c>
      <c r="H19" s="531" t="s">
        <v>10</v>
      </c>
      <c r="I19" s="531"/>
      <c r="J19" s="531">
        <v>4</v>
      </c>
      <c r="K19" s="531">
        <v>8</v>
      </c>
      <c r="L19" s="531">
        <v>1</v>
      </c>
      <c r="M19" s="767">
        <v>2021</v>
      </c>
      <c r="N19" s="767" t="s">
        <v>9</v>
      </c>
      <c r="O19" s="770" t="s">
        <v>135</v>
      </c>
      <c r="P19" s="767" t="s">
        <v>8</v>
      </c>
      <c r="Q19" s="767" t="s">
        <v>8</v>
      </c>
    </row>
    <row r="20" spans="1:18" s="689" customFormat="1" ht="120" customHeight="1">
      <c r="A20" s="329">
        <v>6</v>
      </c>
      <c r="B20" s="766" t="s">
        <v>134</v>
      </c>
      <c r="C20" s="767" t="s">
        <v>15</v>
      </c>
      <c r="D20" s="767" t="s">
        <v>133</v>
      </c>
      <c r="E20" s="698" t="s">
        <v>132</v>
      </c>
      <c r="F20" s="698" t="s">
        <v>131</v>
      </c>
      <c r="G20" s="768" t="s">
        <v>130</v>
      </c>
      <c r="H20" s="767" t="s">
        <v>10</v>
      </c>
      <c r="I20" s="767"/>
      <c r="J20" s="531">
        <v>1</v>
      </c>
      <c r="K20" s="531">
        <v>6</v>
      </c>
      <c r="L20" s="531">
        <v>1</v>
      </c>
      <c r="M20" s="767">
        <v>2017</v>
      </c>
      <c r="N20" s="767" t="s">
        <v>9</v>
      </c>
      <c r="O20" s="770" t="s">
        <v>129</v>
      </c>
      <c r="P20" s="767" t="s">
        <v>8</v>
      </c>
      <c r="Q20" s="767" t="s">
        <v>8</v>
      </c>
    </row>
    <row r="21" spans="1:18" s="689" customFormat="1" ht="187.5" customHeight="1">
      <c r="A21" s="329">
        <v>7</v>
      </c>
      <c r="B21" s="766" t="s">
        <v>128</v>
      </c>
      <c r="C21" s="767" t="s">
        <v>15</v>
      </c>
      <c r="D21" s="767" t="s">
        <v>127</v>
      </c>
      <c r="E21" s="698" t="s">
        <v>126</v>
      </c>
      <c r="F21" s="768">
        <v>41031</v>
      </c>
      <c r="G21" s="767" t="s">
        <v>125</v>
      </c>
      <c r="H21" s="767" t="s">
        <v>124</v>
      </c>
      <c r="I21" s="767"/>
      <c r="J21" s="531">
        <v>49</v>
      </c>
      <c r="K21" s="531">
        <v>117</v>
      </c>
      <c r="L21" s="531">
        <v>5</v>
      </c>
      <c r="M21" s="767">
        <v>2005</v>
      </c>
      <c r="N21" s="767" t="s">
        <v>9</v>
      </c>
      <c r="O21" s="767" t="s">
        <v>123</v>
      </c>
      <c r="P21" s="767" t="s">
        <v>8</v>
      </c>
      <c r="Q21" s="767" t="s">
        <v>8</v>
      </c>
      <c r="R21" s="771"/>
    </row>
    <row r="22" spans="1:18" s="689" customFormat="1" ht="96.75" customHeight="1">
      <c r="A22" s="329">
        <v>8</v>
      </c>
      <c r="B22" s="766" t="s">
        <v>122</v>
      </c>
      <c r="C22" s="767" t="s">
        <v>27</v>
      </c>
      <c r="D22" s="767" t="s">
        <v>121</v>
      </c>
      <c r="E22" s="698" t="s">
        <v>120</v>
      </c>
      <c r="F22" s="768">
        <v>44705</v>
      </c>
      <c r="G22" s="768"/>
      <c r="H22" s="767" t="s">
        <v>10</v>
      </c>
      <c r="I22" s="767"/>
      <c r="J22" s="531">
        <v>1</v>
      </c>
      <c r="K22" s="531">
        <v>6</v>
      </c>
      <c r="L22" s="531">
        <v>1</v>
      </c>
      <c r="M22" s="767">
        <v>2022</v>
      </c>
      <c r="N22" s="767" t="s">
        <v>9</v>
      </c>
      <c r="O22" s="770" t="s">
        <v>119</v>
      </c>
      <c r="P22" s="767" t="s">
        <v>8</v>
      </c>
      <c r="Q22" s="767" t="s">
        <v>8</v>
      </c>
    </row>
    <row r="23" spans="1:18" s="689" customFormat="1" ht="120" customHeight="1">
      <c r="A23" s="329">
        <v>9</v>
      </c>
      <c r="B23" s="766" t="s">
        <v>118</v>
      </c>
      <c r="C23" s="767" t="s">
        <v>27</v>
      </c>
      <c r="D23" s="767" t="s">
        <v>117</v>
      </c>
      <c r="E23" s="698" t="s">
        <v>116</v>
      </c>
      <c r="F23" s="768">
        <v>44260</v>
      </c>
      <c r="G23" s="768"/>
      <c r="H23" s="767" t="s">
        <v>10</v>
      </c>
      <c r="I23" s="767"/>
      <c r="J23" s="531">
        <v>4</v>
      </c>
      <c r="K23" s="531">
        <v>28</v>
      </c>
      <c r="L23" s="531">
        <v>1</v>
      </c>
      <c r="M23" s="767">
        <v>2019</v>
      </c>
      <c r="N23" s="767" t="s">
        <v>9</v>
      </c>
      <c r="O23" s="770" t="s">
        <v>4806</v>
      </c>
      <c r="P23" s="767" t="s">
        <v>8</v>
      </c>
      <c r="Q23" s="767" t="s">
        <v>8</v>
      </c>
    </row>
    <row r="24" spans="1:18" s="689" customFormat="1" ht="120" customHeight="1">
      <c r="A24" s="329">
        <v>10</v>
      </c>
      <c r="B24" s="766" t="s">
        <v>115</v>
      </c>
      <c r="C24" s="767" t="s">
        <v>27</v>
      </c>
      <c r="D24" s="767" t="s">
        <v>114</v>
      </c>
      <c r="E24" s="698" t="s">
        <v>113</v>
      </c>
      <c r="F24" s="768">
        <v>44329</v>
      </c>
      <c r="G24" s="768"/>
      <c r="H24" s="767" t="s">
        <v>10</v>
      </c>
      <c r="I24" s="767"/>
      <c r="J24" s="531">
        <v>1</v>
      </c>
      <c r="K24" s="531">
        <v>7</v>
      </c>
      <c r="L24" s="531">
        <v>1</v>
      </c>
      <c r="M24" s="767">
        <v>2009</v>
      </c>
      <c r="N24" s="767" t="s">
        <v>9</v>
      </c>
      <c r="O24" s="770" t="s">
        <v>112</v>
      </c>
      <c r="P24" s="767" t="s">
        <v>8</v>
      </c>
      <c r="Q24" s="767" t="s">
        <v>8</v>
      </c>
    </row>
    <row r="25" spans="1:18" s="689" customFormat="1" ht="120" customHeight="1">
      <c r="A25" s="329">
        <v>11</v>
      </c>
      <c r="B25" s="766" t="s">
        <v>111</v>
      </c>
      <c r="C25" s="767" t="s">
        <v>27</v>
      </c>
      <c r="D25" s="767" t="s">
        <v>110</v>
      </c>
      <c r="E25" s="698" t="s">
        <v>109</v>
      </c>
      <c r="F25" s="768">
        <v>44070</v>
      </c>
      <c r="G25" s="768"/>
      <c r="H25" s="767" t="s">
        <v>10</v>
      </c>
      <c r="I25" s="767"/>
      <c r="J25" s="531">
        <v>5</v>
      </c>
      <c r="K25" s="531">
        <v>10</v>
      </c>
      <c r="L25" s="531">
        <v>1</v>
      </c>
      <c r="M25" s="767">
        <v>2021</v>
      </c>
      <c r="N25" s="767" t="s">
        <v>9</v>
      </c>
      <c r="O25" s="770" t="s">
        <v>108</v>
      </c>
      <c r="P25" s="767" t="s">
        <v>8</v>
      </c>
      <c r="Q25" s="767" t="s">
        <v>8</v>
      </c>
    </row>
    <row r="26" spans="1:18" s="689" customFormat="1" ht="221.25" customHeight="1">
      <c r="A26" s="329">
        <v>12</v>
      </c>
      <c r="B26" s="766" t="s">
        <v>4807</v>
      </c>
      <c r="C26" s="767" t="s">
        <v>179</v>
      </c>
      <c r="D26" s="767" t="s">
        <v>4808</v>
      </c>
      <c r="E26" s="767">
        <v>1000017736</v>
      </c>
      <c r="F26" s="768">
        <v>44394</v>
      </c>
      <c r="G26" s="768" t="s">
        <v>107</v>
      </c>
      <c r="H26" s="531" t="s">
        <v>10</v>
      </c>
      <c r="I26" s="531"/>
      <c r="J26" s="531">
        <v>4</v>
      </c>
      <c r="K26" s="531">
        <v>20</v>
      </c>
      <c r="L26" s="531">
        <v>1</v>
      </c>
      <c r="M26" s="767">
        <v>2018</v>
      </c>
      <c r="N26" s="767" t="s">
        <v>9</v>
      </c>
      <c r="O26" s="770" t="s">
        <v>106</v>
      </c>
      <c r="P26" s="767" t="s">
        <v>8</v>
      </c>
      <c r="Q26" s="767" t="s">
        <v>8</v>
      </c>
      <c r="R26" s="689" t="s">
        <v>105</v>
      </c>
    </row>
    <row r="27" spans="1:18" s="689" customFormat="1" ht="77.25" customHeight="1">
      <c r="A27" s="329">
        <v>13</v>
      </c>
      <c r="B27" s="766" t="s">
        <v>104</v>
      </c>
      <c r="C27" s="767" t="s">
        <v>27</v>
      </c>
      <c r="D27" s="767" t="s">
        <v>103</v>
      </c>
      <c r="E27" s="698" t="s">
        <v>102</v>
      </c>
      <c r="F27" s="768">
        <v>44295</v>
      </c>
      <c r="G27" s="768"/>
      <c r="H27" s="767" t="s">
        <v>10</v>
      </c>
      <c r="I27" s="767"/>
      <c r="J27" s="531">
        <v>3</v>
      </c>
      <c r="K27" s="531">
        <v>13</v>
      </c>
      <c r="L27" s="531">
        <v>1</v>
      </c>
      <c r="M27" s="767">
        <v>2019</v>
      </c>
      <c r="N27" s="767" t="s">
        <v>9</v>
      </c>
      <c r="O27" s="770" t="s">
        <v>101</v>
      </c>
      <c r="P27" s="767" t="s">
        <v>8</v>
      </c>
      <c r="Q27" s="767" t="s">
        <v>8</v>
      </c>
    </row>
    <row r="28" spans="1:18" s="689" customFormat="1" ht="180.75" customHeight="1">
      <c r="A28" s="329">
        <v>14</v>
      </c>
      <c r="B28" s="766" t="s">
        <v>100</v>
      </c>
      <c r="C28" s="767" t="s">
        <v>15</v>
      </c>
      <c r="D28" s="767" t="s">
        <v>99</v>
      </c>
      <c r="E28" s="698" t="s">
        <v>98</v>
      </c>
      <c r="F28" s="768">
        <v>44648</v>
      </c>
      <c r="G28" s="767" t="s">
        <v>63</v>
      </c>
      <c r="H28" s="767" t="s">
        <v>4173</v>
      </c>
      <c r="I28" s="767"/>
      <c r="J28" s="531">
        <v>5</v>
      </c>
      <c r="K28" s="531">
        <v>10</v>
      </c>
      <c r="L28" s="531">
        <v>1</v>
      </c>
      <c r="M28" s="767">
        <v>2022</v>
      </c>
      <c r="N28" s="767" t="s">
        <v>9</v>
      </c>
      <c r="O28" s="770" t="s">
        <v>97</v>
      </c>
      <c r="P28" s="767" t="s">
        <v>8</v>
      </c>
      <c r="Q28" s="767" t="s">
        <v>8</v>
      </c>
      <c r="R28" s="689" t="s">
        <v>96</v>
      </c>
    </row>
    <row r="29" spans="1:18" s="689" customFormat="1" ht="120" customHeight="1">
      <c r="A29" s="329">
        <v>15</v>
      </c>
      <c r="B29" s="766" t="s">
        <v>95</v>
      </c>
      <c r="C29" s="767" t="s">
        <v>27</v>
      </c>
      <c r="D29" s="767" t="s">
        <v>94</v>
      </c>
      <c r="E29" s="698" t="s">
        <v>93</v>
      </c>
      <c r="F29" s="772">
        <v>44712</v>
      </c>
      <c r="G29" s="773"/>
      <c r="H29" s="767" t="s">
        <v>10</v>
      </c>
      <c r="I29" s="767"/>
      <c r="J29" s="531">
        <v>1</v>
      </c>
      <c r="K29" s="531">
        <v>8</v>
      </c>
      <c r="L29" s="531">
        <v>1</v>
      </c>
      <c r="M29" s="767">
        <v>2022</v>
      </c>
      <c r="N29" s="767" t="s">
        <v>9</v>
      </c>
      <c r="O29" s="767" t="s">
        <v>92</v>
      </c>
      <c r="P29" s="767" t="s">
        <v>8</v>
      </c>
      <c r="Q29" s="767" t="s">
        <v>8</v>
      </c>
      <c r="R29" s="506"/>
    </row>
    <row r="30" spans="1:18" s="689" customFormat="1" ht="51.75" customHeight="1">
      <c r="A30" s="329">
        <v>16</v>
      </c>
      <c r="B30" s="766" t="s">
        <v>91</v>
      </c>
      <c r="C30" s="767" t="s">
        <v>27</v>
      </c>
      <c r="D30" s="767" t="s">
        <v>90</v>
      </c>
      <c r="E30" s="698" t="s">
        <v>89</v>
      </c>
      <c r="F30" s="768">
        <v>44897</v>
      </c>
      <c r="G30" s="768"/>
      <c r="H30" s="767" t="s">
        <v>10</v>
      </c>
      <c r="I30" s="767"/>
      <c r="J30" s="767">
        <v>2</v>
      </c>
      <c r="K30" s="767">
        <v>10</v>
      </c>
      <c r="L30" s="767">
        <v>1</v>
      </c>
      <c r="M30" s="325">
        <v>2022</v>
      </c>
      <c r="N30" s="767" t="s">
        <v>9</v>
      </c>
      <c r="O30" s="770" t="s">
        <v>88</v>
      </c>
      <c r="P30" s="767" t="s">
        <v>8</v>
      </c>
      <c r="Q30" s="767" t="s">
        <v>8</v>
      </c>
    </row>
    <row r="31" spans="1:18" s="689" customFormat="1" ht="54.75" customHeight="1">
      <c r="A31" s="329">
        <v>17</v>
      </c>
      <c r="B31" s="774" t="s">
        <v>87</v>
      </c>
      <c r="C31" s="531" t="s">
        <v>27</v>
      </c>
      <c r="D31" s="767" t="s">
        <v>86</v>
      </c>
      <c r="E31" s="541" t="s">
        <v>85</v>
      </c>
      <c r="F31" s="542">
        <v>45104</v>
      </c>
      <c r="G31" s="542"/>
      <c r="H31" s="531" t="s">
        <v>10</v>
      </c>
      <c r="I31" s="531"/>
      <c r="J31" s="531">
        <v>1</v>
      </c>
      <c r="K31" s="531">
        <v>6</v>
      </c>
      <c r="L31" s="531">
        <v>1</v>
      </c>
      <c r="M31" s="531">
        <v>2023</v>
      </c>
      <c r="N31" s="767" t="s">
        <v>9</v>
      </c>
      <c r="O31" s="554" t="s">
        <v>84</v>
      </c>
      <c r="P31" s="767" t="s">
        <v>8</v>
      </c>
      <c r="Q31" s="767" t="s">
        <v>8</v>
      </c>
      <c r="R31" s="775"/>
    </row>
    <row r="32" spans="1:18" s="689" customFormat="1" ht="120" customHeight="1">
      <c r="A32" s="329">
        <v>18</v>
      </c>
      <c r="B32" s="774" t="s">
        <v>4809</v>
      </c>
      <c r="C32" s="531" t="s">
        <v>27</v>
      </c>
      <c r="D32" s="531" t="s">
        <v>83</v>
      </c>
      <c r="E32" s="541" t="s">
        <v>82</v>
      </c>
      <c r="F32" s="542">
        <v>45112</v>
      </c>
      <c r="G32" s="542"/>
      <c r="H32" s="531" t="s">
        <v>10</v>
      </c>
      <c r="I32" s="531"/>
      <c r="J32" s="531">
        <v>6</v>
      </c>
      <c r="K32" s="531">
        <v>24</v>
      </c>
      <c r="L32" s="531">
        <v>1</v>
      </c>
      <c r="M32" s="531">
        <v>2023</v>
      </c>
      <c r="N32" s="767" t="s">
        <v>9</v>
      </c>
      <c r="O32" s="554" t="s">
        <v>81</v>
      </c>
      <c r="P32" s="767" t="s">
        <v>8</v>
      </c>
      <c r="Q32" s="767" t="s">
        <v>8</v>
      </c>
      <c r="R32" s="775"/>
    </row>
    <row r="33" spans="1:18" s="689" customFormat="1" ht="95.25" customHeight="1">
      <c r="A33" s="329">
        <v>19</v>
      </c>
      <c r="B33" s="531" t="s">
        <v>80</v>
      </c>
      <c r="C33" s="767" t="s">
        <v>27</v>
      </c>
      <c r="D33" s="531" t="s">
        <v>79</v>
      </c>
      <c r="E33" s="698" t="s">
        <v>78</v>
      </c>
      <c r="F33" s="768">
        <v>44397</v>
      </c>
      <c r="G33" s="768"/>
      <c r="H33" s="767" t="s">
        <v>10</v>
      </c>
      <c r="I33" s="767"/>
      <c r="J33" s="767">
        <v>1</v>
      </c>
      <c r="K33" s="767">
        <v>8</v>
      </c>
      <c r="L33" s="767">
        <v>1</v>
      </c>
      <c r="M33" s="767">
        <v>2023</v>
      </c>
      <c r="N33" s="767" t="s">
        <v>9</v>
      </c>
      <c r="O33" s="770" t="s">
        <v>77</v>
      </c>
      <c r="P33" s="767" t="s">
        <v>8</v>
      </c>
      <c r="Q33" s="767" t="s">
        <v>8</v>
      </c>
      <c r="R33" s="775"/>
    </row>
    <row r="34" spans="1:18" s="689" customFormat="1" ht="53.25" customHeight="1">
      <c r="A34" s="329">
        <v>20</v>
      </c>
      <c r="B34" s="774" t="s">
        <v>76</v>
      </c>
      <c r="C34" s="767" t="s">
        <v>27</v>
      </c>
      <c r="D34" s="531" t="s">
        <v>75</v>
      </c>
      <c r="E34" s="541" t="s">
        <v>74</v>
      </c>
      <c r="F34" s="542">
        <v>45095</v>
      </c>
      <c r="G34" s="542"/>
      <c r="H34" s="531" t="s">
        <v>10</v>
      </c>
      <c r="I34" s="531"/>
      <c r="J34" s="531">
        <v>1</v>
      </c>
      <c r="K34" s="531">
        <v>6</v>
      </c>
      <c r="L34" s="531">
        <v>1</v>
      </c>
      <c r="M34" s="531">
        <v>2023</v>
      </c>
      <c r="N34" s="767" t="s">
        <v>9</v>
      </c>
      <c r="O34" s="554" t="s">
        <v>73</v>
      </c>
      <c r="P34" s="767" t="s">
        <v>8</v>
      </c>
      <c r="Q34" s="767" t="s">
        <v>8</v>
      </c>
      <c r="R34" s="775"/>
    </row>
    <row r="35" spans="1:18" s="689" customFormat="1" ht="159.75" customHeight="1">
      <c r="A35" s="329">
        <v>21</v>
      </c>
      <c r="B35" s="766" t="s">
        <v>72</v>
      </c>
      <c r="C35" s="767" t="s">
        <v>179</v>
      </c>
      <c r="D35" s="767" t="s">
        <v>71</v>
      </c>
      <c r="E35" s="698" t="s">
        <v>70</v>
      </c>
      <c r="F35" s="768">
        <v>39629</v>
      </c>
      <c r="G35" s="767" t="s">
        <v>69</v>
      </c>
      <c r="H35" s="767" t="s">
        <v>4203</v>
      </c>
      <c r="I35" s="767"/>
      <c r="J35" s="767">
        <v>8</v>
      </c>
      <c r="K35" s="767">
        <v>22</v>
      </c>
      <c r="L35" s="767">
        <v>1</v>
      </c>
      <c r="M35" s="767">
        <v>2008</v>
      </c>
      <c r="N35" s="767" t="s">
        <v>9</v>
      </c>
      <c r="O35" s="770" t="s">
        <v>68</v>
      </c>
      <c r="P35" s="767" t="s">
        <v>8</v>
      </c>
      <c r="Q35" s="767" t="s">
        <v>8</v>
      </c>
    </row>
    <row r="36" spans="1:18" s="689" customFormat="1" ht="170.25" customHeight="1">
      <c r="A36" s="329">
        <v>22</v>
      </c>
      <c r="B36" s="766" t="s">
        <v>67</v>
      </c>
      <c r="C36" s="767" t="s">
        <v>179</v>
      </c>
      <c r="D36" s="767" t="s">
        <v>59</v>
      </c>
      <c r="E36" s="698" t="s">
        <v>58</v>
      </c>
      <c r="F36" s="768">
        <v>42769</v>
      </c>
      <c r="G36" s="768" t="s">
        <v>63</v>
      </c>
      <c r="H36" s="768" t="s">
        <v>66</v>
      </c>
      <c r="I36" s="768"/>
      <c r="J36" s="767">
        <v>4</v>
      </c>
      <c r="K36" s="767">
        <v>12</v>
      </c>
      <c r="L36" s="767">
        <v>3</v>
      </c>
      <c r="M36" s="767">
        <v>2017</v>
      </c>
      <c r="N36" s="767" t="s">
        <v>9</v>
      </c>
      <c r="O36" s="770" t="s">
        <v>65</v>
      </c>
      <c r="P36" s="767" t="s">
        <v>8</v>
      </c>
      <c r="Q36" s="767" t="s">
        <v>8</v>
      </c>
      <c r="R36" s="506"/>
    </row>
    <row r="37" spans="1:18" s="689" customFormat="1" ht="120" customHeight="1">
      <c r="A37" s="329">
        <v>23</v>
      </c>
      <c r="B37" s="766" t="s">
        <v>64</v>
      </c>
      <c r="C37" s="767" t="s">
        <v>60</v>
      </c>
      <c r="D37" s="767" t="s">
        <v>59</v>
      </c>
      <c r="E37" s="698" t="s">
        <v>58</v>
      </c>
      <c r="F37" s="768">
        <v>38294</v>
      </c>
      <c r="G37" s="768" t="s">
        <v>63</v>
      </c>
      <c r="H37" s="767" t="s">
        <v>10</v>
      </c>
      <c r="I37" s="767"/>
      <c r="J37" s="767">
        <v>3</v>
      </c>
      <c r="K37" s="767">
        <v>20</v>
      </c>
      <c r="L37" s="767">
        <v>1</v>
      </c>
      <c r="M37" s="767">
        <v>2005.2023999999999</v>
      </c>
      <c r="N37" s="767" t="s">
        <v>9</v>
      </c>
      <c r="O37" s="770" t="s">
        <v>62</v>
      </c>
      <c r="P37" s="767" t="s">
        <v>8</v>
      </c>
      <c r="Q37" s="767" t="s">
        <v>8</v>
      </c>
    </row>
    <row r="38" spans="1:18" s="689" customFormat="1" ht="200.25" customHeight="1">
      <c r="A38" s="329">
        <v>24</v>
      </c>
      <c r="B38" s="767" t="s">
        <v>61</v>
      </c>
      <c r="C38" s="767" t="s">
        <v>179</v>
      </c>
      <c r="D38" s="767" t="s">
        <v>59</v>
      </c>
      <c r="E38" s="698" t="s">
        <v>58</v>
      </c>
      <c r="F38" s="768">
        <v>38294</v>
      </c>
      <c r="G38" s="768" t="s">
        <v>57</v>
      </c>
      <c r="H38" s="767" t="s">
        <v>56</v>
      </c>
      <c r="I38" s="767"/>
      <c r="J38" s="767">
        <v>8</v>
      </c>
      <c r="K38" s="767">
        <v>30</v>
      </c>
      <c r="L38" s="767">
        <v>2</v>
      </c>
      <c r="M38" s="767">
        <v>2022</v>
      </c>
      <c r="N38" s="767" t="s">
        <v>9</v>
      </c>
      <c r="O38" s="770" t="s">
        <v>55</v>
      </c>
      <c r="P38" s="767" t="s">
        <v>8</v>
      </c>
      <c r="Q38" s="767" t="s">
        <v>8</v>
      </c>
    </row>
    <row r="39" spans="1:18" s="689" customFormat="1" ht="378">
      <c r="A39" s="329">
        <v>25</v>
      </c>
      <c r="B39" s="767" t="s">
        <v>54</v>
      </c>
      <c r="C39" s="767" t="s">
        <v>53</v>
      </c>
      <c r="D39" s="767" t="s">
        <v>52</v>
      </c>
      <c r="E39" s="767" t="s">
        <v>51</v>
      </c>
      <c r="F39" s="767" t="s">
        <v>50</v>
      </c>
      <c r="G39" s="768"/>
      <c r="H39" s="767"/>
      <c r="I39" s="767"/>
      <c r="J39" s="767">
        <v>1</v>
      </c>
      <c r="K39" s="767">
        <v>5</v>
      </c>
      <c r="L39" s="767">
        <v>0</v>
      </c>
      <c r="M39" s="767">
        <v>2009</v>
      </c>
      <c r="N39" s="767" t="s">
        <v>9</v>
      </c>
      <c r="O39" s="770" t="s">
        <v>4810</v>
      </c>
      <c r="P39" s="767" t="s">
        <v>8</v>
      </c>
      <c r="Q39" s="767" t="s">
        <v>8</v>
      </c>
    </row>
    <row r="40" spans="1:18" s="508" customFormat="1" ht="141.75">
      <c r="A40" s="329">
        <v>26</v>
      </c>
      <c r="B40" s="767" t="s">
        <v>49</v>
      </c>
      <c r="C40" s="767" t="s">
        <v>27</v>
      </c>
      <c r="D40" s="767" t="s">
        <v>48</v>
      </c>
      <c r="E40" s="698" t="s">
        <v>47</v>
      </c>
      <c r="F40" s="768">
        <v>45195</v>
      </c>
      <c r="G40" s="768"/>
      <c r="H40" s="767" t="s">
        <v>10</v>
      </c>
      <c r="I40" s="767"/>
      <c r="J40" s="767">
        <v>3</v>
      </c>
      <c r="K40" s="767">
        <v>24</v>
      </c>
      <c r="L40" s="767">
        <v>1</v>
      </c>
      <c r="M40" s="767">
        <v>2023</v>
      </c>
      <c r="N40" s="767" t="s">
        <v>9</v>
      </c>
      <c r="O40" s="770" t="s">
        <v>46</v>
      </c>
      <c r="P40" s="767" t="s">
        <v>8</v>
      </c>
      <c r="Q40" s="767" t="s">
        <v>8</v>
      </c>
      <c r="R40" s="689"/>
    </row>
    <row r="41" spans="1:18" s="508" customFormat="1" ht="138" customHeight="1">
      <c r="A41" s="329">
        <v>27</v>
      </c>
      <c r="B41" s="767" t="s">
        <v>45</v>
      </c>
      <c r="C41" s="767" t="s">
        <v>27</v>
      </c>
      <c r="D41" s="768" t="s">
        <v>44</v>
      </c>
      <c r="E41" s="698" t="s">
        <v>43</v>
      </c>
      <c r="F41" s="768">
        <v>45201</v>
      </c>
      <c r="G41" s="768"/>
      <c r="H41" s="767" t="s">
        <v>10</v>
      </c>
      <c r="I41" s="767"/>
      <c r="J41" s="767">
        <v>5</v>
      </c>
      <c r="K41" s="767">
        <v>20</v>
      </c>
      <c r="L41" s="767">
        <v>1</v>
      </c>
      <c r="M41" s="767">
        <v>2023</v>
      </c>
      <c r="N41" s="767" t="s">
        <v>9</v>
      </c>
      <c r="O41" s="770" t="s">
        <v>42</v>
      </c>
      <c r="P41" s="767" t="s">
        <v>8</v>
      </c>
      <c r="Q41" s="767" t="s">
        <v>8</v>
      </c>
      <c r="R41" s="689"/>
    </row>
    <row r="42" spans="1:18" s="689" customFormat="1" ht="134.25" customHeight="1">
      <c r="A42" s="329">
        <v>28</v>
      </c>
      <c r="B42" s="767" t="s">
        <v>41</v>
      </c>
      <c r="C42" s="767" t="s">
        <v>15</v>
      </c>
      <c r="D42" s="767" t="s">
        <v>40</v>
      </c>
      <c r="E42" s="698" t="s">
        <v>39</v>
      </c>
      <c r="F42" s="768">
        <v>44084</v>
      </c>
      <c r="G42" s="776" t="s">
        <v>38</v>
      </c>
      <c r="H42" s="767" t="s">
        <v>10</v>
      </c>
      <c r="I42" s="767"/>
      <c r="J42" s="531">
        <v>3</v>
      </c>
      <c r="K42" s="531">
        <v>20</v>
      </c>
      <c r="L42" s="531">
        <v>1</v>
      </c>
      <c r="M42" s="767">
        <v>2022</v>
      </c>
      <c r="N42" s="767" t="s">
        <v>9</v>
      </c>
      <c r="O42" s="770" t="s">
        <v>37</v>
      </c>
      <c r="P42" s="767" t="s">
        <v>8</v>
      </c>
      <c r="Q42" s="767" t="s">
        <v>8</v>
      </c>
    </row>
    <row r="43" spans="1:18" s="689" customFormat="1" ht="108" customHeight="1">
      <c r="A43" s="329">
        <v>29</v>
      </c>
      <c r="B43" s="767" t="s">
        <v>36</v>
      </c>
      <c r="C43" s="767" t="s">
        <v>15</v>
      </c>
      <c r="D43" s="768" t="s">
        <v>35</v>
      </c>
      <c r="E43" s="698" t="s">
        <v>34</v>
      </c>
      <c r="F43" s="768">
        <v>42583</v>
      </c>
      <c r="G43" s="767" t="s">
        <v>33</v>
      </c>
      <c r="H43" s="767" t="s">
        <v>10</v>
      </c>
      <c r="I43" s="767"/>
      <c r="J43" s="767">
        <v>1</v>
      </c>
      <c r="K43" s="767">
        <v>5</v>
      </c>
      <c r="L43" s="767">
        <v>1</v>
      </c>
      <c r="M43" s="767">
        <v>2023</v>
      </c>
      <c r="N43" s="767" t="s">
        <v>9</v>
      </c>
      <c r="O43" s="770"/>
      <c r="P43" s="767" t="s">
        <v>8</v>
      </c>
      <c r="Q43" s="767" t="s">
        <v>8</v>
      </c>
      <c r="R43" s="689" t="s">
        <v>17</v>
      </c>
    </row>
    <row r="44" spans="1:18" s="689" customFormat="1" ht="180.75" customHeight="1">
      <c r="A44" s="329">
        <v>30</v>
      </c>
      <c r="B44" s="777" t="s">
        <v>32</v>
      </c>
      <c r="C44" s="777" t="s">
        <v>15</v>
      </c>
      <c r="D44" s="778" t="s">
        <v>31</v>
      </c>
      <c r="E44" s="779" t="s">
        <v>30</v>
      </c>
      <c r="F44" s="778">
        <v>41564</v>
      </c>
      <c r="G44" s="325" t="s">
        <v>20</v>
      </c>
      <c r="H44" s="777" t="s">
        <v>10</v>
      </c>
      <c r="I44" s="1120"/>
      <c r="J44" s="777">
        <v>2</v>
      </c>
      <c r="K44" s="777">
        <v>12</v>
      </c>
      <c r="L44" s="777">
        <v>1</v>
      </c>
      <c r="M44" s="777">
        <v>2024</v>
      </c>
      <c r="N44" s="777" t="s">
        <v>19</v>
      </c>
      <c r="O44" s="780" t="s">
        <v>29</v>
      </c>
      <c r="P44" s="777" t="s">
        <v>8</v>
      </c>
      <c r="Q44" s="777" t="s">
        <v>8</v>
      </c>
      <c r="R44" s="689" t="s">
        <v>17</v>
      </c>
    </row>
    <row r="45" spans="1:18" s="689" customFormat="1" ht="105.75" customHeight="1">
      <c r="A45" s="329">
        <v>31</v>
      </c>
      <c r="B45" s="781" t="s">
        <v>28</v>
      </c>
      <c r="C45" s="767" t="s">
        <v>27</v>
      </c>
      <c r="D45" s="778" t="s">
        <v>26</v>
      </c>
      <c r="E45" s="698" t="s">
        <v>25</v>
      </c>
      <c r="F45" s="768">
        <v>45503</v>
      </c>
      <c r="G45" s="768"/>
      <c r="H45" s="767" t="s">
        <v>10</v>
      </c>
      <c r="I45" s="767"/>
      <c r="J45" s="531">
        <v>5</v>
      </c>
      <c r="K45" s="531">
        <v>10</v>
      </c>
      <c r="L45" s="531">
        <v>0</v>
      </c>
      <c r="M45" s="767">
        <v>2024</v>
      </c>
      <c r="N45" s="767" t="s">
        <v>9</v>
      </c>
      <c r="O45" s="770" t="s">
        <v>24</v>
      </c>
      <c r="P45" s="767" t="s">
        <v>8</v>
      </c>
      <c r="Q45" s="777" t="s">
        <v>8</v>
      </c>
      <c r="R45" s="689" t="s">
        <v>23</v>
      </c>
    </row>
    <row r="46" spans="1:18" s="689" customFormat="1" ht="120.75" customHeight="1">
      <c r="A46" s="329">
        <v>32</v>
      </c>
      <c r="B46" s="513" t="s">
        <v>4204</v>
      </c>
      <c r="C46" s="767" t="s">
        <v>179</v>
      </c>
      <c r="D46" s="768" t="s">
        <v>4186</v>
      </c>
      <c r="E46" s="698" t="s">
        <v>4187</v>
      </c>
      <c r="F46" s="768">
        <v>38982</v>
      </c>
      <c r="G46" s="767" t="s">
        <v>20</v>
      </c>
      <c r="H46" s="767" t="s">
        <v>10</v>
      </c>
      <c r="I46" s="767"/>
      <c r="J46" s="767">
        <v>1</v>
      </c>
      <c r="K46" s="767">
        <v>9</v>
      </c>
      <c r="L46" s="767">
        <v>1</v>
      </c>
      <c r="M46" s="767">
        <v>2024</v>
      </c>
      <c r="N46" s="767" t="s">
        <v>19</v>
      </c>
      <c r="O46" s="782" t="s">
        <v>4188</v>
      </c>
      <c r="P46" s="777" t="s">
        <v>8</v>
      </c>
      <c r="Q46" s="777" t="s">
        <v>8</v>
      </c>
      <c r="R46" s="689" t="s">
        <v>1307</v>
      </c>
    </row>
    <row r="47" spans="1:18" s="689" customFormat="1" ht="120.75" customHeight="1">
      <c r="A47" s="329">
        <v>33</v>
      </c>
      <c r="B47" s="513" t="s">
        <v>4205</v>
      </c>
      <c r="C47" s="767" t="s">
        <v>15</v>
      </c>
      <c r="D47" s="778" t="s">
        <v>22</v>
      </c>
      <c r="E47" s="698" t="s">
        <v>21</v>
      </c>
      <c r="F47" s="768">
        <v>44264</v>
      </c>
      <c r="G47" s="767" t="s">
        <v>20</v>
      </c>
      <c r="H47" s="767" t="s">
        <v>10</v>
      </c>
      <c r="I47" s="767"/>
      <c r="J47" s="767">
        <v>1</v>
      </c>
      <c r="K47" s="767">
        <v>8</v>
      </c>
      <c r="L47" s="767">
        <v>1</v>
      </c>
      <c r="M47" s="767"/>
      <c r="N47" s="767" t="s">
        <v>19</v>
      </c>
      <c r="O47" s="782" t="s">
        <v>18</v>
      </c>
      <c r="P47" s="777" t="s">
        <v>8</v>
      </c>
      <c r="Q47" s="777" t="s">
        <v>8</v>
      </c>
      <c r="R47" s="689" t="s">
        <v>17</v>
      </c>
    </row>
    <row r="48" spans="1:18" s="508" customFormat="1" ht="42.75" customHeight="1">
      <c r="A48" s="329"/>
      <c r="B48" s="1282" t="s">
        <v>16</v>
      </c>
      <c r="C48" s="1283"/>
      <c r="D48" s="1283"/>
      <c r="E48" s="1283"/>
      <c r="F48" s="1283"/>
      <c r="G48" s="1283"/>
      <c r="H48" s="1283"/>
      <c r="I48" s="1284"/>
      <c r="J48" s="1283"/>
      <c r="K48" s="1283"/>
      <c r="L48" s="1283"/>
      <c r="M48" s="1283"/>
      <c r="N48" s="1283"/>
      <c r="O48" s="1283"/>
      <c r="P48" s="1283"/>
      <c r="Q48" s="1285"/>
      <c r="R48" s="689"/>
    </row>
    <row r="49" spans="1:18" s="508" customFormat="1" ht="94.5">
      <c r="A49" s="329">
        <v>1</v>
      </c>
      <c r="B49" s="767" t="s">
        <v>4811</v>
      </c>
      <c r="C49" s="767" t="s">
        <v>15</v>
      </c>
      <c r="D49" s="767" t="s">
        <v>14</v>
      </c>
      <c r="E49" s="698" t="s">
        <v>4812</v>
      </c>
      <c r="F49" s="768"/>
      <c r="G49" s="768"/>
      <c r="H49" s="767"/>
      <c r="I49" s="767"/>
      <c r="J49" s="767">
        <v>2</v>
      </c>
      <c r="K49" s="767">
        <v>8</v>
      </c>
      <c r="L49" s="767">
        <v>0</v>
      </c>
      <c r="M49" s="767">
        <v>2023</v>
      </c>
      <c r="N49" s="767" t="s">
        <v>9</v>
      </c>
      <c r="O49" s="770" t="s">
        <v>13</v>
      </c>
      <c r="P49" s="767" t="s">
        <v>12</v>
      </c>
      <c r="Q49" s="767" t="s">
        <v>12</v>
      </c>
      <c r="R49" s="689" t="s">
        <v>11</v>
      </c>
    </row>
    <row r="50" spans="1:18" s="689" customFormat="1" ht="107.25" customHeight="1">
      <c r="A50" s="329">
        <v>2</v>
      </c>
      <c r="B50" s="767" t="s">
        <v>4813</v>
      </c>
      <c r="C50" s="767"/>
      <c r="D50" s="767" t="s">
        <v>4814</v>
      </c>
      <c r="E50" s="698"/>
      <c r="F50" s="768"/>
      <c r="G50" s="768"/>
      <c r="H50" s="767"/>
      <c r="I50" s="767"/>
      <c r="J50" s="531">
        <v>1</v>
      </c>
      <c r="K50" s="531">
        <v>6</v>
      </c>
      <c r="L50" s="531">
        <v>0</v>
      </c>
      <c r="M50" s="767">
        <v>2024</v>
      </c>
      <c r="N50" s="767" t="s">
        <v>9</v>
      </c>
      <c r="O50" s="770" t="s">
        <v>4815</v>
      </c>
      <c r="P50" s="767" t="s">
        <v>4816</v>
      </c>
      <c r="Q50" s="767" t="s">
        <v>4817</v>
      </c>
      <c r="R50" s="689" t="s">
        <v>7</v>
      </c>
    </row>
    <row r="51" spans="1:18" s="689" customFormat="1" ht="66.75" customHeight="1">
      <c r="A51" s="329">
        <v>3</v>
      </c>
      <c r="B51" s="767" t="s">
        <v>6</v>
      </c>
      <c r="C51" s="767"/>
      <c r="D51" s="767" t="s">
        <v>5</v>
      </c>
      <c r="E51" s="698"/>
      <c r="F51" s="768"/>
      <c r="G51" s="768"/>
      <c r="H51" s="767"/>
      <c r="I51" s="767"/>
      <c r="J51" s="531">
        <v>1</v>
      </c>
      <c r="K51" s="531">
        <v>6</v>
      </c>
      <c r="L51" s="531">
        <v>0</v>
      </c>
      <c r="M51" s="767">
        <v>2024</v>
      </c>
      <c r="N51" s="767" t="s">
        <v>9</v>
      </c>
      <c r="O51" s="770" t="s">
        <v>4</v>
      </c>
      <c r="P51" s="767"/>
      <c r="Q51" s="767" t="s">
        <v>3</v>
      </c>
    </row>
    <row r="52" spans="1:18" s="689" customFormat="1" ht="31.5">
      <c r="A52" s="400">
        <v>4</v>
      </c>
      <c r="B52" s="767" t="s">
        <v>4818</v>
      </c>
      <c r="C52" s="767"/>
      <c r="D52" s="767" t="s">
        <v>4819</v>
      </c>
      <c r="E52" s="698"/>
      <c r="F52" s="768"/>
      <c r="G52" s="768"/>
      <c r="H52" s="767"/>
      <c r="I52" s="767"/>
      <c r="J52" s="531">
        <v>4</v>
      </c>
      <c r="K52" s="531">
        <v>16</v>
      </c>
      <c r="L52" s="531">
        <v>0</v>
      </c>
      <c r="M52" s="767">
        <v>2021</v>
      </c>
      <c r="N52" s="767" t="s">
        <v>9</v>
      </c>
      <c r="O52" s="770" t="s">
        <v>4820</v>
      </c>
      <c r="P52" s="767"/>
      <c r="Q52" s="767"/>
    </row>
    <row r="53" spans="1:18" s="508" customFormat="1" ht="47.25">
      <c r="A53" s="518">
        <v>5</v>
      </c>
      <c r="B53" s="513" t="s">
        <v>4189</v>
      </c>
      <c r="C53" s="513"/>
      <c r="D53" s="524" t="s">
        <v>4190</v>
      </c>
      <c r="E53" s="538"/>
      <c r="F53" s="524"/>
      <c r="G53" s="524"/>
      <c r="H53" s="513"/>
      <c r="I53" s="513"/>
      <c r="J53" s="513">
        <v>1</v>
      </c>
      <c r="K53" s="513">
        <v>4</v>
      </c>
      <c r="L53" s="513">
        <v>0</v>
      </c>
      <c r="M53" s="513">
        <v>2023</v>
      </c>
      <c r="N53" s="513" t="s">
        <v>9</v>
      </c>
      <c r="O53" s="544" t="s">
        <v>4191</v>
      </c>
      <c r="P53" s="513" t="s">
        <v>8</v>
      </c>
      <c r="Q53" s="513" t="s">
        <v>4192</v>
      </c>
    </row>
    <row r="54" spans="1:18" s="508" customFormat="1" ht="94.5">
      <c r="A54" s="518">
        <v>6</v>
      </c>
      <c r="B54" s="513" t="s">
        <v>4821</v>
      </c>
      <c r="C54" s="513" t="s">
        <v>15</v>
      </c>
      <c r="D54" s="524" t="s">
        <v>4822</v>
      </c>
      <c r="E54" s="698" t="s">
        <v>4812</v>
      </c>
      <c r="F54" s="524"/>
      <c r="G54" s="524"/>
      <c r="H54" s="513"/>
      <c r="I54" s="513"/>
      <c r="J54" s="513">
        <v>1</v>
      </c>
      <c r="K54" s="513"/>
      <c r="L54" s="513">
        <v>1</v>
      </c>
      <c r="M54" s="513">
        <v>2025</v>
      </c>
      <c r="N54" s="513" t="s">
        <v>9</v>
      </c>
      <c r="O54" s="544" t="s">
        <v>4823</v>
      </c>
      <c r="P54" s="513"/>
      <c r="Q54" s="513" t="s">
        <v>4824</v>
      </c>
    </row>
    <row r="56" spans="1:18">
      <c r="D56" s="7"/>
      <c r="E56" s="5" t="s">
        <v>2</v>
      </c>
    </row>
    <row r="58" spans="1:18" ht="30">
      <c r="D58" s="6" t="s">
        <v>1</v>
      </c>
      <c r="E58" s="5" t="s">
        <v>0</v>
      </c>
    </row>
  </sheetData>
  <autoFilter ref="A14:R54"/>
  <mergeCells count="6">
    <mergeCell ref="B13:Q13"/>
    <mergeCell ref="B48:Q48"/>
    <mergeCell ref="E8:F8"/>
    <mergeCell ref="A1:O1"/>
    <mergeCell ref="B10:Q10"/>
    <mergeCell ref="B12:Q12"/>
  </mergeCells>
  <hyperlinks>
    <hyperlink ref="O44" r:id="rId1" display="https://egrp365.ru/reestr?egrp=10:16:0050601:385"/>
  </hyperlinks>
  <pageMargins left="0.7" right="0.7" top="0.75" bottom="0.75" header="0.3" footer="0.3"/>
  <pageSetup paperSize="9" scale="20" fitToHeight="0" orientation="landscape" r:id="rId2"/>
</worksheet>
</file>

<file path=xl/worksheets/sheet21.xml><?xml version="1.0" encoding="utf-8"?>
<worksheet xmlns="http://schemas.openxmlformats.org/spreadsheetml/2006/main" xmlns:r="http://schemas.openxmlformats.org/officeDocument/2006/relationships">
  <sheetPr>
    <tabColor theme="0"/>
    <pageSetUpPr fitToPage="1"/>
  </sheetPr>
  <dimension ref="A1:T225"/>
  <sheetViews>
    <sheetView zoomScaleNormal="100" workbookViewId="0">
      <selection activeCell="K11" sqref="K11"/>
    </sheetView>
  </sheetViews>
  <sheetFormatPr defaultColWidth="9.140625" defaultRowHeight="15"/>
  <cols>
    <col min="1" max="1" width="6.140625" style="76" customWidth="1"/>
    <col min="2" max="2" width="23.28515625" style="76" customWidth="1"/>
    <col min="3" max="3" width="10.140625" style="76" customWidth="1"/>
    <col min="4" max="4" width="21.85546875" style="76" customWidth="1"/>
    <col min="5" max="5" width="16.85546875" style="77" customWidth="1"/>
    <col min="6" max="6" width="14.7109375" style="76" customWidth="1"/>
    <col min="7" max="7" width="20" style="76" customWidth="1"/>
    <col min="8" max="9" width="17.28515625" style="76" customWidth="1"/>
    <col min="10" max="10" width="12.5703125" style="76" customWidth="1"/>
    <col min="11" max="11" width="12.85546875" style="76" customWidth="1"/>
    <col min="12" max="13" width="12.140625" style="76" customWidth="1"/>
    <col min="14" max="14" width="17.85546875" style="76" customWidth="1"/>
    <col min="15" max="15" width="19.7109375" style="76" customWidth="1"/>
    <col min="16" max="16" width="20.7109375" style="76" customWidth="1"/>
    <col min="17" max="17" width="22" style="76" customWidth="1"/>
    <col min="18" max="16384" width="9.140625" style="76"/>
  </cols>
  <sheetData>
    <row r="1" spans="1:18" s="245" customFormat="1" ht="27" customHeight="1">
      <c r="A1" s="249"/>
      <c r="B1" s="1293" t="s">
        <v>3797</v>
      </c>
      <c r="C1" s="1294"/>
      <c r="D1" s="1294"/>
      <c r="E1" s="1294"/>
      <c r="F1" s="1294"/>
      <c r="G1" s="1294"/>
      <c r="H1" s="1294"/>
      <c r="I1" s="1295"/>
      <c r="J1" s="1294"/>
      <c r="K1" s="1294"/>
      <c r="L1" s="1294"/>
      <c r="M1" s="1294"/>
      <c r="N1" s="1294"/>
      <c r="O1" s="1294"/>
      <c r="P1" s="784"/>
      <c r="Q1" s="784"/>
      <c r="R1" s="785"/>
    </row>
    <row r="2" spans="1:18" s="245" customFormat="1" ht="79.5" customHeight="1">
      <c r="A2" s="246"/>
      <c r="B2" s="247" t="s">
        <v>186</v>
      </c>
      <c r="C2" s="247" t="s">
        <v>184</v>
      </c>
      <c r="E2" s="246" t="s">
        <v>185</v>
      </c>
      <c r="F2" s="618" t="s">
        <v>184</v>
      </c>
      <c r="H2" s="248"/>
      <c r="I2" s="248"/>
      <c r="K2" s="248"/>
      <c r="L2" s="248"/>
      <c r="M2" s="248"/>
      <c r="N2" s="248"/>
      <c r="O2" s="248"/>
      <c r="P2" s="248"/>
    </row>
    <row r="3" spans="1:18" s="245" customFormat="1" ht="36" customHeight="1">
      <c r="A3" s="249"/>
      <c r="B3" s="247" t="s">
        <v>183</v>
      </c>
      <c r="C3" s="786">
        <f>SUM(C4:C5)</f>
        <v>172</v>
      </c>
      <c r="E3" s="246" t="s">
        <v>182</v>
      </c>
      <c r="F3" s="247">
        <v>159</v>
      </c>
      <c r="H3" s="248"/>
      <c r="I3" s="248"/>
      <c r="K3" s="248"/>
      <c r="L3" s="248"/>
      <c r="M3" s="248"/>
      <c r="N3" s="248"/>
      <c r="O3" s="248"/>
      <c r="P3" s="248"/>
    </row>
    <row r="4" spans="1:18" s="245" customFormat="1" ht="37.5" customHeight="1">
      <c r="A4" s="249"/>
      <c r="B4" s="618" t="s">
        <v>180</v>
      </c>
      <c r="C4" s="787">
        <v>159</v>
      </c>
      <c r="E4" s="249" t="s">
        <v>179</v>
      </c>
      <c r="F4" s="618">
        <v>39</v>
      </c>
      <c r="H4" s="248"/>
      <c r="I4" s="248"/>
      <c r="K4" s="248"/>
      <c r="L4" s="248"/>
      <c r="M4" s="248"/>
      <c r="N4" s="248"/>
      <c r="O4" s="248"/>
      <c r="P4" s="248"/>
    </row>
    <row r="5" spans="1:18" s="245" customFormat="1" ht="33" customHeight="1">
      <c r="A5" s="249"/>
      <c r="B5" s="618" t="s">
        <v>177</v>
      </c>
      <c r="C5" s="787">
        <v>13</v>
      </c>
      <c r="E5" s="249" t="s">
        <v>15</v>
      </c>
      <c r="F5" s="618">
        <v>66</v>
      </c>
      <c r="H5" s="248"/>
      <c r="I5" s="248"/>
      <c r="K5" s="248"/>
      <c r="L5" s="248"/>
      <c r="M5" s="248"/>
      <c r="N5" s="248"/>
      <c r="O5" s="248"/>
      <c r="P5" s="248"/>
    </row>
    <row r="6" spans="1:18" s="245" customFormat="1" ht="23.25" customHeight="1">
      <c r="A6" s="253"/>
      <c r="E6" s="249" t="s">
        <v>27</v>
      </c>
      <c r="F6" s="618">
        <v>50</v>
      </c>
      <c r="H6" s="248"/>
      <c r="I6" s="248"/>
      <c r="K6" s="248"/>
      <c r="L6" s="248"/>
      <c r="M6" s="248"/>
      <c r="N6" s="248"/>
      <c r="O6" s="248"/>
      <c r="P6" s="248"/>
    </row>
    <row r="7" spans="1:18" s="245" customFormat="1" ht="51.75" customHeight="1">
      <c r="A7" s="253"/>
      <c r="E7" s="618" t="s">
        <v>176</v>
      </c>
      <c r="F7" s="618">
        <v>4</v>
      </c>
      <c r="H7" s="248" t="s">
        <v>4199</v>
      </c>
      <c r="I7" s="248"/>
      <c r="J7" s="788" t="e">
        <f>SUM(J26+J30+J33+J34+J46+J57+J58+J59+J112+J113+J120+J121+J122+J123+J124+J125+J127+J128+J129+J132+J133+J134+J137+J139+J140+J141)</f>
        <v>#VALUE!</v>
      </c>
      <c r="K7" s="248"/>
      <c r="L7" s="248"/>
      <c r="M7" s="248"/>
      <c r="N7" s="248"/>
      <c r="O7" s="248"/>
      <c r="P7" s="248"/>
    </row>
    <row r="8" spans="1:18" s="245" customFormat="1" ht="63" customHeight="1">
      <c r="A8" s="253"/>
      <c r="E8" s="1151" t="s">
        <v>175</v>
      </c>
      <c r="F8" s="1152"/>
      <c r="H8" s="471">
        <v>25</v>
      </c>
      <c r="I8" s="790"/>
      <c r="J8" s="789">
        <v>998</v>
      </c>
      <c r="K8" s="790">
        <v>2904</v>
      </c>
      <c r="L8" s="248"/>
      <c r="M8" s="248"/>
      <c r="N8" s="248"/>
      <c r="O8" s="248"/>
      <c r="P8" s="248"/>
    </row>
    <row r="9" spans="1:18" s="245" customFormat="1" ht="15.75">
      <c r="B9" s="245">
        <v>77</v>
      </c>
      <c r="E9" s="253"/>
    </row>
    <row r="10" spans="1:18" s="245" customFormat="1" ht="18.75" customHeight="1">
      <c r="A10" s="618"/>
      <c r="B10" s="1296" t="s">
        <v>3796</v>
      </c>
      <c r="C10" s="1212"/>
      <c r="D10" s="1212"/>
      <c r="E10" s="1212"/>
      <c r="F10" s="1212"/>
      <c r="G10" s="1212"/>
      <c r="H10" s="1212"/>
      <c r="I10" s="1297"/>
      <c r="J10" s="1212"/>
      <c r="K10" s="1212"/>
      <c r="L10" s="1212"/>
      <c r="M10" s="1212"/>
      <c r="N10" s="1212"/>
      <c r="O10" s="1212"/>
      <c r="P10" s="1212"/>
      <c r="Q10" s="1212"/>
    </row>
    <row r="11" spans="1:18" s="404" customFormat="1" ht="114" customHeight="1">
      <c r="A11" s="618" t="s">
        <v>4194</v>
      </c>
      <c r="B11" s="618" t="s">
        <v>172</v>
      </c>
      <c r="C11" s="618" t="s">
        <v>171</v>
      </c>
      <c r="D11" s="618" t="s">
        <v>170</v>
      </c>
      <c r="E11" s="249" t="s">
        <v>169</v>
      </c>
      <c r="F11" s="618" t="s">
        <v>168</v>
      </c>
      <c r="G11" s="618" t="s">
        <v>167</v>
      </c>
      <c r="H11" s="1064" t="s">
        <v>5073</v>
      </c>
      <c r="I11" s="1065" t="s">
        <v>5075</v>
      </c>
      <c r="J11" s="618" t="s">
        <v>166</v>
      </c>
      <c r="K11" s="618" t="s">
        <v>165</v>
      </c>
      <c r="L11" s="618" t="s">
        <v>164</v>
      </c>
      <c r="M11" s="618" t="s">
        <v>163</v>
      </c>
      <c r="N11" s="618" t="s">
        <v>162</v>
      </c>
      <c r="O11" s="618" t="s">
        <v>161</v>
      </c>
      <c r="P11" s="618" t="s">
        <v>160</v>
      </c>
      <c r="Q11" s="618" t="s">
        <v>159</v>
      </c>
    </row>
    <row r="12" spans="1:18" s="245" customFormat="1" ht="15.75">
      <c r="A12" s="618"/>
      <c r="B12" s="1296" t="s">
        <v>3795</v>
      </c>
      <c r="C12" s="1212"/>
      <c r="D12" s="1212"/>
      <c r="E12" s="1212"/>
      <c r="F12" s="1212"/>
      <c r="G12" s="1212"/>
      <c r="H12" s="1212"/>
      <c r="I12" s="1297"/>
      <c r="J12" s="1212"/>
      <c r="K12" s="1212"/>
      <c r="L12" s="1212"/>
      <c r="M12" s="1212"/>
      <c r="N12" s="1212"/>
      <c r="O12" s="1212"/>
      <c r="P12" s="1212"/>
      <c r="Q12" s="1212"/>
    </row>
    <row r="13" spans="1:18" s="245" customFormat="1" ht="15.75">
      <c r="A13" s="618"/>
      <c r="B13" s="1296" t="s">
        <v>157</v>
      </c>
      <c r="C13" s="1212"/>
      <c r="D13" s="1212"/>
      <c r="E13" s="1212"/>
      <c r="F13" s="1212"/>
      <c r="G13" s="1212"/>
      <c r="H13" s="1212"/>
      <c r="I13" s="1297"/>
      <c r="J13" s="1212"/>
      <c r="K13" s="1212"/>
      <c r="L13" s="1212"/>
      <c r="M13" s="1212"/>
      <c r="N13" s="1212"/>
      <c r="O13" s="1212"/>
      <c r="P13" s="1212"/>
      <c r="Q13" s="1212"/>
    </row>
    <row r="14" spans="1:18" s="245" customFormat="1" ht="15.75">
      <c r="A14" s="618">
        <v>1</v>
      </c>
      <c r="B14" s="785">
        <v>2</v>
      </c>
      <c r="C14" s="618">
        <v>3</v>
      </c>
      <c r="D14" s="785">
        <v>4</v>
      </c>
      <c r="E14" s="249">
        <v>5</v>
      </c>
      <c r="F14" s="785">
        <v>6</v>
      </c>
      <c r="G14" s="618">
        <v>7</v>
      </c>
      <c r="H14" s="785">
        <v>8</v>
      </c>
      <c r="I14" s="1121"/>
      <c r="J14" s="618">
        <v>9</v>
      </c>
      <c r="K14" s="785">
        <v>10</v>
      </c>
      <c r="L14" s="618">
        <v>11</v>
      </c>
      <c r="M14" s="785"/>
      <c r="N14" s="785"/>
      <c r="O14" s="785">
        <v>12</v>
      </c>
      <c r="P14" s="618">
        <v>13</v>
      </c>
      <c r="Q14" s="785">
        <v>14</v>
      </c>
    </row>
    <row r="15" spans="1:18" s="245" customFormat="1" ht="120" customHeight="1">
      <c r="A15" s="618">
        <v>1</v>
      </c>
      <c r="B15" s="791" t="s">
        <v>3794</v>
      </c>
      <c r="C15" s="787" t="s">
        <v>15</v>
      </c>
      <c r="D15" s="787" t="s">
        <v>3793</v>
      </c>
      <c r="E15" s="792" t="s">
        <v>3792</v>
      </c>
      <c r="F15" s="793">
        <v>44189</v>
      </c>
      <c r="G15" s="793" t="s">
        <v>383</v>
      </c>
      <c r="H15" s="787" t="s">
        <v>10</v>
      </c>
      <c r="I15" s="787"/>
      <c r="J15" s="787">
        <v>1</v>
      </c>
      <c r="K15" s="787">
        <v>14</v>
      </c>
      <c r="L15" s="787">
        <v>1</v>
      </c>
      <c r="M15" s="787"/>
      <c r="N15" s="787"/>
      <c r="O15" s="787" t="s">
        <v>3791</v>
      </c>
      <c r="P15" s="787"/>
      <c r="Q15" s="787"/>
    </row>
    <row r="16" spans="1:18" s="245" customFormat="1" ht="120" customHeight="1">
      <c r="A16" s="618">
        <v>2</v>
      </c>
      <c r="B16" s="791" t="s">
        <v>3790</v>
      </c>
      <c r="C16" s="787" t="s">
        <v>15</v>
      </c>
      <c r="D16" s="787" t="s">
        <v>3789</v>
      </c>
      <c r="E16" s="792" t="s">
        <v>3788</v>
      </c>
      <c r="F16" s="793">
        <v>43216</v>
      </c>
      <c r="G16" s="793" t="s">
        <v>1479</v>
      </c>
      <c r="H16" s="787" t="s">
        <v>10</v>
      </c>
      <c r="I16" s="787"/>
      <c r="J16" s="787">
        <v>1</v>
      </c>
      <c r="K16" s="787">
        <v>8</v>
      </c>
      <c r="L16" s="787">
        <v>1</v>
      </c>
      <c r="M16" s="787"/>
      <c r="N16" s="787"/>
      <c r="O16" s="787" t="s">
        <v>3787</v>
      </c>
      <c r="P16" s="787"/>
      <c r="Q16" s="787"/>
    </row>
    <row r="17" spans="1:17" s="245" customFormat="1" ht="120" customHeight="1">
      <c r="A17" s="618">
        <v>3</v>
      </c>
      <c r="B17" s="791" t="s">
        <v>3786</v>
      </c>
      <c r="C17" s="787" t="s">
        <v>15</v>
      </c>
      <c r="D17" s="787" t="s">
        <v>3785</v>
      </c>
      <c r="E17" s="792" t="s">
        <v>3784</v>
      </c>
      <c r="F17" s="793">
        <v>42201</v>
      </c>
      <c r="G17" s="787" t="s">
        <v>4125</v>
      </c>
      <c r="H17" s="794" t="s">
        <v>4825</v>
      </c>
      <c r="I17" s="794"/>
      <c r="J17" s="787">
        <v>1</v>
      </c>
      <c r="K17" s="787">
        <v>15</v>
      </c>
      <c r="L17" s="787">
        <v>1</v>
      </c>
      <c r="M17" s="787"/>
      <c r="N17" s="787"/>
      <c r="O17" s="787" t="s">
        <v>3783</v>
      </c>
      <c r="P17" s="787"/>
      <c r="Q17" s="787"/>
    </row>
    <row r="18" spans="1:17" s="245" customFormat="1" ht="120" customHeight="1">
      <c r="A18" s="618">
        <v>4</v>
      </c>
      <c r="B18" s="791" t="s">
        <v>3782</v>
      </c>
      <c r="C18" s="787" t="s">
        <v>15</v>
      </c>
      <c r="D18" s="787" t="s">
        <v>3781</v>
      </c>
      <c r="E18" s="792" t="s">
        <v>3780</v>
      </c>
      <c r="F18" s="793">
        <v>42943</v>
      </c>
      <c r="G18" s="381" t="s">
        <v>136</v>
      </c>
      <c r="H18" s="787" t="s">
        <v>10</v>
      </c>
      <c r="I18" s="787"/>
      <c r="J18" s="787">
        <v>1</v>
      </c>
      <c r="K18" s="787">
        <v>4</v>
      </c>
      <c r="L18" s="787">
        <v>1</v>
      </c>
      <c r="M18" s="787"/>
      <c r="N18" s="787"/>
      <c r="O18" s="787" t="s">
        <v>3779</v>
      </c>
      <c r="P18" s="787"/>
      <c r="Q18" s="787"/>
    </row>
    <row r="19" spans="1:17" s="245" customFormat="1" ht="120" customHeight="1">
      <c r="A19" s="618">
        <v>5</v>
      </c>
      <c r="B19" s="791" t="s">
        <v>3778</v>
      </c>
      <c r="C19" s="787" t="s">
        <v>15</v>
      </c>
      <c r="D19" s="787" t="s">
        <v>3770</v>
      </c>
      <c r="E19" s="792" t="s">
        <v>3769</v>
      </c>
      <c r="F19" s="793">
        <v>42781</v>
      </c>
      <c r="G19" s="793" t="s">
        <v>1479</v>
      </c>
      <c r="H19" s="787" t="s">
        <v>10</v>
      </c>
      <c r="I19" s="787"/>
      <c r="J19" s="787">
        <v>1</v>
      </c>
      <c r="K19" s="787">
        <v>7</v>
      </c>
      <c r="L19" s="787">
        <v>1</v>
      </c>
      <c r="M19" s="787"/>
      <c r="N19" s="787"/>
      <c r="O19" s="787" t="s">
        <v>3777</v>
      </c>
      <c r="P19" s="787"/>
      <c r="Q19" s="787"/>
    </row>
    <row r="20" spans="1:17" s="245" customFormat="1" ht="120" customHeight="1">
      <c r="A20" s="618">
        <v>6</v>
      </c>
      <c r="B20" s="791" t="s">
        <v>3776</v>
      </c>
      <c r="C20" s="787" t="s">
        <v>15</v>
      </c>
      <c r="D20" s="787" t="s">
        <v>3770</v>
      </c>
      <c r="E20" s="792" t="s">
        <v>3769</v>
      </c>
      <c r="F20" s="793">
        <v>42781</v>
      </c>
      <c r="G20" s="793" t="s">
        <v>1479</v>
      </c>
      <c r="H20" s="787" t="s">
        <v>10</v>
      </c>
      <c r="I20" s="787"/>
      <c r="J20" s="787">
        <v>1</v>
      </c>
      <c r="K20" s="787">
        <v>4</v>
      </c>
      <c r="L20" s="787">
        <v>1</v>
      </c>
      <c r="M20" s="787"/>
      <c r="N20" s="787"/>
      <c r="O20" s="787"/>
      <c r="P20" s="787"/>
      <c r="Q20" s="787"/>
    </row>
    <row r="21" spans="1:17" s="245" customFormat="1" ht="120" customHeight="1">
      <c r="A21" s="618">
        <v>7</v>
      </c>
      <c r="B21" s="791" t="s">
        <v>3775</v>
      </c>
      <c r="C21" s="787" t="s">
        <v>15</v>
      </c>
      <c r="D21" s="787" t="s">
        <v>3770</v>
      </c>
      <c r="E21" s="792" t="s">
        <v>3769</v>
      </c>
      <c r="F21" s="793">
        <v>42781</v>
      </c>
      <c r="G21" s="793" t="s">
        <v>1479</v>
      </c>
      <c r="H21" s="787" t="s">
        <v>10</v>
      </c>
      <c r="I21" s="787"/>
      <c r="J21" s="787">
        <v>1</v>
      </c>
      <c r="K21" s="787">
        <v>4</v>
      </c>
      <c r="L21" s="787">
        <v>1</v>
      </c>
      <c r="M21" s="787"/>
      <c r="N21" s="787"/>
      <c r="O21" s="787" t="s">
        <v>3774</v>
      </c>
      <c r="P21" s="787"/>
      <c r="Q21" s="787"/>
    </row>
    <row r="22" spans="1:17" s="245" customFormat="1" ht="120" customHeight="1">
      <c r="A22" s="618">
        <v>8</v>
      </c>
      <c r="B22" s="791" t="s">
        <v>3773</v>
      </c>
      <c r="C22" s="787" t="s">
        <v>15</v>
      </c>
      <c r="D22" s="787" t="s">
        <v>3770</v>
      </c>
      <c r="E22" s="792" t="s">
        <v>3769</v>
      </c>
      <c r="F22" s="793">
        <v>42781</v>
      </c>
      <c r="G22" s="793" t="s">
        <v>1479</v>
      </c>
      <c r="H22" s="787" t="s">
        <v>10</v>
      </c>
      <c r="I22" s="787"/>
      <c r="J22" s="787">
        <v>1</v>
      </c>
      <c r="K22" s="787">
        <v>4</v>
      </c>
      <c r="L22" s="787">
        <v>1</v>
      </c>
      <c r="M22" s="787"/>
      <c r="N22" s="787"/>
      <c r="O22" s="787"/>
      <c r="P22" s="787"/>
      <c r="Q22" s="787"/>
    </row>
    <row r="23" spans="1:17" s="245" customFormat="1" ht="120" customHeight="1">
      <c r="A23" s="618">
        <v>9</v>
      </c>
      <c r="B23" s="791" t="s">
        <v>3772</v>
      </c>
      <c r="C23" s="787" t="s">
        <v>15</v>
      </c>
      <c r="D23" s="787" t="s">
        <v>3770</v>
      </c>
      <c r="E23" s="792" t="s">
        <v>3769</v>
      </c>
      <c r="F23" s="793">
        <v>42781</v>
      </c>
      <c r="G23" s="793" t="s">
        <v>1479</v>
      </c>
      <c r="H23" s="787" t="s">
        <v>10</v>
      </c>
      <c r="I23" s="787"/>
      <c r="J23" s="787">
        <v>1</v>
      </c>
      <c r="K23" s="787">
        <v>19</v>
      </c>
      <c r="L23" s="787">
        <v>1</v>
      </c>
      <c r="M23" s="787"/>
      <c r="N23" s="787"/>
      <c r="O23" s="787" t="s">
        <v>3768</v>
      </c>
      <c r="P23" s="787"/>
      <c r="Q23" s="787"/>
    </row>
    <row r="24" spans="1:17" s="245" customFormat="1" ht="120" customHeight="1">
      <c r="A24" s="618">
        <v>10</v>
      </c>
      <c r="B24" s="791" t="s">
        <v>3771</v>
      </c>
      <c r="C24" s="787" t="s">
        <v>15</v>
      </c>
      <c r="D24" s="787" t="s">
        <v>3770</v>
      </c>
      <c r="E24" s="792" t="s">
        <v>3769</v>
      </c>
      <c r="F24" s="793">
        <v>42781</v>
      </c>
      <c r="G24" s="793" t="s">
        <v>1479</v>
      </c>
      <c r="H24" s="787" t="s">
        <v>10</v>
      </c>
      <c r="I24" s="787"/>
      <c r="J24" s="787">
        <v>1</v>
      </c>
      <c r="K24" s="787">
        <v>19</v>
      </c>
      <c r="L24" s="787">
        <v>1</v>
      </c>
      <c r="M24" s="787"/>
      <c r="N24" s="787"/>
      <c r="O24" s="787" t="s">
        <v>3768</v>
      </c>
      <c r="P24" s="787"/>
      <c r="Q24" s="787"/>
    </row>
    <row r="25" spans="1:17" s="245" customFormat="1" ht="120" customHeight="1">
      <c r="A25" s="618">
        <v>11</v>
      </c>
      <c r="B25" s="791" t="s">
        <v>3767</v>
      </c>
      <c r="C25" s="787" t="s">
        <v>15</v>
      </c>
      <c r="D25" s="787" t="s">
        <v>3766</v>
      </c>
      <c r="E25" s="792" t="s">
        <v>3765</v>
      </c>
      <c r="F25" s="793">
        <v>42173</v>
      </c>
      <c r="G25" s="793" t="s">
        <v>383</v>
      </c>
      <c r="H25" s="787" t="s">
        <v>10</v>
      </c>
      <c r="I25" s="787"/>
      <c r="J25" s="787">
        <v>5</v>
      </c>
      <c r="K25" s="787">
        <v>30</v>
      </c>
      <c r="L25" s="787">
        <v>1</v>
      </c>
      <c r="M25" s="787"/>
      <c r="N25" s="787"/>
      <c r="O25" s="787" t="s">
        <v>3764</v>
      </c>
      <c r="P25" s="787"/>
      <c r="Q25" s="787"/>
    </row>
    <row r="26" spans="1:17" s="245" customFormat="1" ht="120" customHeight="1">
      <c r="A26" s="618">
        <v>12</v>
      </c>
      <c r="B26" s="791" t="s">
        <v>3763</v>
      </c>
      <c r="C26" s="787" t="s">
        <v>15</v>
      </c>
      <c r="D26" s="787" t="s">
        <v>3762</v>
      </c>
      <c r="E26" s="792" t="s">
        <v>3761</v>
      </c>
      <c r="F26" s="793">
        <v>43706</v>
      </c>
      <c r="G26" s="793" t="s">
        <v>63</v>
      </c>
      <c r="H26" s="787" t="s">
        <v>3760</v>
      </c>
      <c r="I26" s="787"/>
      <c r="J26" s="787">
        <v>6</v>
      </c>
      <c r="K26" s="787">
        <v>21</v>
      </c>
      <c r="L26" s="787">
        <v>1</v>
      </c>
      <c r="M26" s="787"/>
      <c r="N26" s="787"/>
      <c r="O26" s="787"/>
      <c r="P26" s="787"/>
      <c r="Q26" s="787"/>
    </row>
    <row r="27" spans="1:17" s="245" customFormat="1" ht="120" customHeight="1">
      <c r="A27" s="618">
        <v>13</v>
      </c>
      <c r="B27" s="791" t="s">
        <v>3759</v>
      </c>
      <c r="C27" s="787" t="s">
        <v>27</v>
      </c>
      <c r="D27" s="787" t="s">
        <v>3758</v>
      </c>
      <c r="E27" s="792" t="s">
        <v>3757</v>
      </c>
      <c r="F27" s="793">
        <v>45010</v>
      </c>
      <c r="G27" s="787" t="s">
        <v>4126</v>
      </c>
      <c r="H27" s="787" t="s">
        <v>10</v>
      </c>
      <c r="I27" s="787"/>
      <c r="J27" s="787">
        <v>4</v>
      </c>
      <c r="K27" s="787">
        <v>15</v>
      </c>
      <c r="L27" s="787">
        <v>1</v>
      </c>
      <c r="M27" s="787"/>
      <c r="N27" s="787"/>
      <c r="O27" s="787" t="s">
        <v>3756</v>
      </c>
      <c r="P27" s="787"/>
      <c r="Q27" s="787"/>
    </row>
    <row r="28" spans="1:17" s="245" customFormat="1" ht="120" customHeight="1">
      <c r="A28" s="618">
        <v>14</v>
      </c>
      <c r="B28" s="791" t="s">
        <v>3755</v>
      </c>
      <c r="C28" s="787" t="s">
        <v>15</v>
      </c>
      <c r="D28" s="787" t="s">
        <v>3754</v>
      </c>
      <c r="E28" s="792" t="s">
        <v>3753</v>
      </c>
      <c r="F28" s="793">
        <v>43650</v>
      </c>
      <c r="G28" s="793" t="s">
        <v>3752</v>
      </c>
      <c r="H28" s="794" t="s">
        <v>4826</v>
      </c>
      <c r="I28" s="794"/>
      <c r="J28" s="787">
        <v>4</v>
      </c>
      <c r="K28" s="787">
        <v>8</v>
      </c>
      <c r="L28" s="787">
        <v>1</v>
      </c>
      <c r="M28" s="787"/>
      <c r="N28" s="787"/>
      <c r="O28" s="787"/>
      <c r="P28" s="787" t="s">
        <v>3733</v>
      </c>
      <c r="Q28" s="787" t="s">
        <v>3751</v>
      </c>
    </row>
    <row r="29" spans="1:17" s="245" customFormat="1" ht="120" customHeight="1">
      <c r="A29" s="618">
        <v>15</v>
      </c>
      <c r="B29" s="791" t="s">
        <v>3750</v>
      </c>
      <c r="C29" s="787" t="s">
        <v>15</v>
      </c>
      <c r="D29" s="787" t="s">
        <v>3749</v>
      </c>
      <c r="E29" s="792" t="s">
        <v>3748</v>
      </c>
      <c r="F29" s="793">
        <v>43450</v>
      </c>
      <c r="G29" s="381" t="s">
        <v>136</v>
      </c>
      <c r="H29" s="787" t="s">
        <v>10</v>
      </c>
      <c r="I29" s="787"/>
      <c r="J29" s="787">
        <v>1</v>
      </c>
      <c r="K29" s="787">
        <v>6</v>
      </c>
      <c r="L29" s="787">
        <v>1</v>
      </c>
      <c r="M29" s="787"/>
      <c r="N29" s="787"/>
      <c r="O29" s="787" t="s">
        <v>3747</v>
      </c>
      <c r="P29" s="787"/>
      <c r="Q29" s="787" t="s">
        <v>3746</v>
      </c>
    </row>
    <row r="30" spans="1:17" s="245" customFormat="1" ht="120" customHeight="1">
      <c r="A30" s="618">
        <v>16</v>
      </c>
      <c r="B30" s="791" t="s">
        <v>3745</v>
      </c>
      <c r="C30" s="787" t="s">
        <v>15</v>
      </c>
      <c r="D30" s="787" t="s">
        <v>3744</v>
      </c>
      <c r="E30" s="792" t="s">
        <v>3743</v>
      </c>
      <c r="F30" s="793">
        <v>43096</v>
      </c>
      <c r="G30" s="793" t="s">
        <v>63</v>
      </c>
      <c r="H30" s="794" t="s">
        <v>4827</v>
      </c>
      <c r="I30" s="794"/>
      <c r="J30" s="787">
        <v>5</v>
      </c>
      <c r="K30" s="787">
        <v>12</v>
      </c>
      <c r="L30" s="787">
        <v>1</v>
      </c>
      <c r="M30" s="787"/>
      <c r="N30" s="787"/>
      <c r="O30" s="787" t="s">
        <v>3742</v>
      </c>
      <c r="P30" s="787"/>
      <c r="Q30" s="787"/>
    </row>
    <row r="31" spans="1:17" s="245" customFormat="1" ht="120" customHeight="1">
      <c r="A31" s="618">
        <v>17</v>
      </c>
      <c r="B31" s="791" t="s">
        <v>3741</v>
      </c>
      <c r="C31" s="787" t="s">
        <v>15</v>
      </c>
      <c r="D31" s="787" t="s">
        <v>3740</v>
      </c>
      <c r="E31" s="792" t="s">
        <v>3739</v>
      </c>
      <c r="F31" s="793">
        <v>41348</v>
      </c>
      <c r="G31" s="793" t="s">
        <v>142</v>
      </c>
      <c r="H31" s="787" t="s">
        <v>10</v>
      </c>
      <c r="I31" s="787"/>
      <c r="J31" s="787">
        <v>1</v>
      </c>
      <c r="K31" s="787">
        <v>5</v>
      </c>
      <c r="L31" s="787">
        <v>1</v>
      </c>
      <c r="M31" s="787"/>
      <c r="N31" s="787"/>
      <c r="O31" s="787" t="s">
        <v>3540</v>
      </c>
      <c r="P31" s="787"/>
      <c r="Q31" s="787"/>
    </row>
    <row r="32" spans="1:17" s="245" customFormat="1" ht="120" customHeight="1">
      <c r="A32" s="618">
        <v>18</v>
      </c>
      <c r="B32" s="791" t="s">
        <v>3738</v>
      </c>
      <c r="C32" s="787" t="s">
        <v>15</v>
      </c>
      <c r="D32" s="787" t="s">
        <v>3735</v>
      </c>
      <c r="E32" s="792" t="s">
        <v>349</v>
      </c>
      <c r="F32" s="793">
        <v>41747</v>
      </c>
      <c r="G32" s="793" t="s">
        <v>383</v>
      </c>
      <c r="H32" s="787" t="s">
        <v>10</v>
      </c>
      <c r="I32" s="787"/>
      <c r="J32" s="787">
        <v>1</v>
      </c>
      <c r="K32" s="787">
        <v>4</v>
      </c>
      <c r="L32" s="787">
        <v>1</v>
      </c>
      <c r="M32" s="787"/>
      <c r="N32" s="787"/>
      <c r="O32" s="787" t="s">
        <v>3737</v>
      </c>
      <c r="P32" s="787" t="s">
        <v>3733</v>
      </c>
      <c r="Q32" s="787"/>
    </row>
    <row r="33" spans="1:17" s="245" customFormat="1" ht="120" customHeight="1">
      <c r="A33" s="618">
        <v>19</v>
      </c>
      <c r="B33" s="791" t="s">
        <v>3736</v>
      </c>
      <c r="C33" s="787" t="s">
        <v>15</v>
      </c>
      <c r="D33" s="787" t="s">
        <v>3735</v>
      </c>
      <c r="E33" s="792" t="s">
        <v>349</v>
      </c>
      <c r="F33" s="793">
        <v>41747</v>
      </c>
      <c r="G33" s="793" t="s">
        <v>383</v>
      </c>
      <c r="H33" s="794" t="s">
        <v>4924</v>
      </c>
      <c r="I33" s="794"/>
      <c r="J33" s="787">
        <v>7</v>
      </c>
      <c r="K33" s="787">
        <v>17</v>
      </c>
      <c r="L33" s="787">
        <v>1</v>
      </c>
      <c r="M33" s="787"/>
      <c r="N33" s="787"/>
      <c r="O33" s="787" t="s">
        <v>3734</v>
      </c>
      <c r="P33" s="787" t="s">
        <v>3733</v>
      </c>
      <c r="Q33" s="787"/>
    </row>
    <row r="34" spans="1:17" s="245" customFormat="1" ht="201" customHeight="1">
      <c r="A34" s="618">
        <v>20</v>
      </c>
      <c r="B34" s="791" t="s">
        <v>3732</v>
      </c>
      <c r="C34" s="787" t="s">
        <v>15</v>
      </c>
      <c r="D34" s="787" t="s">
        <v>3731</v>
      </c>
      <c r="E34" s="792" t="s">
        <v>3730</v>
      </c>
      <c r="F34" s="793">
        <v>42473</v>
      </c>
      <c r="G34" s="787" t="s">
        <v>4127</v>
      </c>
      <c r="H34" s="794" t="s">
        <v>4166</v>
      </c>
      <c r="I34" s="794"/>
      <c r="J34" s="787">
        <v>3</v>
      </c>
      <c r="K34" s="787">
        <v>19</v>
      </c>
      <c r="L34" s="787">
        <v>1</v>
      </c>
      <c r="M34" s="787"/>
      <c r="N34" s="787"/>
      <c r="O34" s="787" t="s">
        <v>3729</v>
      </c>
      <c r="P34" s="787" t="s">
        <v>3728</v>
      </c>
      <c r="Q34" s="787"/>
    </row>
    <row r="35" spans="1:17" s="245" customFormat="1" ht="120" customHeight="1">
      <c r="A35" s="618">
        <v>21</v>
      </c>
      <c r="B35" s="791" t="s">
        <v>3727</v>
      </c>
      <c r="C35" s="787" t="s">
        <v>15</v>
      </c>
      <c r="D35" s="787" t="s">
        <v>3726</v>
      </c>
      <c r="E35" s="792" t="s">
        <v>3725</v>
      </c>
      <c r="F35" s="793">
        <v>44676</v>
      </c>
      <c r="G35" s="793" t="s">
        <v>383</v>
      </c>
      <c r="H35" s="787" t="s">
        <v>10</v>
      </c>
      <c r="I35" s="787"/>
      <c r="J35" s="787">
        <v>10</v>
      </c>
      <c r="K35" s="787">
        <v>60</v>
      </c>
      <c r="L35" s="787">
        <v>2</v>
      </c>
      <c r="M35" s="787"/>
      <c r="N35" s="787"/>
      <c r="O35" s="787"/>
      <c r="P35" s="787"/>
      <c r="Q35" s="787"/>
    </row>
    <row r="36" spans="1:17" s="245" customFormat="1" ht="120" customHeight="1">
      <c r="A36" s="618">
        <v>22</v>
      </c>
      <c r="B36" s="791" t="s">
        <v>3724</v>
      </c>
      <c r="C36" s="787" t="s">
        <v>15</v>
      </c>
      <c r="D36" s="787" t="s">
        <v>3723</v>
      </c>
      <c r="E36" s="792" t="s">
        <v>3722</v>
      </c>
      <c r="F36" s="793">
        <v>43691</v>
      </c>
      <c r="G36" s="793" t="s">
        <v>383</v>
      </c>
      <c r="H36" s="787" t="s">
        <v>10</v>
      </c>
      <c r="I36" s="787"/>
      <c r="J36" s="787">
        <v>1</v>
      </c>
      <c r="K36" s="787">
        <v>8</v>
      </c>
      <c r="L36" s="787">
        <v>1</v>
      </c>
      <c r="M36" s="787"/>
      <c r="N36" s="787"/>
      <c r="O36" s="787"/>
      <c r="P36" s="787"/>
      <c r="Q36" s="787"/>
    </row>
    <row r="37" spans="1:17" s="245" customFormat="1" ht="120" customHeight="1">
      <c r="A37" s="618">
        <v>23</v>
      </c>
      <c r="B37" s="791" t="s">
        <v>3721</v>
      </c>
      <c r="C37" s="787" t="s">
        <v>15</v>
      </c>
      <c r="D37" s="787" t="s">
        <v>3717</v>
      </c>
      <c r="E37" s="792" t="s">
        <v>3716</v>
      </c>
      <c r="F37" s="793">
        <v>43648</v>
      </c>
      <c r="G37" s="793" t="s">
        <v>383</v>
      </c>
      <c r="H37" s="787" t="s">
        <v>10</v>
      </c>
      <c r="I37" s="787"/>
      <c r="J37" s="787">
        <v>1</v>
      </c>
      <c r="K37" s="787">
        <v>18</v>
      </c>
      <c r="L37" s="787">
        <v>1</v>
      </c>
      <c r="M37" s="787"/>
      <c r="N37" s="787"/>
      <c r="O37" s="787" t="s">
        <v>3720</v>
      </c>
      <c r="P37" s="787" t="s">
        <v>3719</v>
      </c>
      <c r="Q37" s="787"/>
    </row>
    <row r="38" spans="1:17" s="245" customFormat="1" ht="120" customHeight="1">
      <c r="A38" s="618">
        <v>24</v>
      </c>
      <c r="B38" s="791" t="s">
        <v>3718</v>
      </c>
      <c r="C38" s="787" t="s">
        <v>15</v>
      </c>
      <c r="D38" s="787" t="s">
        <v>3717</v>
      </c>
      <c r="E38" s="792" t="s">
        <v>3716</v>
      </c>
      <c r="F38" s="793">
        <v>43648</v>
      </c>
      <c r="G38" s="793" t="s">
        <v>383</v>
      </c>
      <c r="H38" s="787" t="s">
        <v>10</v>
      </c>
      <c r="I38" s="787"/>
      <c r="J38" s="787">
        <v>1</v>
      </c>
      <c r="K38" s="787">
        <v>2</v>
      </c>
      <c r="L38" s="787">
        <v>1</v>
      </c>
      <c r="M38" s="787"/>
      <c r="N38" s="787"/>
      <c r="O38" s="787"/>
      <c r="P38" s="787"/>
      <c r="Q38" s="787"/>
    </row>
    <row r="39" spans="1:17" s="245" customFormat="1" ht="120" customHeight="1">
      <c r="A39" s="618">
        <v>25</v>
      </c>
      <c r="B39" s="791" t="s">
        <v>3715</v>
      </c>
      <c r="C39" s="787" t="s">
        <v>15</v>
      </c>
      <c r="D39" s="787" t="s">
        <v>3714</v>
      </c>
      <c r="E39" s="792" t="s">
        <v>3713</v>
      </c>
      <c r="F39" s="793">
        <v>43530</v>
      </c>
      <c r="G39" s="793" t="s">
        <v>63</v>
      </c>
      <c r="H39" s="794" t="s">
        <v>4828</v>
      </c>
      <c r="I39" s="794"/>
      <c r="J39" s="787">
        <v>5</v>
      </c>
      <c r="K39" s="787">
        <v>20</v>
      </c>
      <c r="L39" s="787">
        <v>1</v>
      </c>
      <c r="M39" s="787"/>
      <c r="N39" s="787"/>
      <c r="O39" s="787" t="s">
        <v>3712</v>
      </c>
      <c r="P39" s="787"/>
      <c r="Q39" s="787" t="s">
        <v>3711</v>
      </c>
    </row>
    <row r="40" spans="1:17" s="245" customFormat="1" ht="120" customHeight="1">
      <c r="A40" s="618">
        <v>26</v>
      </c>
      <c r="B40" s="791" t="s">
        <v>3710</v>
      </c>
      <c r="C40" s="787" t="s">
        <v>15</v>
      </c>
      <c r="D40" s="787" t="s">
        <v>3709</v>
      </c>
      <c r="E40" s="792" t="s">
        <v>3708</v>
      </c>
      <c r="F40" s="793">
        <v>44372</v>
      </c>
      <c r="G40" s="787" t="s">
        <v>1148</v>
      </c>
      <c r="H40" s="787" t="s">
        <v>10</v>
      </c>
      <c r="I40" s="787"/>
      <c r="J40" s="787">
        <v>2</v>
      </c>
      <c r="K40" s="787">
        <v>5</v>
      </c>
      <c r="L40" s="787">
        <v>1</v>
      </c>
      <c r="M40" s="787"/>
      <c r="N40" s="787"/>
      <c r="O40" s="787"/>
      <c r="P40" s="787"/>
      <c r="Q40" s="787"/>
    </row>
    <row r="41" spans="1:17" s="245" customFormat="1" ht="87" customHeight="1">
      <c r="A41" s="618">
        <v>27</v>
      </c>
      <c r="B41" s="791" t="s">
        <v>3707</v>
      </c>
      <c r="C41" s="787" t="s">
        <v>15</v>
      </c>
      <c r="D41" s="787" t="s">
        <v>3706</v>
      </c>
      <c r="E41" s="792" t="s">
        <v>3705</v>
      </c>
      <c r="F41" s="793">
        <v>38272</v>
      </c>
      <c r="G41" s="793" t="s">
        <v>1244</v>
      </c>
      <c r="H41" s="787" t="s">
        <v>10</v>
      </c>
      <c r="I41" s="787"/>
      <c r="J41" s="787">
        <v>1</v>
      </c>
      <c r="K41" s="787">
        <v>2</v>
      </c>
      <c r="L41" s="787">
        <v>1</v>
      </c>
      <c r="M41" s="787"/>
      <c r="N41" s="787"/>
      <c r="O41" s="787"/>
      <c r="P41" s="787"/>
      <c r="Q41" s="787" t="s">
        <v>3678</v>
      </c>
    </row>
    <row r="42" spans="1:17" s="245" customFormat="1" ht="69" customHeight="1">
      <c r="A42" s="618">
        <v>28</v>
      </c>
      <c r="B42" s="791" t="s">
        <v>3704</v>
      </c>
      <c r="C42" s="787" t="s">
        <v>15</v>
      </c>
      <c r="D42" s="787" t="s">
        <v>3703</v>
      </c>
      <c r="E42" s="792" t="s">
        <v>3702</v>
      </c>
      <c r="F42" s="793">
        <v>38014</v>
      </c>
      <c r="G42" s="793" t="s">
        <v>63</v>
      </c>
      <c r="H42" s="794" t="s">
        <v>4829</v>
      </c>
      <c r="I42" s="794"/>
      <c r="J42" s="787">
        <v>6</v>
      </c>
      <c r="K42" s="787">
        <v>15</v>
      </c>
      <c r="L42" s="787">
        <v>1</v>
      </c>
      <c r="M42" s="787"/>
      <c r="N42" s="787"/>
      <c r="O42" s="787"/>
      <c r="P42" s="787"/>
      <c r="Q42" s="795" t="s">
        <v>3701</v>
      </c>
    </row>
    <row r="43" spans="1:17" s="245" customFormat="1" ht="94.9" customHeight="1">
      <c r="A43" s="618">
        <v>29</v>
      </c>
      <c r="B43" s="791" t="s">
        <v>3700</v>
      </c>
      <c r="C43" s="787" t="s">
        <v>15</v>
      </c>
      <c r="D43" s="787" t="s">
        <v>3699</v>
      </c>
      <c r="E43" s="792" t="s">
        <v>3698</v>
      </c>
      <c r="F43" s="793">
        <v>44659</v>
      </c>
      <c r="G43" s="793" t="s">
        <v>926</v>
      </c>
      <c r="H43" s="787" t="s">
        <v>10</v>
      </c>
      <c r="I43" s="787"/>
      <c r="J43" s="787">
        <v>7</v>
      </c>
      <c r="K43" s="787">
        <v>14</v>
      </c>
      <c r="L43" s="787">
        <v>1</v>
      </c>
      <c r="M43" s="787"/>
      <c r="N43" s="787"/>
      <c r="O43" s="787" t="s">
        <v>3697</v>
      </c>
      <c r="P43" s="787"/>
      <c r="Q43" s="787"/>
    </row>
    <row r="44" spans="1:17" s="245" customFormat="1" ht="120" customHeight="1">
      <c r="A44" s="618">
        <v>30</v>
      </c>
      <c r="B44" s="791" t="s">
        <v>3696</v>
      </c>
      <c r="C44" s="787" t="s">
        <v>15</v>
      </c>
      <c r="D44" s="787" t="s">
        <v>3695</v>
      </c>
      <c r="E44" s="792" t="s">
        <v>3694</v>
      </c>
      <c r="F44" s="793">
        <v>44509</v>
      </c>
      <c r="G44" s="793" t="s">
        <v>383</v>
      </c>
      <c r="H44" s="794" t="s">
        <v>4830</v>
      </c>
      <c r="I44" s="794"/>
      <c r="J44" s="787">
        <v>5</v>
      </c>
      <c r="K44" s="787">
        <v>16</v>
      </c>
      <c r="L44" s="787">
        <v>1</v>
      </c>
      <c r="M44" s="787"/>
      <c r="N44" s="787"/>
      <c r="O44" s="794" t="s">
        <v>4831</v>
      </c>
      <c r="P44" s="787"/>
      <c r="Q44" s="787"/>
    </row>
    <row r="45" spans="1:17" s="245" customFormat="1" ht="120" customHeight="1">
      <c r="A45" s="618">
        <v>31</v>
      </c>
      <c r="B45" s="791" t="s">
        <v>3693</v>
      </c>
      <c r="C45" s="787" t="s">
        <v>15</v>
      </c>
      <c r="D45" s="787" t="s">
        <v>3692</v>
      </c>
      <c r="E45" s="792" t="s">
        <v>3691</v>
      </c>
      <c r="F45" s="793">
        <v>44384</v>
      </c>
      <c r="G45" s="793" t="s">
        <v>383</v>
      </c>
      <c r="H45" s="794" t="s">
        <v>4830</v>
      </c>
      <c r="I45" s="794"/>
      <c r="J45" s="787">
        <v>1</v>
      </c>
      <c r="K45" s="787">
        <v>9</v>
      </c>
      <c r="L45" s="787">
        <v>1</v>
      </c>
      <c r="M45" s="787"/>
      <c r="N45" s="787"/>
      <c r="O45" s="787"/>
      <c r="P45" s="787"/>
      <c r="Q45" s="787"/>
    </row>
    <row r="46" spans="1:17" s="245" customFormat="1" ht="120" customHeight="1">
      <c r="A46" s="618">
        <v>32</v>
      </c>
      <c r="B46" s="791" t="s">
        <v>3690</v>
      </c>
      <c r="C46" s="787" t="s">
        <v>15</v>
      </c>
      <c r="D46" s="787" t="s">
        <v>3689</v>
      </c>
      <c r="E46" s="792" t="s">
        <v>3688</v>
      </c>
      <c r="F46" s="793">
        <v>43279</v>
      </c>
      <c r="G46" s="793" t="s">
        <v>63</v>
      </c>
      <c r="H46" s="787" t="s">
        <v>3687</v>
      </c>
      <c r="I46" s="787"/>
      <c r="J46" s="787">
        <v>67</v>
      </c>
      <c r="K46" s="787">
        <v>150</v>
      </c>
      <c r="L46" s="787">
        <v>23</v>
      </c>
      <c r="M46" s="787">
        <v>1992</v>
      </c>
      <c r="N46" s="787"/>
      <c r="O46" s="787" t="s">
        <v>3367</v>
      </c>
      <c r="P46" s="787"/>
      <c r="Q46" s="787"/>
    </row>
    <row r="47" spans="1:17" s="245" customFormat="1" ht="120" customHeight="1">
      <c r="A47" s="618">
        <v>33</v>
      </c>
      <c r="B47" s="791" t="s">
        <v>3686</v>
      </c>
      <c r="C47" s="787" t="s">
        <v>15</v>
      </c>
      <c r="D47" s="787" t="s">
        <v>3685</v>
      </c>
      <c r="E47" s="792" t="s">
        <v>3684</v>
      </c>
      <c r="F47" s="793">
        <v>43328</v>
      </c>
      <c r="G47" s="793" t="s">
        <v>142</v>
      </c>
      <c r="H47" s="787" t="s">
        <v>10</v>
      </c>
      <c r="I47" s="787"/>
      <c r="J47" s="787">
        <v>1</v>
      </c>
      <c r="K47" s="787">
        <v>4</v>
      </c>
      <c r="L47" s="787">
        <v>1</v>
      </c>
      <c r="M47" s="787"/>
      <c r="N47" s="787"/>
      <c r="O47" s="787" t="s">
        <v>3683</v>
      </c>
      <c r="P47" s="787"/>
      <c r="Q47" s="787"/>
    </row>
    <row r="48" spans="1:17" s="245" customFormat="1" ht="120" customHeight="1">
      <c r="A48" s="618">
        <v>34</v>
      </c>
      <c r="B48" s="791" t="s">
        <v>3677</v>
      </c>
      <c r="C48" s="787" t="s">
        <v>15</v>
      </c>
      <c r="D48" s="794" t="s">
        <v>4832</v>
      </c>
      <c r="E48" s="796" t="s">
        <v>4833</v>
      </c>
      <c r="F48" s="793">
        <v>39107</v>
      </c>
      <c r="G48" s="787" t="s">
        <v>125</v>
      </c>
      <c r="H48" s="797" t="s">
        <v>4834</v>
      </c>
      <c r="I48" s="797"/>
      <c r="J48" s="787">
        <v>3</v>
      </c>
      <c r="K48" s="787">
        <v>12</v>
      </c>
      <c r="L48" s="787">
        <v>1</v>
      </c>
      <c r="M48" s="787"/>
      <c r="N48" s="787"/>
      <c r="O48" s="787" t="s">
        <v>3676</v>
      </c>
      <c r="P48" s="787" t="s">
        <v>3675</v>
      </c>
      <c r="Q48" s="794" t="s">
        <v>4835</v>
      </c>
    </row>
    <row r="49" spans="1:18" s="245" customFormat="1" ht="120" customHeight="1">
      <c r="A49" s="618">
        <v>35</v>
      </c>
      <c r="B49" s="791" t="s">
        <v>3674</v>
      </c>
      <c r="C49" s="787" t="s">
        <v>15</v>
      </c>
      <c r="D49" s="787" t="s">
        <v>3673</v>
      </c>
      <c r="E49" s="792" t="s">
        <v>3672</v>
      </c>
      <c r="F49" s="793">
        <v>43264</v>
      </c>
      <c r="G49" s="793" t="s">
        <v>3671</v>
      </c>
      <c r="H49" s="794" t="s">
        <v>4830</v>
      </c>
      <c r="I49" s="794"/>
      <c r="J49" s="787">
        <v>5</v>
      </c>
      <c r="K49" s="787">
        <v>20</v>
      </c>
      <c r="L49" s="787">
        <v>1</v>
      </c>
      <c r="M49" s="787"/>
      <c r="N49" s="787"/>
      <c r="O49" s="787"/>
      <c r="P49" s="787"/>
      <c r="Q49" s="787"/>
    </row>
    <row r="50" spans="1:18" s="245" customFormat="1" ht="173.25">
      <c r="A50" s="618">
        <v>36</v>
      </c>
      <c r="B50" s="787" t="s">
        <v>3670</v>
      </c>
      <c r="C50" s="787" t="s">
        <v>179</v>
      </c>
      <c r="D50" s="787" t="s">
        <v>3669</v>
      </c>
      <c r="E50" s="792" t="s">
        <v>3668</v>
      </c>
      <c r="F50" s="793">
        <v>44875</v>
      </c>
      <c r="G50" s="787" t="s">
        <v>395</v>
      </c>
      <c r="H50" s="794" t="s">
        <v>4836</v>
      </c>
      <c r="I50" s="794"/>
      <c r="J50" s="787">
        <v>8</v>
      </c>
      <c r="K50" s="787">
        <v>20</v>
      </c>
      <c r="L50" s="787">
        <v>1</v>
      </c>
      <c r="M50" s="787">
        <v>2022</v>
      </c>
      <c r="N50" s="787"/>
      <c r="O50" s="794" t="s">
        <v>4837</v>
      </c>
      <c r="P50" s="787"/>
      <c r="R50" s="798" t="s">
        <v>4925</v>
      </c>
    </row>
    <row r="51" spans="1:18" s="245" customFormat="1" ht="120" customHeight="1">
      <c r="A51" s="618">
        <v>37</v>
      </c>
      <c r="B51" s="791" t="s">
        <v>3667</v>
      </c>
      <c r="C51" s="787" t="s">
        <v>15</v>
      </c>
      <c r="D51" s="787" t="s">
        <v>3666</v>
      </c>
      <c r="E51" s="792" t="s">
        <v>3665</v>
      </c>
      <c r="F51" s="793">
        <v>44720</v>
      </c>
      <c r="G51" s="787" t="s">
        <v>4103</v>
      </c>
      <c r="H51" s="794" t="s">
        <v>4836</v>
      </c>
      <c r="I51" s="794"/>
      <c r="J51" s="787">
        <v>3</v>
      </c>
      <c r="K51" s="787">
        <v>9</v>
      </c>
      <c r="L51" s="787">
        <v>1</v>
      </c>
      <c r="M51" s="787"/>
      <c r="N51" s="787"/>
      <c r="O51" s="787"/>
      <c r="P51" s="787"/>
      <c r="Q51" s="787"/>
    </row>
    <row r="52" spans="1:18" s="245" customFormat="1" ht="120" customHeight="1">
      <c r="A52" s="618">
        <v>38</v>
      </c>
      <c r="B52" s="791" t="s">
        <v>3664</v>
      </c>
      <c r="C52" s="787" t="s">
        <v>15</v>
      </c>
      <c r="D52" s="787" t="s">
        <v>3432</v>
      </c>
      <c r="E52" s="253" t="s">
        <v>3431</v>
      </c>
      <c r="F52" s="793">
        <v>43598</v>
      </c>
      <c r="G52" s="787" t="s">
        <v>125</v>
      </c>
      <c r="H52" s="799" t="s">
        <v>4838</v>
      </c>
      <c r="I52" s="799"/>
      <c r="J52" s="787">
        <v>5</v>
      </c>
      <c r="K52" s="787">
        <v>32</v>
      </c>
      <c r="L52" s="787">
        <v>9</v>
      </c>
      <c r="M52" s="787"/>
      <c r="N52" s="787"/>
      <c r="O52" s="787" t="s">
        <v>3663</v>
      </c>
      <c r="P52" s="787"/>
      <c r="Q52" s="787"/>
    </row>
    <row r="53" spans="1:18" s="245" customFormat="1" ht="120" customHeight="1">
      <c r="A53" s="618">
        <v>39</v>
      </c>
      <c r="B53" s="787" t="s">
        <v>3662</v>
      </c>
      <c r="C53" s="787" t="s">
        <v>15</v>
      </c>
      <c r="D53" s="787" t="s">
        <v>3661</v>
      </c>
      <c r="E53" s="792" t="s">
        <v>3660</v>
      </c>
      <c r="F53" s="793">
        <v>44383</v>
      </c>
      <c r="G53" s="793" t="s">
        <v>383</v>
      </c>
      <c r="H53" s="787" t="s">
        <v>10</v>
      </c>
      <c r="I53" s="787"/>
      <c r="J53" s="787">
        <v>1</v>
      </c>
      <c r="K53" s="787">
        <v>6</v>
      </c>
      <c r="L53" s="787">
        <v>1</v>
      </c>
      <c r="M53" s="787"/>
      <c r="N53" s="787"/>
      <c r="O53" s="787"/>
      <c r="P53" s="787"/>
      <c r="Q53" s="787"/>
    </row>
    <row r="54" spans="1:18" s="245" customFormat="1" ht="120" customHeight="1">
      <c r="A54" s="618">
        <v>40</v>
      </c>
      <c r="B54" s="791" t="s">
        <v>3659</v>
      </c>
      <c r="C54" s="787" t="s">
        <v>15</v>
      </c>
      <c r="D54" s="787" t="s">
        <v>3658</v>
      </c>
      <c r="E54" s="792" t="s">
        <v>3657</v>
      </c>
      <c r="F54" s="793">
        <v>44617</v>
      </c>
      <c r="G54" s="793" t="s">
        <v>383</v>
      </c>
      <c r="H54" s="794" t="s">
        <v>4830</v>
      </c>
      <c r="I54" s="794"/>
      <c r="J54" s="787">
        <v>1</v>
      </c>
      <c r="K54" s="787">
        <v>4</v>
      </c>
      <c r="L54" s="787">
        <v>1</v>
      </c>
      <c r="M54" s="787"/>
      <c r="N54" s="787"/>
      <c r="O54" s="787"/>
      <c r="P54" s="787"/>
      <c r="Q54" s="787"/>
    </row>
    <row r="55" spans="1:18" s="245" customFormat="1" ht="120" customHeight="1">
      <c r="A55" s="618">
        <v>41</v>
      </c>
      <c r="B55" s="791" t="s">
        <v>3656</v>
      </c>
      <c r="C55" s="787" t="s">
        <v>15</v>
      </c>
      <c r="D55" s="787" t="s">
        <v>3655</v>
      </c>
      <c r="E55" s="792" t="s">
        <v>3654</v>
      </c>
      <c r="F55" s="793">
        <v>44741</v>
      </c>
      <c r="G55" s="793" t="s">
        <v>383</v>
      </c>
      <c r="H55" s="787" t="s">
        <v>10</v>
      </c>
      <c r="I55" s="787"/>
      <c r="J55" s="787">
        <v>1</v>
      </c>
      <c r="K55" s="787">
        <v>4</v>
      </c>
      <c r="L55" s="787">
        <v>1</v>
      </c>
      <c r="M55" s="787"/>
      <c r="N55" s="787"/>
      <c r="O55" s="787"/>
      <c r="P55" s="787"/>
      <c r="Q55" s="787"/>
    </row>
    <row r="56" spans="1:18" s="245" customFormat="1" ht="120" customHeight="1">
      <c r="A56" s="618">
        <v>42</v>
      </c>
      <c r="B56" s="791" t="s">
        <v>3653</v>
      </c>
      <c r="C56" s="787" t="s">
        <v>2631</v>
      </c>
      <c r="D56" s="787" t="s">
        <v>3652</v>
      </c>
      <c r="E56" s="792" t="s">
        <v>3651</v>
      </c>
      <c r="F56" s="793">
        <v>44043</v>
      </c>
      <c r="G56" s="793" t="s">
        <v>383</v>
      </c>
      <c r="H56" s="787" t="s">
        <v>10</v>
      </c>
      <c r="I56" s="787"/>
      <c r="J56" s="787">
        <v>1</v>
      </c>
      <c r="K56" s="787">
        <v>4</v>
      </c>
      <c r="L56" s="787">
        <v>1</v>
      </c>
      <c r="M56" s="787"/>
      <c r="N56" s="787"/>
      <c r="O56" s="787" t="s">
        <v>3650</v>
      </c>
      <c r="P56" s="787"/>
      <c r="Q56" s="787"/>
    </row>
    <row r="57" spans="1:18" s="245" customFormat="1" ht="120" customHeight="1">
      <c r="A57" s="618">
        <v>43</v>
      </c>
      <c r="B57" s="791" t="s">
        <v>3649</v>
      </c>
      <c r="C57" s="787" t="s">
        <v>15</v>
      </c>
      <c r="D57" s="787" t="s">
        <v>3648</v>
      </c>
      <c r="E57" s="792" t="s">
        <v>3647</v>
      </c>
      <c r="F57" s="793">
        <v>41935</v>
      </c>
      <c r="G57" s="787" t="s">
        <v>125</v>
      </c>
      <c r="H57" s="794" t="s">
        <v>4926</v>
      </c>
      <c r="I57" s="794"/>
      <c r="J57" s="787">
        <v>8</v>
      </c>
      <c r="K57" s="787">
        <v>16</v>
      </c>
      <c r="L57" s="787">
        <v>4</v>
      </c>
      <c r="M57" s="787"/>
      <c r="N57" s="787"/>
      <c r="O57" s="787"/>
      <c r="P57" s="787"/>
      <c r="Q57" s="787"/>
    </row>
    <row r="58" spans="1:18" s="245" customFormat="1" ht="150.75" customHeight="1">
      <c r="A58" s="618">
        <v>44</v>
      </c>
      <c r="B58" s="787" t="s">
        <v>3646</v>
      </c>
      <c r="C58" s="787" t="s">
        <v>15</v>
      </c>
      <c r="D58" s="787" t="s">
        <v>3642</v>
      </c>
      <c r="E58" s="792" t="s">
        <v>3645</v>
      </c>
      <c r="F58" s="793">
        <v>41093</v>
      </c>
      <c r="G58" s="787" t="s">
        <v>125</v>
      </c>
      <c r="H58" s="799" t="s">
        <v>4839</v>
      </c>
      <c r="I58" s="799"/>
      <c r="J58" s="787">
        <v>8</v>
      </c>
      <c r="K58" s="787">
        <v>20</v>
      </c>
      <c r="L58" s="787">
        <v>4</v>
      </c>
      <c r="M58" s="787"/>
      <c r="N58" s="787"/>
      <c r="O58" s="787"/>
      <c r="P58" s="787"/>
      <c r="Q58" s="787" t="s">
        <v>3644</v>
      </c>
    </row>
    <row r="59" spans="1:18" s="245" customFormat="1" ht="220.5">
      <c r="A59" s="618">
        <v>45</v>
      </c>
      <c r="B59" s="787" t="s">
        <v>3643</v>
      </c>
      <c r="C59" s="787" t="s">
        <v>15</v>
      </c>
      <c r="D59" s="787" t="s">
        <v>3642</v>
      </c>
      <c r="E59" s="792" t="s">
        <v>4167</v>
      </c>
      <c r="F59" s="793">
        <v>41093</v>
      </c>
      <c r="G59" s="787" t="s">
        <v>3641</v>
      </c>
      <c r="H59" s="794" t="s">
        <v>4840</v>
      </c>
      <c r="I59" s="794"/>
      <c r="J59" s="787">
        <v>31</v>
      </c>
      <c r="K59" s="787">
        <v>64</v>
      </c>
      <c r="L59" s="787">
        <v>9</v>
      </c>
      <c r="M59" s="787">
        <v>2022</v>
      </c>
      <c r="N59" s="787"/>
      <c r="O59" s="787" t="s">
        <v>3640</v>
      </c>
      <c r="P59" s="787"/>
      <c r="Q59" s="787"/>
    </row>
    <row r="60" spans="1:18" s="245" customFormat="1" ht="152.25" customHeight="1">
      <c r="A60" s="618">
        <v>46</v>
      </c>
      <c r="B60" s="791" t="s">
        <v>3639</v>
      </c>
      <c r="C60" s="787" t="s">
        <v>15</v>
      </c>
      <c r="D60" s="787" t="s">
        <v>3638</v>
      </c>
      <c r="E60" s="792" t="s">
        <v>3637</v>
      </c>
      <c r="F60" s="793">
        <v>44636</v>
      </c>
      <c r="G60" s="787" t="s">
        <v>204</v>
      </c>
      <c r="H60" s="794" t="s">
        <v>4830</v>
      </c>
      <c r="I60" s="1122"/>
      <c r="J60" s="800">
        <v>6</v>
      </c>
      <c r="K60" s="800">
        <v>30</v>
      </c>
      <c r="L60" s="787">
        <v>1</v>
      </c>
      <c r="M60" s="787"/>
      <c r="N60" s="787"/>
      <c r="O60" s="787" t="s">
        <v>3636</v>
      </c>
      <c r="P60" s="787"/>
      <c r="Q60" s="787" t="s">
        <v>1134</v>
      </c>
    </row>
    <row r="61" spans="1:18" s="245" customFormat="1" ht="120" customHeight="1">
      <c r="A61" s="618">
        <v>47</v>
      </c>
      <c r="B61" s="791" t="s">
        <v>3635</v>
      </c>
      <c r="C61" s="787" t="s">
        <v>15</v>
      </c>
      <c r="D61" s="787" t="s">
        <v>3634</v>
      </c>
      <c r="E61" s="792" t="s">
        <v>3633</v>
      </c>
      <c r="F61" s="793">
        <v>40331</v>
      </c>
      <c r="G61" s="787" t="s">
        <v>3632</v>
      </c>
      <c r="H61" s="787" t="s">
        <v>10</v>
      </c>
      <c r="I61" s="787"/>
      <c r="J61" s="787">
        <v>3</v>
      </c>
      <c r="K61" s="787">
        <v>6</v>
      </c>
      <c r="L61" s="787">
        <v>1</v>
      </c>
      <c r="M61" s="787"/>
      <c r="N61" s="787"/>
      <c r="O61" s="794" t="s">
        <v>4841</v>
      </c>
      <c r="P61" s="787"/>
      <c r="Q61" s="787" t="s">
        <v>4927</v>
      </c>
    </row>
    <row r="62" spans="1:18" s="245" customFormat="1" ht="120" customHeight="1">
      <c r="A62" s="618">
        <v>48</v>
      </c>
      <c r="B62" s="791" t="s">
        <v>3631</v>
      </c>
      <c r="C62" s="787" t="s">
        <v>15</v>
      </c>
      <c r="D62" s="787" t="s">
        <v>1209</v>
      </c>
      <c r="E62" s="792" t="s">
        <v>1208</v>
      </c>
      <c r="F62" s="793">
        <v>44418</v>
      </c>
      <c r="G62" s="793" t="s">
        <v>3630</v>
      </c>
      <c r="H62" s="787" t="s">
        <v>10</v>
      </c>
      <c r="I62" s="787"/>
      <c r="J62" s="787">
        <v>1</v>
      </c>
      <c r="K62" s="787">
        <v>3</v>
      </c>
      <c r="L62" s="787">
        <v>1</v>
      </c>
      <c r="M62" s="787"/>
      <c r="N62" s="787"/>
      <c r="O62" s="794" t="s">
        <v>4842</v>
      </c>
      <c r="P62" s="787"/>
      <c r="Q62" s="787" t="s">
        <v>1307</v>
      </c>
    </row>
    <row r="63" spans="1:18" s="245" customFormat="1" ht="120" customHeight="1">
      <c r="A63" s="618">
        <v>49</v>
      </c>
      <c r="B63" s="791" t="s">
        <v>3629</v>
      </c>
      <c r="C63" s="787" t="s">
        <v>15</v>
      </c>
      <c r="D63" s="787" t="s">
        <v>3628</v>
      </c>
      <c r="E63" s="792" t="s">
        <v>3627</v>
      </c>
      <c r="F63" s="793">
        <v>42430</v>
      </c>
      <c r="G63" s="787" t="s">
        <v>926</v>
      </c>
      <c r="H63" s="787" t="s">
        <v>10</v>
      </c>
      <c r="I63" s="787"/>
      <c r="J63" s="787">
        <v>6</v>
      </c>
      <c r="K63" s="787">
        <v>13</v>
      </c>
      <c r="L63" s="787">
        <v>1</v>
      </c>
      <c r="M63" s="787"/>
      <c r="N63" s="787"/>
      <c r="O63" s="794" t="s">
        <v>4843</v>
      </c>
      <c r="P63" s="787"/>
      <c r="Q63" s="787"/>
    </row>
    <row r="64" spans="1:18" s="245" customFormat="1" ht="120" customHeight="1">
      <c r="A64" s="618">
        <v>50</v>
      </c>
      <c r="B64" s="791" t="s">
        <v>3626</v>
      </c>
      <c r="C64" s="787" t="s">
        <v>27</v>
      </c>
      <c r="D64" s="787" t="s">
        <v>3625</v>
      </c>
      <c r="E64" s="792" t="s">
        <v>3624</v>
      </c>
      <c r="F64" s="793">
        <v>44374</v>
      </c>
      <c r="G64" s="787"/>
      <c r="H64" s="787" t="s">
        <v>10</v>
      </c>
      <c r="I64" s="787"/>
      <c r="J64" s="787">
        <v>1</v>
      </c>
      <c r="K64" s="787">
        <v>4</v>
      </c>
      <c r="L64" s="787">
        <v>0</v>
      </c>
      <c r="M64" s="787"/>
      <c r="N64" s="787"/>
      <c r="O64" s="787"/>
      <c r="P64" s="787"/>
      <c r="Q64" s="787" t="s">
        <v>3623</v>
      </c>
    </row>
    <row r="65" spans="1:17" s="245" customFormat="1" ht="120" customHeight="1">
      <c r="A65" s="618">
        <v>51</v>
      </c>
      <c r="B65" s="787" t="s">
        <v>3622</v>
      </c>
      <c r="C65" s="787" t="s">
        <v>27</v>
      </c>
      <c r="D65" s="787" t="s">
        <v>3621</v>
      </c>
      <c r="E65" s="792" t="s">
        <v>3620</v>
      </c>
      <c r="F65" s="793">
        <v>44739</v>
      </c>
      <c r="G65" s="793"/>
      <c r="H65" s="787" t="s">
        <v>10</v>
      </c>
      <c r="I65" s="787"/>
      <c r="J65" s="787">
        <v>3</v>
      </c>
      <c r="K65" s="787">
        <v>12</v>
      </c>
      <c r="L65" s="787">
        <v>0</v>
      </c>
      <c r="M65" s="787"/>
      <c r="N65" s="787"/>
      <c r="O65" s="794" t="s">
        <v>4844</v>
      </c>
      <c r="P65" s="787"/>
      <c r="Q65" s="787"/>
    </row>
    <row r="66" spans="1:17" s="245" customFormat="1" ht="120" customHeight="1">
      <c r="A66" s="618">
        <v>52</v>
      </c>
      <c r="B66" s="801" t="s">
        <v>3619</v>
      </c>
      <c r="C66" s="787" t="s">
        <v>15</v>
      </c>
      <c r="D66" s="787" t="s">
        <v>3617</v>
      </c>
      <c r="E66" s="792" t="s">
        <v>3616</v>
      </c>
      <c r="F66" s="793">
        <v>44669</v>
      </c>
      <c r="G66" s="793" t="s">
        <v>1056</v>
      </c>
      <c r="H66" s="787" t="s">
        <v>10</v>
      </c>
      <c r="I66" s="787"/>
      <c r="J66" s="787">
        <v>1</v>
      </c>
      <c r="K66" s="787">
        <v>9</v>
      </c>
      <c r="L66" s="787">
        <v>1</v>
      </c>
      <c r="M66" s="787"/>
      <c r="N66" s="787"/>
      <c r="O66" s="787" t="s">
        <v>3615</v>
      </c>
      <c r="P66" s="787"/>
      <c r="Q66" s="787"/>
    </row>
    <row r="67" spans="1:17" s="245" customFormat="1" ht="120" customHeight="1">
      <c r="A67" s="618">
        <v>53</v>
      </c>
      <c r="B67" s="801" t="s">
        <v>3618</v>
      </c>
      <c r="C67" s="787" t="s">
        <v>15</v>
      </c>
      <c r="D67" s="787" t="s">
        <v>3617</v>
      </c>
      <c r="E67" s="792" t="s">
        <v>3616</v>
      </c>
      <c r="F67" s="793">
        <v>44669</v>
      </c>
      <c r="G67" s="793" t="s">
        <v>1056</v>
      </c>
      <c r="H67" s="787" t="s">
        <v>10</v>
      </c>
      <c r="I67" s="787"/>
      <c r="J67" s="787">
        <v>1</v>
      </c>
      <c r="K67" s="787">
        <v>9</v>
      </c>
      <c r="L67" s="787">
        <v>1</v>
      </c>
      <c r="M67" s="787"/>
      <c r="N67" s="787"/>
      <c r="O67" s="787" t="s">
        <v>3615</v>
      </c>
      <c r="P67" s="787"/>
      <c r="Q67" s="787"/>
    </row>
    <row r="68" spans="1:17" s="245" customFormat="1" ht="120" customHeight="1">
      <c r="A68" s="618">
        <v>54</v>
      </c>
      <c r="B68" s="791" t="s">
        <v>3614</v>
      </c>
      <c r="C68" s="787" t="s">
        <v>27</v>
      </c>
      <c r="D68" s="787" t="s">
        <v>3613</v>
      </c>
      <c r="E68" s="792" t="s">
        <v>3612</v>
      </c>
      <c r="F68" s="793">
        <v>44372</v>
      </c>
      <c r="G68" s="793"/>
      <c r="H68" s="787" t="s">
        <v>10</v>
      </c>
      <c r="I68" s="787"/>
      <c r="J68" s="787">
        <v>1</v>
      </c>
      <c r="K68" s="787">
        <v>4</v>
      </c>
      <c r="L68" s="787">
        <v>0</v>
      </c>
      <c r="M68" s="787"/>
      <c r="N68" s="787"/>
      <c r="O68" s="787" t="s">
        <v>3611</v>
      </c>
      <c r="P68" s="787" t="s">
        <v>3610</v>
      </c>
      <c r="Q68" s="787"/>
    </row>
    <row r="69" spans="1:17" s="245" customFormat="1" ht="120" customHeight="1">
      <c r="A69" s="618">
        <v>55</v>
      </c>
      <c r="B69" s="791" t="s">
        <v>3609</v>
      </c>
      <c r="C69" s="787" t="s">
        <v>27</v>
      </c>
      <c r="D69" s="787" t="s">
        <v>3608</v>
      </c>
      <c r="E69" s="792" t="s">
        <v>3607</v>
      </c>
      <c r="F69" s="793">
        <v>44490</v>
      </c>
      <c r="G69" s="793"/>
      <c r="H69" s="787" t="s">
        <v>10</v>
      </c>
      <c r="I69" s="787"/>
      <c r="J69" s="787">
        <v>1</v>
      </c>
      <c r="K69" s="787">
        <v>14</v>
      </c>
      <c r="L69" s="787">
        <v>0</v>
      </c>
      <c r="M69" s="787"/>
      <c r="N69" s="787"/>
      <c r="O69" s="787" t="s">
        <v>3606</v>
      </c>
      <c r="P69" s="787"/>
      <c r="Q69" s="787"/>
    </row>
    <row r="70" spans="1:17" s="245" customFormat="1" ht="120" customHeight="1">
      <c r="A70" s="618">
        <v>56</v>
      </c>
      <c r="B70" s="791" t="s">
        <v>3605</v>
      </c>
      <c r="C70" s="787" t="s">
        <v>27</v>
      </c>
      <c r="D70" s="787" t="s">
        <v>3604</v>
      </c>
      <c r="E70" s="792" t="s">
        <v>3603</v>
      </c>
      <c r="F70" s="793">
        <v>44296</v>
      </c>
      <c r="G70" s="793"/>
      <c r="H70" s="787" t="s">
        <v>10</v>
      </c>
      <c r="I70" s="787"/>
      <c r="J70" s="787">
        <v>1</v>
      </c>
      <c r="K70" s="787">
        <v>6</v>
      </c>
      <c r="L70" s="787">
        <v>0</v>
      </c>
      <c r="M70" s="787"/>
      <c r="N70" s="787"/>
      <c r="O70" s="787" t="s">
        <v>3599</v>
      </c>
      <c r="P70" s="787"/>
      <c r="Q70" s="787"/>
    </row>
    <row r="71" spans="1:17" s="245" customFormat="1" ht="120" customHeight="1">
      <c r="A71" s="618">
        <v>57</v>
      </c>
      <c r="B71" s="791" t="s">
        <v>3602</v>
      </c>
      <c r="C71" s="787" t="s">
        <v>27</v>
      </c>
      <c r="D71" s="787" t="s">
        <v>3601</v>
      </c>
      <c r="E71" s="792" t="s">
        <v>3600</v>
      </c>
      <c r="F71" s="793">
        <v>44291</v>
      </c>
      <c r="G71" s="787"/>
      <c r="H71" s="787" t="s">
        <v>10</v>
      </c>
      <c r="I71" s="787"/>
      <c r="J71" s="787">
        <v>1</v>
      </c>
      <c r="K71" s="787">
        <v>6</v>
      </c>
      <c r="L71" s="787">
        <v>0</v>
      </c>
      <c r="M71" s="787"/>
      <c r="N71" s="787"/>
      <c r="O71" s="787" t="s">
        <v>3599</v>
      </c>
      <c r="P71" s="787"/>
      <c r="Q71" s="802" t="s">
        <v>3598</v>
      </c>
    </row>
    <row r="72" spans="1:17" s="245" customFormat="1" ht="120" customHeight="1">
      <c r="A72" s="618">
        <v>58</v>
      </c>
      <c r="B72" s="791" t="s">
        <v>3597</v>
      </c>
      <c r="C72" s="787" t="s">
        <v>27</v>
      </c>
      <c r="D72" s="787" t="s">
        <v>3594</v>
      </c>
      <c r="E72" s="792" t="s">
        <v>3593</v>
      </c>
      <c r="F72" s="793">
        <v>44098</v>
      </c>
      <c r="G72" s="787"/>
      <c r="H72" s="787" t="s">
        <v>10</v>
      </c>
      <c r="I72" s="787"/>
      <c r="J72" s="787">
        <v>1</v>
      </c>
      <c r="K72" s="787">
        <v>6</v>
      </c>
      <c r="L72" s="787">
        <v>0</v>
      </c>
      <c r="M72" s="787"/>
      <c r="N72" s="787"/>
      <c r="O72" s="787" t="s">
        <v>3596</v>
      </c>
      <c r="P72" s="787"/>
      <c r="Q72" s="787"/>
    </row>
    <row r="73" spans="1:17" s="245" customFormat="1" ht="120" customHeight="1">
      <c r="A73" s="618">
        <v>59</v>
      </c>
      <c r="B73" s="791" t="s">
        <v>3595</v>
      </c>
      <c r="C73" s="787" t="s">
        <v>27</v>
      </c>
      <c r="D73" s="787" t="s">
        <v>3594</v>
      </c>
      <c r="E73" s="792" t="s">
        <v>3593</v>
      </c>
      <c r="F73" s="793">
        <v>44098</v>
      </c>
      <c r="G73" s="787"/>
      <c r="H73" s="787" t="s">
        <v>10</v>
      </c>
      <c r="I73" s="787"/>
      <c r="J73" s="787">
        <v>1</v>
      </c>
      <c r="K73" s="787">
        <v>4</v>
      </c>
      <c r="L73" s="787">
        <v>0</v>
      </c>
      <c r="M73" s="787"/>
      <c r="N73" s="787"/>
      <c r="O73" s="787" t="s">
        <v>3592</v>
      </c>
      <c r="P73" s="787"/>
      <c r="Q73" s="787"/>
    </row>
    <row r="74" spans="1:17" s="245" customFormat="1" ht="120" customHeight="1">
      <c r="A74" s="618">
        <v>60</v>
      </c>
      <c r="B74" s="791" t="s">
        <v>3591</v>
      </c>
      <c r="C74" s="787" t="s">
        <v>27</v>
      </c>
      <c r="D74" s="787" t="s">
        <v>3590</v>
      </c>
      <c r="E74" s="792" t="s">
        <v>3589</v>
      </c>
      <c r="F74" s="793">
        <v>44013</v>
      </c>
      <c r="G74" s="787"/>
      <c r="H74" s="787" t="s">
        <v>10</v>
      </c>
      <c r="I74" s="787"/>
      <c r="J74" s="787">
        <v>1</v>
      </c>
      <c r="K74" s="787">
        <v>6</v>
      </c>
      <c r="L74" s="787">
        <v>0</v>
      </c>
      <c r="M74" s="787"/>
      <c r="N74" s="787"/>
      <c r="O74" s="787" t="s">
        <v>3588</v>
      </c>
      <c r="P74" s="787"/>
      <c r="Q74" s="787"/>
    </row>
    <row r="75" spans="1:17" s="245" customFormat="1" ht="120" customHeight="1">
      <c r="A75" s="618">
        <v>61</v>
      </c>
      <c r="B75" s="791" t="s">
        <v>3587</v>
      </c>
      <c r="C75" s="787" t="s">
        <v>27</v>
      </c>
      <c r="D75" s="787" t="s">
        <v>3586</v>
      </c>
      <c r="E75" s="792" t="s">
        <v>3585</v>
      </c>
      <c r="F75" s="793">
        <v>44155</v>
      </c>
      <c r="G75" s="793"/>
      <c r="H75" s="787" t="s">
        <v>10</v>
      </c>
      <c r="I75" s="787"/>
      <c r="J75" s="787">
        <v>6</v>
      </c>
      <c r="K75" s="787">
        <v>19</v>
      </c>
      <c r="L75" s="787">
        <v>0</v>
      </c>
      <c r="M75" s="787"/>
      <c r="N75" s="787"/>
      <c r="O75" s="794" t="s">
        <v>4845</v>
      </c>
      <c r="P75" s="787"/>
      <c r="Q75" s="787"/>
    </row>
    <row r="76" spans="1:17" s="245" customFormat="1" ht="120" customHeight="1">
      <c r="A76" s="618">
        <v>62</v>
      </c>
      <c r="B76" s="791" t="s">
        <v>3584</v>
      </c>
      <c r="C76" s="787" t="s">
        <v>27</v>
      </c>
      <c r="D76" s="787" t="s">
        <v>3583</v>
      </c>
      <c r="E76" s="792" t="s">
        <v>3582</v>
      </c>
      <c r="F76" s="793">
        <v>44097</v>
      </c>
      <c r="G76" s="793"/>
      <c r="H76" s="787" t="s">
        <v>10</v>
      </c>
      <c r="I76" s="787"/>
      <c r="J76" s="787">
        <v>2</v>
      </c>
      <c r="K76" s="787">
        <v>8</v>
      </c>
      <c r="L76" s="787">
        <v>0</v>
      </c>
      <c r="M76" s="787"/>
      <c r="N76" s="787"/>
      <c r="O76" s="787" t="s">
        <v>3581</v>
      </c>
      <c r="P76" s="787"/>
      <c r="Q76" s="787"/>
    </row>
    <row r="77" spans="1:17" s="245" customFormat="1" ht="120" customHeight="1">
      <c r="A77" s="618">
        <v>63</v>
      </c>
      <c r="B77" s="791" t="s">
        <v>3580</v>
      </c>
      <c r="C77" s="787" t="s">
        <v>27</v>
      </c>
      <c r="D77" s="787" t="s">
        <v>3579</v>
      </c>
      <c r="E77" s="792" t="s">
        <v>3578</v>
      </c>
      <c r="F77" s="793">
        <v>44221</v>
      </c>
      <c r="G77" s="793"/>
      <c r="H77" s="787" t="s">
        <v>10</v>
      </c>
      <c r="I77" s="787"/>
      <c r="J77" s="787">
        <v>4</v>
      </c>
      <c r="K77" s="787">
        <v>8</v>
      </c>
      <c r="L77" s="787">
        <v>0</v>
      </c>
      <c r="M77" s="787"/>
      <c r="N77" s="787"/>
      <c r="O77" s="787"/>
      <c r="P77" s="787"/>
      <c r="Q77" s="787"/>
    </row>
    <row r="78" spans="1:17" s="245" customFormat="1" ht="120" customHeight="1">
      <c r="A78" s="618">
        <v>64</v>
      </c>
      <c r="B78" s="791" t="s">
        <v>3577</v>
      </c>
      <c r="C78" s="787" t="s">
        <v>27</v>
      </c>
      <c r="D78" s="787" t="s">
        <v>3576</v>
      </c>
      <c r="E78" s="792" t="s">
        <v>3575</v>
      </c>
      <c r="F78" s="793">
        <v>44043</v>
      </c>
      <c r="G78" s="793"/>
      <c r="H78" s="787" t="s">
        <v>10</v>
      </c>
      <c r="I78" s="787"/>
      <c r="J78" s="787">
        <v>2</v>
      </c>
      <c r="K78" s="787">
        <v>7</v>
      </c>
      <c r="L78" s="787">
        <v>0</v>
      </c>
      <c r="M78" s="787"/>
      <c r="N78" s="787"/>
      <c r="O78" s="787"/>
      <c r="P78" s="787"/>
      <c r="Q78" s="787"/>
    </row>
    <row r="79" spans="1:17" s="245" customFormat="1" ht="120" customHeight="1">
      <c r="A79" s="618">
        <v>65</v>
      </c>
      <c r="B79" s="791" t="s">
        <v>3574</v>
      </c>
      <c r="C79" s="787" t="s">
        <v>27</v>
      </c>
      <c r="D79" s="787" t="s">
        <v>3573</v>
      </c>
      <c r="E79" s="792" t="s">
        <v>3572</v>
      </c>
      <c r="F79" s="793">
        <v>44251</v>
      </c>
      <c r="G79" s="793"/>
      <c r="H79" s="787" t="s">
        <v>10</v>
      </c>
      <c r="I79" s="787"/>
      <c r="J79" s="787">
        <v>3</v>
      </c>
      <c r="K79" s="787">
        <v>6</v>
      </c>
      <c r="L79" s="787">
        <v>0</v>
      </c>
      <c r="M79" s="787"/>
      <c r="N79" s="787"/>
      <c r="O79" s="787"/>
      <c r="P79" s="787"/>
      <c r="Q79" s="787"/>
    </row>
    <row r="80" spans="1:17" s="245" customFormat="1" ht="120" customHeight="1">
      <c r="A80" s="618">
        <v>66</v>
      </c>
      <c r="B80" s="791" t="s">
        <v>3571</v>
      </c>
      <c r="C80" s="787" t="s">
        <v>27</v>
      </c>
      <c r="D80" s="787" t="s">
        <v>3570</v>
      </c>
      <c r="E80" s="792" t="s">
        <v>3569</v>
      </c>
      <c r="F80" s="793">
        <v>44067</v>
      </c>
      <c r="G80" s="793"/>
      <c r="H80" s="787" t="s">
        <v>10</v>
      </c>
      <c r="I80" s="787"/>
      <c r="J80" s="787">
        <v>1</v>
      </c>
      <c r="K80" s="787">
        <v>6</v>
      </c>
      <c r="L80" s="787">
        <v>0</v>
      </c>
      <c r="M80" s="787"/>
      <c r="N80" s="787"/>
      <c r="O80" s="787" t="s">
        <v>3568</v>
      </c>
      <c r="P80" s="787"/>
      <c r="Q80" s="787"/>
    </row>
    <row r="81" spans="1:17" s="245" customFormat="1" ht="120" customHeight="1">
      <c r="A81" s="618">
        <v>67</v>
      </c>
      <c r="B81" s="791" t="s">
        <v>3567</v>
      </c>
      <c r="C81" s="787" t="s">
        <v>27</v>
      </c>
      <c r="D81" s="787" t="s">
        <v>3566</v>
      </c>
      <c r="E81" s="792" t="s">
        <v>3565</v>
      </c>
      <c r="F81" s="793">
        <v>44354</v>
      </c>
      <c r="G81" s="793"/>
      <c r="H81" s="787" t="s">
        <v>10</v>
      </c>
      <c r="I81" s="787"/>
      <c r="J81" s="787">
        <v>2</v>
      </c>
      <c r="K81" s="787">
        <v>12</v>
      </c>
      <c r="L81" s="787">
        <v>0</v>
      </c>
      <c r="M81" s="787"/>
      <c r="N81" s="787"/>
      <c r="O81" s="787" t="s">
        <v>3564</v>
      </c>
      <c r="P81" s="787"/>
      <c r="Q81" s="787"/>
    </row>
    <row r="82" spans="1:17" s="245" customFormat="1" ht="120" customHeight="1">
      <c r="A82" s="618">
        <v>68</v>
      </c>
      <c r="B82" s="791" t="s">
        <v>3563</v>
      </c>
      <c r="C82" s="787" t="s">
        <v>27</v>
      </c>
      <c r="D82" s="787" t="s">
        <v>3562</v>
      </c>
      <c r="E82" s="792" t="s">
        <v>3561</v>
      </c>
      <c r="F82" s="793">
        <v>44231</v>
      </c>
      <c r="G82" s="787"/>
      <c r="H82" s="787" t="s">
        <v>10</v>
      </c>
      <c r="I82" s="787"/>
      <c r="J82" s="787">
        <v>2</v>
      </c>
      <c r="K82" s="787">
        <v>4</v>
      </c>
      <c r="L82" s="787">
        <v>0</v>
      </c>
      <c r="M82" s="787"/>
      <c r="N82" s="787"/>
      <c r="O82" s="787" t="s">
        <v>3560</v>
      </c>
      <c r="P82" s="787"/>
      <c r="Q82" s="795" t="s">
        <v>3559</v>
      </c>
    </row>
    <row r="83" spans="1:17" s="245" customFormat="1" ht="120" customHeight="1">
      <c r="A83" s="618">
        <v>69</v>
      </c>
      <c r="B83" s="787" t="s">
        <v>3558</v>
      </c>
      <c r="C83" s="787" t="s">
        <v>27</v>
      </c>
      <c r="D83" s="787" t="s">
        <v>3555</v>
      </c>
      <c r="E83" s="792" t="s">
        <v>3554</v>
      </c>
      <c r="F83" s="793">
        <v>44679</v>
      </c>
      <c r="G83" s="787"/>
      <c r="H83" s="794" t="s">
        <v>4846</v>
      </c>
      <c r="I83" s="794"/>
      <c r="J83" s="787">
        <v>2</v>
      </c>
      <c r="K83" s="787">
        <v>5</v>
      </c>
      <c r="L83" s="787">
        <v>0</v>
      </c>
      <c r="M83" s="787"/>
      <c r="N83" s="787"/>
      <c r="O83" s="794" t="s">
        <v>4847</v>
      </c>
      <c r="P83" s="787"/>
      <c r="Q83" s="795" t="s">
        <v>3557</v>
      </c>
    </row>
    <row r="84" spans="1:17" s="245" customFormat="1" ht="78.75">
      <c r="A84" s="618">
        <v>70</v>
      </c>
      <c r="B84" s="787" t="s">
        <v>3556</v>
      </c>
      <c r="C84" s="787" t="s">
        <v>27</v>
      </c>
      <c r="D84" s="787" t="s">
        <v>3555</v>
      </c>
      <c r="E84" s="792" t="s">
        <v>3554</v>
      </c>
      <c r="F84" s="793">
        <v>44679</v>
      </c>
      <c r="G84" s="787"/>
      <c r="H84" s="787"/>
      <c r="I84" s="787"/>
      <c r="J84" s="787">
        <v>1</v>
      </c>
      <c r="K84" s="787">
        <v>4</v>
      </c>
      <c r="L84" s="787">
        <v>0</v>
      </c>
      <c r="M84" s="787"/>
      <c r="N84" s="787"/>
      <c r="O84" s="794"/>
      <c r="P84" s="787"/>
      <c r="Q84" s="795" t="s">
        <v>3553</v>
      </c>
    </row>
    <row r="85" spans="1:17" s="245" customFormat="1" ht="99.6" customHeight="1">
      <c r="A85" s="618">
        <v>71</v>
      </c>
      <c r="B85" s="791" t="s">
        <v>3552</v>
      </c>
      <c r="C85" s="787" t="s">
        <v>15</v>
      </c>
      <c r="D85" s="787" t="s">
        <v>3551</v>
      </c>
      <c r="E85" s="792" t="s">
        <v>3550</v>
      </c>
      <c r="F85" s="793">
        <v>44986</v>
      </c>
      <c r="G85" s="787" t="s">
        <v>3549</v>
      </c>
      <c r="H85" s="787" t="s">
        <v>10</v>
      </c>
      <c r="I85" s="787"/>
      <c r="J85" s="787">
        <v>3</v>
      </c>
      <c r="K85" s="787">
        <v>12</v>
      </c>
      <c r="L85" s="787">
        <v>0</v>
      </c>
      <c r="M85" s="787"/>
      <c r="N85" s="787"/>
      <c r="O85" s="787" t="s">
        <v>3548</v>
      </c>
      <c r="P85" s="787"/>
      <c r="Q85" s="787"/>
    </row>
    <row r="86" spans="1:17" s="245" customFormat="1" ht="120" customHeight="1">
      <c r="A86" s="618">
        <v>72</v>
      </c>
      <c r="B86" s="791" t="s">
        <v>3547</v>
      </c>
      <c r="C86" s="787" t="s">
        <v>27</v>
      </c>
      <c r="D86" s="787" t="s">
        <v>3546</v>
      </c>
      <c r="E86" s="253" t="s">
        <v>3545</v>
      </c>
      <c r="F86" s="793">
        <v>44413</v>
      </c>
      <c r="H86" s="787" t="s">
        <v>10</v>
      </c>
      <c r="I86" s="787"/>
      <c r="J86" s="787">
        <v>2</v>
      </c>
      <c r="K86" s="787">
        <v>4</v>
      </c>
      <c r="L86" s="787">
        <v>0</v>
      </c>
      <c r="M86" s="787"/>
      <c r="N86" s="787"/>
      <c r="O86" s="787" t="s">
        <v>3544</v>
      </c>
      <c r="P86" s="787"/>
      <c r="Q86" s="787"/>
    </row>
    <row r="87" spans="1:17" s="245" customFormat="1" ht="120" customHeight="1">
      <c r="A87" s="618">
        <v>73</v>
      </c>
      <c r="B87" s="791" t="s">
        <v>3543</v>
      </c>
      <c r="C87" s="787" t="s">
        <v>27</v>
      </c>
      <c r="D87" s="787" t="s">
        <v>3542</v>
      </c>
      <c r="E87" s="792" t="s">
        <v>3541</v>
      </c>
      <c r="F87" s="793">
        <v>44444</v>
      </c>
      <c r="G87" s="787"/>
      <c r="H87" s="787" t="s">
        <v>10</v>
      </c>
      <c r="I87" s="787"/>
      <c r="J87" s="787">
        <v>2</v>
      </c>
      <c r="K87" s="787">
        <v>4</v>
      </c>
      <c r="L87" s="787">
        <v>0</v>
      </c>
      <c r="M87" s="787"/>
      <c r="N87" s="787"/>
      <c r="O87" s="787" t="s">
        <v>3540</v>
      </c>
      <c r="P87" s="787"/>
      <c r="Q87" s="787"/>
    </row>
    <row r="88" spans="1:17" s="245" customFormat="1" ht="120" customHeight="1">
      <c r="A88" s="618">
        <v>74</v>
      </c>
      <c r="B88" s="791" t="s">
        <v>3539</v>
      </c>
      <c r="C88" s="787" t="s">
        <v>27</v>
      </c>
      <c r="D88" s="787" t="s">
        <v>3538</v>
      </c>
      <c r="E88" s="792" t="s">
        <v>3537</v>
      </c>
      <c r="F88" s="793">
        <v>44371</v>
      </c>
      <c r="G88" s="793"/>
      <c r="H88" s="787" t="s">
        <v>10</v>
      </c>
      <c r="I88" s="787"/>
      <c r="J88" s="787">
        <v>1</v>
      </c>
      <c r="K88" s="787">
        <v>11</v>
      </c>
      <c r="L88" s="787">
        <v>0</v>
      </c>
      <c r="M88" s="787"/>
      <c r="N88" s="787"/>
      <c r="O88" s="787" t="s">
        <v>3536</v>
      </c>
      <c r="P88" s="787"/>
      <c r="Q88" s="787"/>
    </row>
    <row r="89" spans="1:17" s="245" customFormat="1" ht="120" customHeight="1">
      <c r="A89" s="618">
        <v>75</v>
      </c>
      <c r="B89" s="791" t="s">
        <v>3535</v>
      </c>
      <c r="C89" s="787" t="s">
        <v>27</v>
      </c>
      <c r="D89" s="787" t="s">
        <v>3534</v>
      </c>
      <c r="E89" s="792" t="s">
        <v>3533</v>
      </c>
      <c r="F89" s="793">
        <v>44531</v>
      </c>
      <c r="G89" s="793"/>
      <c r="H89" s="787" t="s">
        <v>10</v>
      </c>
      <c r="I89" s="787"/>
      <c r="J89" s="787">
        <v>2</v>
      </c>
      <c r="K89" s="787">
        <v>4</v>
      </c>
      <c r="L89" s="787">
        <v>0</v>
      </c>
      <c r="M89" s="787"/>
      <c r="N89" s="787"/>
      <c r="O89" s="787" t="s">
        <v>3532</v>
      </c>
      <c r="P89" s="787"/>
      <c r="Q89" s="787"/>
    </row>
    <row r="90" spans="1:17" s="245" customFormat="1" ht="120" customHeight="1">
      <c r="A90" s="618">
        <v>76</v>
      </c>
      <c r="B90" s="791" t="s">
        <v>3531</v>
      </c>
      <c r="C90" s="787" t="s">
        <v>27</v>
      </c>
      <c r="D90" s="787" t="s">
        <v>3530</v>
      </c>
      <c r="E90" s="792" t="s">
        <v>3529</v>
      </c>
      <c r="F90" s="793">
        <v>44023</v>
      </c>
      <c r="G90" s="793"/>
      <c r="H90" s="787" t="s">
        <v>10</v>
      </c>
      <c r="I90" s="787"/>
      <c r="J90" s="787">
        <v>5</v>
      </c>
      <c r="K90" s="787">
        <v>20</v>
      </c>
      <c r="L90" s="787">
        <v>0</v>
      </c>
      <c r="M90" s="787"/>
      <c r="N90" s="787"/>
      <c r="O90" s="787" t="s">
        <v>3528</v>
      </c>
      <c r="P90" s="787"/>
      <c r="Q90" s="787"/>
    </row>
    <row r="91" spans="1:17" s="245" customFormat="1" ht="120" customHeight="1">
      <c r="A91" s="618">
        <v>77</v>
      </c>
      <c r="B91" s="791" t="s">
        <v>3527</v>
      </c>
      <c r="C91" s="787" t="s">
        <v>27</v>
      </c>
      <c r="D91" s="787" t="s">
        <v>3526</v>
      </c>
      <c r="E91" s="792" t="s">
        <v>3525</v>
      </c>
      <c r="F91" s="793">
        <v>44677</v>
      </c>
      <c r="G91" s="787"/>
      <c r="H91" s="787" t="s">
        <v>10</v>
      </c>
      <c r="I91" s="787"/>
      <c r="J91" s="787">
        <v>1</v>
      </c>
      <c r="K91" s="787">
        <v>8</v>
      </c>
      <c r="L91" s="787">
        <v>0</v>
      </c>
      <c r="M91" s="787"/>
      <c r="N91" s="787"/>
      <c r="O91" s="787" t="s">
        <v>3524</v>
      </c>
      <c r="P91" s="787"/>
      <c r="Q91" s="787"/>
    </row>
    <row r="92" spans="1:17" s="245" customFormat="1" ht="120" customHeight="1">
      <c r="A92" s="618">
        <v>78</v>
      </c>
      <c r="B92" s="791" t="s">
        <v>3523</v>
      </c>
      <c r="C92" s="791" t="s">
        <v>27</v>
      </c>
      <c r="D92" s="791" t="s">
        <v>3520</v>
      </c>
      <c r="E92" s="803" t="s">
        <v>3519</v>
      </c>
      <c r="F92" s="793">
        <v>44013</v>
      </c>
      <c r="G92" s="793"/>
      <c r="H92" s="787" t="s">
        <v>10</v>
      </c>
      <c r="I92" s="787"/>
      <c r="J92" s="787">
        <v>3</v>
      </c>
      <c r="K92" s="787">
        <v>8</v>
      </c>
      <c r="L92" s="787">
        <v>0</v>
      </c>
      <c r="M92" s="787"/>
      <c r="N92" s="787"/>
      <c r="O92" s="787" t="s">
        <v>3522</v>
      </c>
      <c r="P92" s="787"/>
      <c r="Q92" s="787"/>
    </row>
    <row r="93" spans="1:17" s="245" customFormat="1" ht="120" customHeight="1">
      <c r="A93" s="618">
        <v>79</v>
      </c>
      <c r="B93" s="791" t="s">
        <v>3521</v>
      </c>
      <c r="C93" s="787" t="s">
        <v>27</v>
      </c>
      <c r="D93" s="787" t="s">
        <v>3520</v>
      </c>
      <c r="E93" s="792" t="s">
        <v>3519</v>
      </c>
      <c r="F93" s="793">
        <v>44013</v>
      </c>
      <c r="G93" s="793"/>
      <c r="H93" s="787" t="s">
        <v>10</v>
      </c>
      <c r="I93" s="787"/>
      <c r="J93" s="787">
        <v>1</v>
      </c>
      <c r="K93" s="787">
        <v>4</v>
      </c>
      <c r="L93" s="787">
        <v>0</v>
      </c>
      <c r="M93" s="787"/>
      <c r="N93" s="787"/>
      <c r="O93" s="787" t="s">
        <v>3518</v>
      </c>
      <c r="P93" s="787"/>
      <c r="Q93" s="787"/>
    </row>
    <row r="94" spans="1:17" s="245" customFormat="1" ht="120" customHeight="1">
      <c r="A94" s="618">
        <v>80</v>
      </c>
      <c r="B94" s="791" t="s">
        <v>3517</v>
      </c>
      <c r="C94" s="787" t="s">
        <v>27</v>
      </c>
      <c r="D94" s="787" t="s">
        <v>3516</v>
      </c>
      <c r="E94" s="253" t="s">
        <v>3515</v>
      </c>
      <c r="F94" s="793">
        <v>44173</v>
      </c>
      <c r="G94" s="793"/>
      <c r="H94" s="787" t="s">
        <v>10</v>
      </c>
      <c r="I94" s="787"/>
      <c r="J94" s="787">
        <v>2</v>
      </c>
      <c r="K94" s="787">
        <v>14</v>
      </c>
      <c r="L94" s="787">
        <v>0</v>
      </c>
      <c r="M94" s="787"/>
      <c r="N94" s="787"/>
      <c r="O94" s="787" t="s">
        <v>3514</v>
      </c>
      <c r="P94" s="787"/>
      <c r="Q94" s="787"/>
    </row>
    <row r="95" spans="1:17" s="245" customFormat="1" ht="120" customHeight="1">
      <c r="A95" s="618">
        <v>81</v>
      </c>
      <c r="B95" s="791" t="s">
        <v>3513</v>
      </c>
      <c r="C95" s="787" t="s">
        <v>27</v>
      </c>
      <c r="D95" s="787" t="s">
        <v>3512</v>
      </c>
      <c r="E95" s="792" t="s">
        <v>3511</v>
      </c>
      <c r="F95" s="793">
        <v>44694</v>
      </c>
      <c r="G95" s="787"/>
      <c r="H95" s="787" t="s">
        <v>10</v>
      </c>
      <c r="I95" s="787"/>
      <c r="J95" s="787">
        <v>2</v>
      </c>
      <c r="K95" s="787">
        <v>6</v>
      </c>
      <c r="L95" s="787">
        <v>0</v>
      </c>
      <c r="M95" s="787"/>
      <c r="N95" s="787"/>
      <c r="O95" s="787" t="s">
        <v>3510</v>
      </c>
      <c r="P95" s="787"/>
      <c r="Q95" s="787"/>
    </row>
    <row r="96" spans="1:17" s="245" customFormat="1" ht="120" customHeight="1">
      <c r="A96" s="618">
        <v>82</v>
      </c>
      <c r="B96" s="787" t="s">
        <v>3509</v>
      </c>
      <c r="C96" s="787" t="s">
        <v>27</v>
      </c>
      <c r="D96" s="800" t="s">
        <v>326</v>
      </c>
      <c r="E96" s="804" t="s">
        <v>3507</v>
      </c>
      <c r="F96" s="793">
        <v>44690</v>
      </c>
      <c r="G96" s="787" t="s">
        <v>156</v>
      </c>
      <c r="H96" s="787" t="s">
        <v>10</v>
      </c>
      <c r="I96" s="434"/>
      <c r="J96" s="245">
        <v>1</v>
      </c>
      <c r="K96" s="787">
        <v>6</v>
      </c>
      <c r="L96" s="787">
        <v>0</v>
      </c>
      <c r="M96" s="787"/>
      <c r="N96" s="787"/>
      <c r="O96" s="787" t="s">
        <v>3506</v>
      </c>
      <c r="P96" s="787"/>
      <c r="Q96" s="787" t="s">
        <v>3505</v>
      </c>
    </row>
    <row r="97" spans="1:17" s="245" customFormat="1" ht="120" customHeight="1">
      <c r="A97" s="618">
        <v>83</v>
      </c>
      <c r="B97" s="787" t="s">
        <v>3508</v>
      </c>
      <c r="C97" s="787" t="s">
        <v>27</v>
      </c>
      <c r="D97" s="800" t="s">
        <v>326</v>
      </c>
      <c r="E97" s="804" t="s">
        <v>3507</v>
      </c>
      <c r="F97" s="793">
        <v>44690</v>
      </c>
      <c r="G97" s="787" t="s">
        <v>156</v>
      </c>
      <c r="H97" s="787" t="s">
        <v>10</v>
      </c>
      <c r="I97" s="434"/>
      <c r="J97" s="245">
        <v>1</v>
      </c>
      <c r="K97" s="787">
        <v>6</v>
      </c>
      <c r="L97" s="787">
        <v>0</v>
      </c>
      <c r="M97" s="787"/>
      <c r="N97" s="787"/>
      <c r="O97" s="787" t="s">
        <v>3506</v>
      </c>
      <c r="P97" s="787"/>
      <c r="Q97" s="787" t="s">
        <v>3505</v>
      </c>
    </row>
    <row r="98" spans="1:17" s="245" customFormat="1" ht="120" customHeight="1">
      <c r="A98" s="618">
        <v>84</v>
      </c>
      <c r="B98" s="791" t="s">
        <v>3504</v>
      </c>
      <c r="C98" s="787" t="s">
        <v>27</v>
      </c>
      <c r="D98" s="787" t="s">
        <v>3503</v>
      </c>
      <c r="E98" s="792" t="s">
        <v>3502</v>
      </c>
      <c r="F98" s="793">
        <v>44692</v>
      </c>
      <c r="G98" s="787"/>
      <c r="H98" s="787"/>
      <c r="I98" s="787"/>
      <c r="J98" s="787">
        <v>2</v>
      </c>
      <c r="K98" s="787">
        <v>4</v>
      </c>
      <c r="L98" s="787">
        <v>0</v>
      </c>
      <c r="M98" s="787"/>
      <c r="N98" s="787"/>
      <c r="O98" s="787" t="s">
        <v>3501</v>
      </c>
      <c r="P98" s="787"/>
      <c r="Q98" s="787" t="s">
        <v>1134</v>
      </c>
    </row>
    <row r="99" spans="1:17" s="245" customFormat="1" ht="120" customHeight="1">
      <c r="A99" s="618">
        <v>85</v>
      </c>
      <c r="B99" s="791" t="s">
        <v>3500</v>
      </c>
      <c r="C99" s="787" t="s">
        <v>27</v>
      </c>
      <c r="D99" s="787" t="s">
        <v>3499</v>
      </c>
      <c r="E99" s="792" t="s">
        <v>3498</v>
      </c>
      <c r="F99" s="793">
        <v>44606</v>
      </c>
      <c r="G99" s="787"/>
      <c r="H99" s="787"/>
      <c r="I99" s="787"/>
      <c r="J99" s="787">
        <v>1</v>
      </c>
      <c r="K99" s="787">
        <v>4</v>
      </c>
      <c r="L99" s="787">
        <v>0</v>
      </c>
      <c r="M99" s="787">
        <v>2022</v>
      </c>
      <c r="N99" s="787"/>
      <c r="O99" s="787" t="s">
        <v>3497</v>
      </c>
      <c r="P99" s="787"/>
      <c r="Q99" s="787" t="s">
        <v>1307</v>
      </c>
    </row>
    <row r="100" spans="1:17" s="245" customFormat="1" ht="120" customHeight="1">
      <c r="A100" s="618">
        <v>86</v>
      </c>
      <c r="B100" s="791" t="s">
        <v>3496</v>
      </c>
      <c r="C100" s="787" t="s">
        <v>27</v>
      </c>
      <c r="D100" s="787" t="s">
        <v>3495</v>
      </c>
      <c r="E100" s="792" t="s">
        <v>3494</v>
      </c>
      <c r="F100" s="793">
        <v>44669</v>
      </c>
      <c r="G100" s="787"/>
      <c r="H100" s="787"/>
      <c r="I100" s="787"/>
      <c r="J100" s="787">
        <v>2</v>
      </c>
      <c r="K100" s="787">
        <v>6</v>
      </c>
      <c r="L100" s="787">
        <v>0</v>
      </c>
      <c r="M100" s="787"/>
      <c r="N100" s="787"/>
      <c r="O100" s="787" t="s">
        <v>3493</v>
      </c>
      <c r="P100" s="787"/>
      <c r="Q100" s="787" t="s">
        <v>1307</v>
      </c>
    </row>
    <row r="101" spans="1:17" s="245" customFormat="1" ht="120" customHeight="1">
      <c r="A101" s="618">
        <v>87</v>
      </c>
      <c r="B101" s="791" t="s">
        <v>3492</v>
      </c>
      <c r="C101" s="787" t="s">
        <v>27</v>
      </c>
      <c r="D101" s="787" t="s">
        <v>3491</v>
      </c>
      <c r="E101" s="792" t="s">
        <v>3490</v>
      </c>
      <c r="F101" s="793">
        <v>44712</v>
      </c>
      <c r="G101" s="787"/>
      <c r="H101" s="787"/>
      <c r="I101" s="787"/>
      <c r="J101" s="787">
        <v>2</v>
      </c>
      <c r="K101" s="787">
        <v>4</v>
      </c>
      <c r="L101" s="787">
        <v>0</v>
      </c>
      <c r="M101" s="787">
        <v>2022</v>
      </c>
      <c r="N101" s="787"/>
      <c r="O101" s="787" t="s">
        <v>3489</v>
      </c>
      <c r="P101" s="787"/>
      <c r="Q101" s="787" t="s">
        <v>1307</v>
      </c>
    </row>
    <row r="102" spans="1:17" s="245" customFormat="1" ht="120" customHeight="1">
      <c r="A102" s="618">
        <v>88</v>
      </c>
      <c r="B102" s="791" t="s">
        <v>3488</v>
      </c>
      <c r="C102" s="787" t="s">
        <v>27</v>
      </c>
      <c r="D102" s="787" t="s">
        <v>3487</v>
      </c>
      <c r="E102" s="792" t="s">
        <v>3486</v>
      </c>
      <c r="F102" s="793">
        <v>44086</v>
      </c>
      <c r="G102" s="787"/>
      <c r="H102" s="787"/>
      <c r="I102" s="787"/>
      <c r="J102" s="787">
        <v>2</v>
      </c>
      <c r="K102" s="787">
        <v>4</v>
      </c>
      <c r="L102" s="787">
        <v>0</v>
      </c>
      <c r="M102" s="787"/>
      <c r="N102" s="787"/>
      <c r="O102" s="787" t="s">
        <v>3485</v>
      </c>
      <c r="P102" s="787"/>
      <c r="Q102" s="787" t="s">
        <v>1307</v>
      </c>
    </row>
    <row r="103" spans="1:17" s="245" customFormat="1" ht="120" customHeight="1">
      <c r="A103" s="618">
        <v>89</v>
      </c>
      <c r="B103" s="791" t="s">
        <v>3484</v>
      </c>
      <c r="C103" s="787" t="s">
        <v>27</v>
      </c>
      <c r="D103" s="787" t="s">
        <v>3483</v>
      </c>
      <c r="E103" s="792" t="s">
        <v>3482</v>
      </c>
      <c r="F103" s="793">
        <v>44358</v>
      </c>
      <c r="G103" s="787"/>
      <c r="H103" s="787"/>
      <c r="I103" s="787"/>
      <c r="J103" s="787">
        <v>2</v>
      </c>
      <c r="K103" s="787">
        <v>12</v>
      </c>
      <c r="L103" s="787">
        <v>0</v>
      </c>
      <c r="M103" s="787"/>
      <c r="N103" s="787"/>
      <c r="O103" s="794" t="s">
        <v>4848</v>
      </c>
      <c r="P103" s="787"/>
      <c r="Q103" s="787" t="s">
        <v>1307</v>
      </c>
    </row>
    <row r="104" spans="1:17" s="245" customFormat="1" ht="120" customHeight="1">
      <c r="A104" s="618">
        <v>90</v>
      </c>
      <c r="B104" s="791" t="s">
        <v>3481</v>
      </c>
      <c r="C104" s="787" t="s">
        <v>27</v>
      </c>
      <c r="D104" s="787" t="s">
        <v>3480</v>
      </c>
      <c r="E104" s="792" t="s">
        <v>3479</v>
      </c>
      <c r="F104" s="793">
        <v>44124</v>
      </c>
      <c r="G104" s="787"/>
      <c r="H104" s="787"/>
      <c r="I104" s="787"/>
      <c r="J104" s="787">
        <v>3</v>
      </c>
      <c r="K104" s="787">
        <v>8</v>
      </c>
      <c r="L104" s="787">
        <v>0</v>
      </c>
      <c r="M104" s="787"/>
      <c r="N104" s="787"/>
      <c r="O104" s="787" t="s">
        <v>3478</v>
      </c>
      <c r="P104" s="787"/>
      <c r="Q104" s="787" t="s">
        <v>1307</v>
      </c>
    </row>
    <row r="105" spans="1:17" s="245" customFormat="1" ht="120" customHeight="1">
      <c r="A105" s="618">
        <v>91</v>
      </c>
      <c r="B105" s="791" t="s">
        <v>3477</v>
      </c>
      <c r="C105" s="787" t="s">
        <v>27</v>
      </c>
      <c r="D105" s="787" t="s">
        <v>3476</v>
      </c>
      <c r="E105" s="792" t="s">
        <v>3475</v>
      </c>
      <c r="F105" s="793">
        <v>44013</v>
      </c>
      <c r="G105" s="787"/>
      <c r="H105" s="787"/>
      <c r="I105" s="787"/>
      <c r="J105" s="787">
        <v>2</v>
      </c>
      <c r="K105" s="787">
        <v>4</v>
      </c>
      <c r="L105" s="787">
        <v>0</v>
      </c>
      <c r="M105" s="787"/>
      <c r="N105" s="787"/>
      <c r="O105" s="787" t="s">
        <v>3474</v>
      </c>
      <c r="P105" s="787"/>
      <c r="Q105" s="787" t="s">
        <v>1307</v>
      </c>
    </row>
    <row r="106" spans="1:17" s="245" customFormat="1" ht="120" customHeight="1">
      <c r="A106" s="618">
        <v>92</v>
      </c>
      <c r="B106" s="791" t="s">
        <v>3473</v>
      </c>
      <c r="C106" s="787" t="s">
        <v>27</v>
      </c>
      <c r="D106" s="787" t="s">
        <v>3472</v>
      </c>
      <c r="E106" s="792" t="s">
        <v>3471</v>
      </c>
      <c r="F106" s="793">
        <v>44885</v>
      </c>
      <c r="G106" s="787"/>
      <c r="H106" s="787" t="s">
        <v>10</v>
      </c>
      <c r="I106" s="787"/>
      <c r="J106" s="787">
        <v>3</v>
      </c>
      <c r="K106" s="787">
        <v>8</v>
      </c>
      <c r="L106" s="787">
        <v>0</v>
      </c>
      <c r="M106" s="787">
        <v>2022</v>
      </c>
      <c r="N106" s="787"/>
      <c r="O106" s="787"/>
      <c r="P106" s="787"/>
      <c r="Q106" s="787" t="s">
        <v>3470</v>
      </c>
    </row>
    <row r="107" spans="1:17" s="245" customFormat="1" ht="120" customHeight="1">
      <c r="A107" s="618">
        <v>93</v>
      </c>
      <c r="B107" s="791" t="s">
        <v>3469</v>
      </c>
      <c r="C107" s="787" t="s">
        <v>27</v>
      </c>
      <c r="D107" s="787" t="s">
        <v>3468</v>
      </c>
      <c r="E107" s="792" t="s">
        <v>3467</v>
      </c>
      <c r="F107" s="793">
        <v>44404</v>
      </c>
      <c r="G107" s="787"/>
      <c r="H107" s="787"/>
      <c r="I107" s="787"/>
      <c r="J107" s="787">
        <v>2</v>
      </c>
      <c r="K107" s="787">
        <v>5</v>
      </c>
      <c r="L107" s="787">
        <v>0</v>
      </c>
      <c r="M107" s="787"/>
      <c r="N107" s="787"/>
      <c r="O107" s="787" t="s">
        <v>3466</v>
      </c>
      <c r="P107" s="787"/>
      <c r="Q107" s="787" t="s">
        <v>1134</v>
      </c>
    </row>
    <row r="108" spans="1:17" s="245" customFormat="1" ht="47.25">
      <c r="A108" s="618">
        <v>94</v>
      </c>
      <c r="B108" s="787" t="s">
        <v>3465</v>
      </c>
      <c r="C108" s="787" t="s">
        <v>27</v>
      </c>
      <c r="D108" s="787" t="s">
        <v>3464</v>
      </c>
      <c r="E108" s="792" t="s">
        <v>3463</v>
      </c>
      <c r="F108" s="793">
        <v>44648</v>
      </c>
      <c r="G108" s="787"/>
      <c r="H108" s="794" t="s">
        <v>4849</v>
      </c>
      <c r="I108" s="794"/>
      <c r="J108" s="787">
        <v>2</v>
      </c>
      <c r="K108" s="787">
        <v>13</v>
      </c>
      <c r="L108" s="787">
        <v>0</v>
      </c>
      <c r="M108" s="787">
        <v>2020</v>
      </c>
      <c r="N108" s="787"/>
      <c r="O108" s="787" t="s">
        <v>3462</v>
      </c>
      <c r="P108" s="787"/>
      <c r="Q108" s="787" t="s">
        <v>1307</v>
      </c>
    </row>
    <row r="109" spans="1:17" s="245" customFormat="1" ht="220.5">
      <c r="A109" s="618">
        <v>95</v>
      </c>
      <c r="B109" s="787" t="s">
        <v>3461</v>
      </c>
      <c r="C109" s="787" t="s">
        <v>27</v>
      </c>
      <c r="D109" s="787" t="s">
        <v>3460</v>
      </c>
      <c r="E109" s="792" t="s">
        <v>3459</v>
      </c>
      <c r="F109" s="793">
        <v>44760</v>
      </c>
      <c r="G109" s="787"/>
      <c r="H109" s="787"/>
      <c r="I109" s="787"/>
      <c r="J109" s="787">
        <v>7</v>
      </c>
      <c r="K109" s="787">
        <v>15</v>
      </c>
      <c r="L109" s="787">
        <v>0</v>
      </c>
      <c r="M109" s="787">
        <v>2023</v>
      </c>
      <c r="N109" s="787"/>
      <c r="O109" s="787" t="s">
        <v>3458</v>
      </c>
      <c r="P109" s="787"/>
      <c r="Q109" s="787" t="s">
        <v>1307</v>
      </c>
    </row>
    <row r="110" spans="1:17" s="245" customFormat="1" ht="120" customHeight="1">
      <c r="A110" s="618">
        <v>96</v>
      </c>
      <c r="B110" s="791" t="s">
        <v>3457</v>
      </c>
      <c r="C110" s="787" t="s">
        <v>179</v>
      </c>
      <c r="D110" s="787" t="s">
        <v>3456</v>
      </c>
      <c r="E110" s="792" t="s">
        <v>3455</v>
      </c>
      <c r="F110" s="793">
        <v>43664</v>
      </c>
      <c r="G110" s="793" t="s">
        <v>63</v>
      </c>
      <c r="H110" s="794" t="s">
        <v>4830</v>
      </c>
      <c r="I110" s="794"/>
      <c r="J110" s="787">
        <v>8</v>
      </c>
      <c r="K110" s="787">
        <v>26</v>
      </c>
      <c r="L110" s="787">
        <v>1</v>
      </c>
      <c r="M110" s="787"/>
      <c r="N110" s="787"/>
      <c r="O110" s="787" t="s">
        <v>3454</v>
      </c>
      <c r="P110" s="787"/>
      <c r="Q110" s="787"/>
    </row>
    <row r="111" spans="1:17" s="245" customFormat="1" ht="120" customHeight="1">
      <c r="A111" s="618">
        <v>97</v>
      </c>
      <c r="B111" s="791" t="s">
        <v>3453</v>
      </c>
      <c r="C111" s="787" t="s">
        <v>179</v>
      </c>
      <c r="D111" s="787" t="s">
        <v>3448</v>
      </c>
      <c r="E111" s="792" t="s">
        <v>3447</v>
      </c>
      <c r="F111" s="793">
        <v>42558</v>
      </c>
      <c r="G111" s="787" t="s">
        <v>395</v>
      </c>
      <c r="H111" s="794" t="s">
        <v>4836</v>
      </c>
      <c r="I111" s="794"/>
      <c r="J111" s="787">
        <v>1</v>
      </c>
      <c r="K111" s="787">
        <v>17</v>
      </c>
      <c r="L111" s="787">
        <v>1</v>
      </c>
      <c r="M111" s="787"/>
      <c r="N111" s="787"/>
      <c r="O111" s="787" t="s">
        <v>3452</v>
      </c>
      <c r="P111" s="787"/>
      <c r="Q111" s="787"/>
    </row>
    <row r="112" spans="1:17" s="245" customFormat="1" ht="120" customHeight="1">
      <c r="A112" s="618">
        <v>98</v>
      </c>
      <c r="B112" s="791" t="s">
        <v>3451</v>
      </c>
      <c r="C112" s="787" t="s">
        <v>179</v>
      </c>
      <c r="D112" s="787" t="s">
        <v>3448</v>
      </c>
      <c r="E112" s="792" t="s">
        <v>3447</v>
      </c>
      <c r="F112" s="793">
        <v>42558</v>
      </c>
      <c r="G112" s="787" t="s">
        <v>395</v>
      </c>
      <c r="H112" s="787" t="s">
        <v>3450</v>
      </c>
      <c r="I112" s="787"/>
      <c r="J112" s="787">
        <v>9</v>
      </c>
      <c r="K112" s="787">
        <v>33</v>
      </c>
      <c r="L112" s="787">
        <v>1</v>
      </c>
      <c r="M112" s="787"/>
      <c r="N112" s="787"/>
      <c r="O112" s="787"/>
      <c r="P112" s="787"/>
      <c r="Q112" s="787"/>
    </row>
    <row r="113" spans="1:17" s="245" customFormat="1" ht="120" customHeight="1">
      <c r="A113" s="618">
        <v>99</v>
      </c>
      <c r="B113" s="791" t="s">
        <v>3449</v>
      </c>
      <c r="C113" s="787" t="s">
        <v>179</v>
      </c>
      <c r="D113" s="787" t="s">
        <v>3448</v>
      </c>
      <c r="E113" s="792" t="s">
        <v>3447</v>
      </c>
      <c r="F113" s="793">
        <v>42558</v>
      </c>
      <c r="G113" s="787" t="s">
        <v>395</v>
      </c>
      <c r="H113" s="787" t="s">
        <v>3446</v>
      </c>
      <c r="I113" s="787"/>
      <c r="J113" s="787">
        <v>5</v>
      </c>
      <c r="K113" s="787">
        <v>23</v>
      </c>
      <c r="L113" s="787">
        <v>1</v>
      </c>
      <c r="M113" s="787"/>
      <c r="N113" s="787"/>
      <c r="O113" s="787"/>
      <c r="P113" s="787"/>
      <c r="Q113" s="787"/>
    </row>
    <row r="114" spans="1:17" s="245" customFormat="1" ht="120" customHeight="1">
      <c r="A114" s="618">
        <v>100</v>
      </c>
      <c r="B114" s="791" t="s">
        <v>3445</v>
      </c>
      <c r="C114" s="787" t="s">
        <v>179</v>
      </c>
      <c r="D114" s="787" t="s">
        <v>3444</v>
      </c>
      <c r="E114" s="792" t="s">
        <v>3443</v>
      </c>
      <c r="F114" s="793">
        <v>41568</v>
      </c>
      <c r="G114" s="787" t="s">
        <v>1148</v>
      </c>
      <c r="H114" s="794" t="s">
        <v>4850</v>
      </c>
      <c r="I114" s="794"/>
      <c r="J114" s="787">
        <v>6</v>
      </c>
      <c r="K114" s="787">
        <v>12</v>
      </c>
      <c r="L114" s="787">
        <v>15</v>
      </c>
      <c r="M114" s="787"/>
      <c r="N114" s="787"/>
      <c r="O114" s="787" t="s">
        <v>3442</v>
      </c>
      <c r="P114" s="787"/>
      <c r="Q114" s="787" t="s">
        <v>3441</v>
      </c>
    </row>
    <row r="115" spans="1:17" s="245" customFormat="1" ht="96" customHeight="1">
      <c r="A115" s="618">
        <v>101</v>
      </c>
      <c r="B115" s="791" t="s">
        <v>3440</v>
      </c>
      <c r="C115" s="787" t="s">
        <v>179</v>
      </c>
      <c r="D115" s="787" t="s">
        <v>3436</v>
      </c>
      <c r="E115" s="792" t="s">
        <v>3435</v>
      </c>
      <c r="F115" s="793">
        <v>37557</v>
      </c>
      <c r="G115" s="787" t="s">
        <v>926</v>
      </c>
      <c r="H115" s="787" t="s">
        <v>10</v>
      </c>
      <c r="I115" s="787"/>
      <c r="J115" s="787">
        <v>1</v>
      </c>
      <c r="K115" s="787">
        <v>4</v>
      </c>
      <c r="L115" s="787">
        <v>1</v>
      </c>
      <c r="M115" s="787"/>
      <c r="N115" s="787"/>
      <c r="O115" s="787" t="s">
        <v>3434</v>
      </c>
      <c r="P115" s="787"/>
      <c r="Q115" s="787"/>
    </row>
    <row r="116" spans="1:17" s="245" customFormat="1" ht="96" customHeight="1">
      <c r="A116" s="618">
        <v>102</v>
      </c>
      <c r="B116" s="791" t="s">
        <v>3439</v>
      </c>
      <c r="C116" s="787" t="s">
        <v>179</v>
      </c>
      <c r="D116" s="787" t="s">
        <v>3436</v>
      </c>
      <c r="E116" s="792" t="s">
        <v>3435</v>
      </c>
      <c r="F116" s="793">
        <v>37557</v>
      </c>
      <c r="G116" s="787" t="s">
        <v>926</v>
      </c>
      <c r="H116" s="787" t="s">
        <v>10</v>
      </c>
      <c r="I116" s="787"/>
      <c r="J116" s="787">
        <v>1</v>
      </c>
      <c r="K116" s="787">
        <v>4</v>
      </c>
      <c r="L116" s="787">
        <v>1</v>
      </c>
      <c r="M116" s="787"/>
      <c r="N116" s="787"/>
      <c r="O116" s="787" t="s">
        <v>3434</v>
      </c>
      <c r="P116" s="787"/>
      <c r="Q116" s="787"/>
    </row>
    <row r="117" spans="1:17" s="245" customFormat="1" ht="96" customHeight="1">
      <c r="A117" s="618">
        <v>103</v>
      </c>
      <c r="B117" s="791" t="s">
        <v>3438</v>
      </c>
      <c r="C117" s="787" t="s">
        <v>179</v>
      </c>
      <c r="D117" s="787" t="s">
        <v>3436</v>
      </c>
      <c r="E117" s="792" t="s">
        <v>3435</v>
      </c>
      <c r="F117" s="793">
        <v>37557</v>
      </c>
      <c r="G117" s="787" t="s">
        <v>926</v>
      </c>
      <c r="H117" s="787" t="s">
        <v>10</v>
      </c>
      <c r="I117" s="787"/>
      <c r="J117" s="787">
        <v>1</v>
      </c>
      <c r="K117" s="787">
        <v>4</v>
      </c>
      <c r="L117" s="787">
        <v>1</v>
      </c>
      <c r="M117" s="787"/>
      <c r="N117" s="787"/>
      <c r="O117" s="787" t="s">
        <v>3434</v>
      </c>
      <c r="P117" s="787"/>
      <c r="Q117" s="787"/>
    </row>
    <row r="118" spans="1:17" s="245" customFormat="1" ht="96" customHeight="1">
      <c r="A118" s="618">
        <v>104</v>
      </c>
      <c r="B118" s="791" t="s">
        <v>3437</v>
      </c>
      <c r="C118" s="787" t="s">
        <v>179</v>
      </c>
      <c r="D118" s="787" t="s">
        <v>3436</v>
      </c>
      <c r="E118" s="792" t="s">
        <v>3435</v>
      </c>
      <c r="F118" s="793">
        <v>37557</v>
      </c>
      <c r="G118" s="787" t="s">
        <v>926</v>
      </c>
      <c r="H118" s="787" t="s">
        <v>10</v>
      </c>
      <c r="I118" s="787"/>
      <c r="J118" s="787">
        <v>1</v>
      </c>
      <c r="K118" s="787">
        <v>4</v>
      </c>
      <c r="L118" s="787">
        <v>1</v>
      </c>
      <c r="M118" s="787"/>
      <c r="N118" s="787"/>
      <c r="O118" s="787" t="s">
        <v>3434</v>
      </c>
      <c r="P118" s="787"/>
      <c r="Q118" s="787"/>
    </row>
    <row r="119" spans="1:17" s="245" customFormat="1" ht="120" customHeight="1">
      <c r="A119" s="618">
        <v>105</v>
      </c>
      <c r="B119" s="791" t="s">
        <v>3433</v>
      </c>
      <c r="C119" s="787" t="s">
        <v>15</v>
      </c>
      <c r="D119" s="787" t="s">
        <v>3432</v>
      </c>
      <c r="E119" s="253" t="s">
        <v>3431</v>
      </c>
      <c r="F119" s="793">
        <v>43598</v>
      </c>
      <c r="G119" s="787" t="s">
        <v>125</v>
      </c>
      <c r="H119" s="794" t="s">
        <v>4851</v>
      </c>
      <c r="I119" s="794"/>
      <c r="J119" s="787">
        <v>16</v>
      </c>
      <c r="K119" s="787">
        <v>32</v>
      </c>
      <c r="L119" s="787">
        <v>9</v>
      </c>
      <c r="M119" s="787"/>
      <c r="N119" s="787"/>
      <c r="O119" s="787" t="s">
        <v>3430</v>
      </c>
      <c r="P119" s="787"/>
      <c r="Q119" s="787"/>
    </row>
    <row r="120" spans="1:17" s="245" customFormat="1" ht="120" customHeight="1">
      <c r="A120" s="618">
        <v>106</v>
      </c>
      <c r="B120" s="791" t="s">
        <v>3429</v>
      </c>
      <c r="C120" s="787" t="s">
        <v>179</v>
      </c>
      <c r="D120" s="787" t="s">
        <v>3428</v>
      </c>
      <c r="E120" s="792" t="s">
        <v>3427</v>
      </c>
      <c r="F120" s="793">
        <v>44123</v>
      </c>
      <c r="G120" s="793" t="s">
        <v>63</v>
      </c>
      <c r="H120" s="787" t="s">
        <v>3426</v>
      </c>
      <c r="I120" s="787"/>
      <c r="J120" s="805">
        <v>35</v>
      </c>
      <c r="K120" s="787">
        <v>70</v>
      </c>
      <c r="L120" s="787">
        <v>75</v>
      </c>
      <c r="M120" s="787"/>
      <c r="N120" s="787"/>
      <c r="O120" s="787" t="s">
        <v>3425</v>
      </c>
      <c r="P120" s="787"/>
      <c r="Q120" s="787"/>
    </row>
    <row r="121" spans="1:17" s="245" customFormat="1" ht="120" customHeight="1">
      <c r="A121" s="618">
        <v>107</v>
      </c>
      <c r="B121" s="791" t="s">
        <v>3424</v>
      </c>
      <c r="C121" s="787" t="s">
        <v>179</v>
      </c>
      <c r="D121" s="787" t="s">
        <v>3423</v>
      </c>
      <c r="E121" s="792" t="s">
        <v>3422</v>
      </c>
      <c r="F121" s="793">
        <v>41060</v>
      </c>
      <c r="G121" s="793" t="s">
        <v>3421</v>
      </c>
      <c r="H121" s="787" t="s">
        <v>3420</v>
      </c>
      <c r="I121" s="787"/>
      <c r="J121" s="787">
        <v>16</v>
      </c>
      <c r="K121" s="787">
        <v>44</v>
      </c>
      <c r="L121" s="787">
        <v>5</v>
      </c>
      <c r="M121" s="787"/>
      <c r="N121" s="787"/>
      <c r="O121" s="787" t="s">
        <v>3419</v>
      </c>
      <c r="P121" s="787"/>
      <c r="Q121" s="787"/>
    </row>
    <row r="122" spans="1:17" s="245" customFormat="1" ht="120" customHeight="1">
      <c r="A122" s="618">
        <v>108</v>
      </c>
      <c r="B122" s="806" t="s">
        <v>4852</v>
      </c>
      <c r="C122" s="807" t="s">
        <v>179</v>
      </c>
      <c r="D122" s="807" t="s">
        <v>3418</v>
      </c>
      <c r="E122" s="808" t="s">
        <v>3417</v>
      </c>
      <c r="F122" s="809">
        <v>41044</v>
      </c>
      <c r="G122" s="809" t="s">
        <v>2228</v>
      </c>
      <c r="H122" s="807" t="s">
        <v>4853</v>
      </c>
      <c r="I122" s="807"/>
      <c r="J122" s="807">
        <v>23</v>
      </c>
      <c r="K122" s="807"/>
      <c r="L122" s="807"/>
      <c r="M122" s="807"/>
      <c r="N122" s="807"/>
      <c r="O122" s="807"/>
      <c r="P122" s="807"/>
      <c r="Q122" s="807" t="s">
        <v>4854</v>
      </c>
    </row>
    <row r="123" spans="1:17" s="245" customFormat="1" ht="120" customHeight="1">
      <c r="A123" s="618">
        <v>109</v>
      </c>
      <c r="B123" s="791" t="s">
        <v>4855</v>
      </c>
      <c r="C123" s="787" t="s">
        <v>179</v>
      </c>
      <c r="D123" s="787" t="s">
        <v>3418</v>
      </c>
      <c r="E123" s="792" t="s">
        <v>3417</v>
      </c>
      <c r="F123" s="792" t="s">
        <v>3416</v>
      </c>
      <c r="G123" s="787" t="s">
        <v>2228</v>
      </c>
      <c r="H123" s="794" t="s">
        <v>4856</v>
      </c>
      <c r="I123" s="794"/>
      <c r="J123" s="805">
        <v>17</v>
      </c>
      <c r="K123" s="787">
        <v>102</v>
      </c>
      <c r="L123" s="787">
        <v>71</v>
      </c>
      <c r="M123" s="787"/>
      <c r="N123" s="787" t="s">
        <v>3415</v>
      </c>
      <c r="O123" s="787" t="s">
        <v>3414</v>
      </c>
      <c r="P123" s="787" t="s">
        <v>3413</v>
      </c>
      <c r="Q123" s="787"/>
    </row>
    <row r="124" spans="1:17" s="245" customFormat="1" ht="120" customHeight="1">
      <c r="A124" s="618">
        <v>110</v>
      </c>
      <c r="B124" s="791" t="s">
        <v>3412</v>
      </c>
      <c r="C124" s="787" t="s">
        <v>179</v>
      </c>
      <c r="D124" s="787" t="s">
        <v>3411</v>
      </c>
      <c r="E124" s="792" t="s">
        <v>3410</v>
      </c>
      <c r="F124" s="793">
        <v>43803</v>
      </c>
      <c r="G124" s="793" t="s">
        <v>63</v>
      </c>
      <c r="H124" s="787" t="s">
        <v>3409</v>
      </c>
      <c r="I124" s="787"/>
      <c r="J124" s="787">
        <v>13</v>
      </c>
      <c r="K124" s="787">
        <v>42</v>
      </c>
      <c r="L124" s="787">
        <v>35</v>
      </c>
      <c r="M124" s="787"/>
      <c r="N124" s="787"/>
      <c r="O124" s="787" t="s">
        <v>3408</v>
      </c>
      <c r="P124" s="787"/>
      <c r="Q124" s="787"/>
    </row>
    <row r="125" spans="1:17" s="245" customFormat="1" ht="120" customHeight="1">
      <c r="A125" s="618">
        <v>111</v>
      </c>
      <c r="B125" s="791" t="s">
        <v>3407</v>
      </c>
      <c r="C125" s="787" t="s">
        <v>179</v>
      </c>
      <c r="D125" s="787" t="s">
        <v>3406</v>
      </c>
      <c r="E125" s="792" t="s">
        <v>3405</v>
      </c>
      <c r="F125" s="793">
        <v>41904</v>
      </c>
      <c r="G125" s="793" t="s">
        <v>63</v>
      </c>
      <c r="H125" s="787" t="s">
        <v>3404</v>
      </c>
      <c r="I125" s="787"/>
      <c r="J125" s="787">
        <v>19</v>
      </c>
      <c r="K125" s="787">
        <v>38</v>
      </c>
      <c r="L125" s="787">
        <v>10</v>
      </c>
      <c r="M125" s="787"/>
      <c r="N125" s="787"/>
      <c r="O125" s="787" t="s">
        <v>3403</v>
      </c>
      <c r="P125" s="787"/>
      <c r="Q125" s="787"/>
    </row>
    <row r="126" spans="1:17" s="245" customFormat="1" ht="120" customHeight="1">
      <c r="A126" s="618">
        <v>112</v>
      </c>
      <c r="B126" s="791" t="s">
        <v>3402</v>
      </c>
      <c r="C126" s="787" t="s">
        <v>179</v>
      </c>
      <c r="D126" s="787" t="s">
        <v>3401</v>
      </c>
      <c r="E126" s="792" t="s">
        <v>3400</v>
      </c>
      <c r="F126" s="793">
        <v>39028</v>
      </c>
      <c r="G126" s="787" t="s">
        <v>395</v>
      </c>
      <c r="H126" s="787" t="s">
        <v>3399</v>
      </c>
      <c r="I126" s="787"/>
      <c r="J126" s="787">
        <v>37</v>
      </c>
      <c r="K126" s="787">
        <v>93</v>
      </c>
      <c r="L126" s="787">
        <v>35</v>
      </c>
      <c r="M126" s="787"/>
      <c r="N126" s="787"/>
      <c r="O126" s="787" t="s">
        <v>3398</v>
      </c>
      <c r="P126" s="787"/>
      <c r="Q126" s="787"/>
    </row>
    <row r="127" spans="1:17" s="245" customFormat="1" ht="120" customHeight="1">
      <c r="A127" s="618">
        <v>113</v>
      </c>
      <c r="B127" s="791" t="s">
        <v>3397</v>
      </c>
      <c r="C127" s="787" t="s">
        <v>179</v>
      </c>
      <c r="D127" s="787" t="s">
        <v>3396</v>
      </c>
      <c r="E127" s="792" t="s">
        <v>3395</v>
      </c>
      <c r="F127" s="793">
        <v>41456</v>
      </c>
      <c r="G127" s="787" t="s">
        <v>4128</v>
      </c>
      <c r="H127" s="794" t="s">
        <v>4857</v>
      </c>
      <c r="I127" s="794"/>
      <c r="J127" s="787">
        <v>10</v>
      </c>
      <c r="K127" s="787">
        <v>50</v>
      </c>
      <c r="L127" s="787">
        <v>1</v>
      </c>
      <c r="M127" s="787"/>
      <c r="N127" s="787"/>
      <c r="O127" s="787" t="s">
        <v>3394</v>
      </c>
      <c r="P127" s="794" t="s">
        <v>4858</v>
      </c>
      <c r="Q127" s="787"/>
    </row>
    <row r="128" spans="1:17" s="245" customFormat="1" ht="120" customHeight="1">
      <c r="A128" s="618">
        <v>114</v>
      </c>
      <c r="B128" s="791" t="s">
        <v>3393</v>
      </c>
      <c r="C128" s="787" t="s">
        <v>179</v>
      </c>
      <c r="D128" s="787" t="s">
        <v>3392</v>
      </c>
      <c r="E128" s="792" t="s">
        <v>3391</v>
      </c>
      <c r="F128" s="793">
        <v>42838</v>
      </c>
      <c r="G128" s="793" t="s">
        <v>63</v>
      </c>
      <c r="H128" s="787" t="s">
        <v>3390</v>
      </c>
      <c r="I128" s="787"/>
      <c r="J128" s="787">
        <v>61</v>
      </c>
      <c r="K128" s="787">
        <v>122</v>
      </c>
      <c r="L128" s="787">
        <v>61</v>
      </c>
      <c r="M128" s="787"/>
      <c r="N128" s="787"/>
      <c r="O128" s="787" t="s">
        <v>3389</v>
      </c>
      <c r="P128" s="787"/>
      <c r="Q128" s="787"/>
    </row>
    <row r="129" spans="1:20" s="245" customFormat="1" ht="120" customHeight="1">
      <c r="A129" s="618">
        <v>115</v>
      </c>
      <c r="B129" s="791" t="s">
        <v>3388</v>
      </c>
      <c r="C129" s="787" t="s">
        <v>4193</v>
      </c>
      <c r="D129" s="787" t="s">
        <v>4859</v>
      </c>
      <c r="E129" s="792" t="s">
        <v>4860</v>
      </c>
      <c r="F129" s="793">
        <v>41618</v>
      </c>
      <c r="G129" s="787" t="s">
        <v>125</v>
      </c>
      <c r="H129" s="787" t="s">
        <v>3387</v>
      </c>
      <c r="I129" s="787"/>
      <c r="J129" s="787">
        <v>20</v>
      </c>
      <c r="K129" s="787">
        <v>41</v>
      </c>
      <c r="L129" s="787">
        <v>8</v>
      </c>
      <c r="M129" s="787"/>
      <c r="N129" s="787"/>
      <c r="O129" s="787" t="s">
        <v>3386</v>
      </c>
      <c r="P129" s="787"/>
      <c r="Q129" s="787"/>
    </row>
    <row r="130" spans="1:20" s="245" customFormat="1" ht="120" customHeight="1">
      <c r="A130" s="618">
        <v>116</v>
      </c>
      <c r="B130" s="791" t="s">
        <v>3385</v>
      </c>
      <c r="C130" s="787" t="s">
        <v>179</v>
      </c>
      <c r="D130" s="787" t="s">
        <v>3377</v>
      </c>
      <c r="E130" s="792" t="s">
        <v>3384</v>
      </c>
      <c r="F130" s="793">
        <v>37965</v>
      </c>
      <c r="G130" s="787" t="s">
        <v>125</v>
      </c>
      <c r="H130" s="787" t="s">
        <v>3383</v>
      </c>
      <c r="I130" s="787"/>
      <c r="J130" s="787">
        <v>15</v>
      </c>
      <c r="K130" s="787">
        <v>138</v>
      </c>
      <c r="L130" s="787">
        <v>55</v>
      </c>
      <c r="M130" s="787"/>
      <c r="N130" s="787">
        <v>16</v>
      </c>
      <c r="O130" s="787" t="s">
        <v>3382</v>
      </c>
      <c r="P130" s="787"/>
      <c r="Q130" s="787"/>
    </row>
    <row r="131" spans="1:20" s="245" customFormat="1" ht="120" customHeight="1">
      <c r="A131" s="618">
        <v>117</v>
      </c>
      <c r="B131" s="810" t="s">
        <v>4861</v>
      </c>
      <c r="C131" s="787" t="s">
        <v>179</v>
      </c>
      <c r="D131" s="810" t="s">
        <v>4862</v>
      </c>
      <c r="E131" s="811" t="s">
        <v>3384</v>
      </c>
      <c r="F131" s="812">
        <v>37965</v>
      </c>
      <c r="G131" s="787" t="s">
        <v>125</v>
      </c>
      <c r="H131" s="813" t="s">
        <v>4863</v>
      </c>
      <c r="I131" s="813"/>
      <c r="J131" s="787">
        <v>30</v>
      </c>
      <c r="K131" s="787">
        <v>60</v>
      </c>
      <c r="L131" s="787"/>
      <c r="M131" s="787"/>
      <c r="N131" s="787"/>
      <c r="O131" s="787" t="s">
        <v>3377</v>
      </c>
      <c r="P131" s="787"/>
      <c r="Q131" s="787"/>
    </row>
    <row r="132" spans="1:20" s="245" customFormat="1" ht="120" customHeight="1">
      <c r="A132" s="618">
        <v>118</v>
      </c>
      <c r="B132" s="791" t="s">
        <v>3381</v>
      </c>
      <c r="C132" s="787" t="s">
        <v>179</v>
      </c>
      <c r="D132" s="791" t="s">
        <v>3380</v>
      </c>
      <c r="E132" s="803" t="s">
        <v>3379</v>
      </c>
      <c r="F132" s="793" t="s">
        <v>3378</v>
      </c>
      <c r="G132" s="787" t="s">
        <v>125</v>
      </c>
      <c r="H132" s="794" t="s">
        <v>4864</v>
      </c>
      <c r="I132" s="794"/>
      <c r="J132" s="787">
        <v>44</v>
      </c>
      <c r="K132" s="787">
        <v>88</v>
      </c>
      <c r="L132" s="787"/>
      <c r="M132" s="787"/>
      <c r="N132" s="787"/>
      <c r="O132" s="787" t="s">
        <v>3377</v>
      </c>
      <c r="P132" s="787"/>
      <c r="Q132" s="787"/>
    </row>
    <row r="133" spans="1:20" s="245" customFormat="1" ht="120" customHeight="1">
      <c r="A133" s="618">
        <v>119</v>
      </c>
      <c r="B133" s="791" t="s">
        <v>4865</v>
      </c>
      <c r="C133" s="787" t="s">
        <v>179</v>
      </c>
      <c r="D133" s="787" t="s">
        <v>3377</v>
      </c>
      <c r="E133" s="803" t="s">
        <v>3384</v>
      </c>
      <c r="F133" s="793">
        <v>37965</v>
      </c>
      <c r="G133" s="787"/>
      <c r="H133" s="794" t="s">
        <v>4866</v>
      </c>
      <c r="I133" s="794"/>
      <c r="J133" s="794" t="s">
        <v>4867</v>
      </c>
      <c r="K133" s="787"/>
      <c r="L133" s="787"/>
      <c r="M133" s="787"/>
      <c r="N133" s="787"/>
      <c r="O133" s="787"/>
      <c r="P133" s="787"/>
      <c r="Q133" s="787"/>
    </row>
    <row r="134" spans="1:20" s="245" customFormat="1" ht="120" customHeight="1">
      <c r="A134" s="618">
        <v>120</v>
      </c>
      <c r="B134" s="791" t="s">
        <v>3376</v>
      </c>
      <c r="C134" s="787" t="s">
        <v>179</v>
      </c>
      <c r="D134" s="791" t="s">
        <v>3375</v>
      </c>
      <c r="E134" s="803" t="s">
        <v>3374</v>
      </c>
      <c r="F134" s="793">
        <v>37615</v>
      </c>
      <c r="G134" s="793" t="s">
        <v>63</v>
      </c>
      <c r="H134" s="787" t="s">
        <v>3373</v>
      </c>
      <c r="I134" s="787"/>
      <c r="J134" s="787">
        <v>37</v>
      </c>
      <c r="K134" s="787">
        <v>75</v>
      </c>
      <c r="L134" s="787">
        <v>38</v>
      </c>
      <c r="M134" s="787"/>
      <c r="N134" s="787"/>
      <c r="O134" s="787" t="s">
        <v>3372</v>
      </c>
      <c r="P134" s="787"/>
      <c r="Q134" s="787"/>
    </row>
    <row r="135" spans="1:20" s="245" customFormat="1" ht="120" customHeight="1">
      <c r="A135" s="618">
        <v>121</v>
      </c>
      <c r="B135" s="791" t="s">
        <v>3371</v>
      </c>
      <c r="C135" s="787" t="s">
        <v>179</v>
      </c>
      <c r="D135" s="787" t="s">
        <v>3370</v>
      </c>
      <c r="E135" s="792" t="s">
        <v>3369</v>
      </c>
      <c r="F135" s="793">
        <v>41604</v>
      </c>
      <c r="G135" s="787" t="s">
        <v>4129</v>
      </c>
      <c r="H135" s="794" t="s">
        <v>3368</v>
      </c>
      <c r="I135" s="794"/>
      <c r="J135" s="787">
        <v>25</v>
      </c>
      <c r="K135" s="787">
        <v>49</v>
      </c>
      <c r="L135" s="787">
        <v>12</v>
      </c>
      <c r="M135" s="787">
        <v>2021</v>
      </c>
      <c r="N135" s="787"/>
      <c r="O135" s="787" t="s">
        <v>3367</v>
      </c>
      <c r="P135" s="787" t="s">
        <v>3366</v>
      </c>
      <c r="Q135" s="787"/>
    </row>
    <row r="136" spans="1:20" s="245" customFormat="1" ht="120" customHeight="1">
      <c r="A136" s="618">
        <v>122</v>
      </c>
      <c r="B136" s="791" t="s">
        <v>3365</v>
      </c>
      <c r="C136" s="787" t="s">
        <v>179</v>
      </c>
      <c r="D136" s="787" t="s">
        <v>3364</v>
      </c>
      <c r="E136" s="792" t="s">
        <v>3363</v>
      </c>
      <c r="F136" s="793">
        <v>37537</v>
      </c>
      <c r="G136" s="787" t="s">
        <v>395</v>
      </c>
      <c r="H136" s="787" t="s">
        <v>3362</v>
      </c>
      <c r="I136" s="787"/>
      <c r="J136" s="787">
        <v>15</v>
      </c>
      <c r="K136" s="787">
        <v>58</v>
      </c>
      <c r="L136" s="787">
        <v>10</v>
      </c>
      <c r="M136" s="787"/>
      <c r="N136" s="787"/>
      <c r="O136" s="787" t="s">
        <v>3361</v>
      </c>
      <c r="P136" s="787"/>
      <c r="Q136" s="787"/>
    </row>
    <row r="137" spans="1:20" s="245" customFormat="1" ht="120" customHeight="1">
      <c r="A137" s="618">
        <v>123</v>
      </c>
      <c r="B137" s="791" t="s">
        <v>3360</v>
      </c>
      <c r="C137" s="787" t="s">
        <v>179</v>
      </c>
      <c r="D137" s="814" t="s">
        <v>4868</v>
      </c>
      <c r="E137" s="792" t="s">
        <v>3162</v>
      </c>
      <c r="F137" s="793">
        <v>44047</v>
      </c>
      <c r="G137" s="787" t="s">
        <v>1148</v>
      </c>
      <c r="H137" s="794" t="s">
        <v>4869</v>
      </c>
      <c r="I137" s="794"/>
      <c r="J137" s="787">
        <v>13</v>
      </c>
      <c r="K137" s="787">
        <v>39</v>
      </c>
      <c r="L137" s="787">
        <v>3</v>
      </c>
      <c r="M137" s="787"/>
      <c r="N137" s="787"/>
      <c r="O137" s="787" t="s">
        <v>3359</v>
      </c>
      <c r="P137" s="787"/>
      <c r="Q137" s="787" t="s">
        <v>3358</v>
      </c>
    </row>
    <row r="138" spans="1:20" s="245" customFormat="1" ht="120" customHeight="1">
      <c r="A138" s="618">
        <v>124</v>
      </c>
      <c r="B138" s="245" t="s">
        <v>3357</v>
      </c>
      <c r="C138" s="815" t="s">
        <v>179</v>
      </c>
      <c r="D138" s="245" t="s">
        <v>3356</v>
      </c>
      <c r="E138" s="792" t="s">
        <v>3355</v>
      </c>
      <c r="F138" s="793">
        <v>41963</v>
      </c>
      <c r="G138" s="787" t="s">
        <v>2228</v>
      </c>
      <c r="H138" s="787" t="s">
        <v>10</v>
      </c>
      <c r="I138" s="787"/>
      <c r="J138" s="787">
        <v>3</v>
      </c>
      <c r="K138" s="787">
        <v>7</v>
      </c>
      <c r="L138" s="787">
        <v>1</v>
      </c>
      <c r="M138" s="787"/>
      <c r="N138" s="787"/>
      <c r="O138" s="787" t="s">
        <v>3354</v>
      </c>
      <c r="P138" s="787"/>
      <c r="Q138" s="787"/>
    </row>
    <row r="139" spans="1:20" s="245" customFormat="1" ht="120" customHeight="1">
      <c r="A139" s="618">
        <v>125</v>
      </c>
      <c r="B139" s="791" t="s">
        <v>3353</v>
      </c>
      <c r="C139" s="787" t="s">
        <v>179</v>
      </c>
      <c r="D139" s="787" t="s">
        <v>3352</v>
      </c>
      <c r="E139" s="792" t="s">
        <v>3351</v>
      </c>
      <c r="F139" s="793">
        <v>44244</v>
      </c>
      <c r="G139" s="793" t="s">
        <v>63</v>
      </c>
      <c r="H139" s="787" t="s">
        <v>3350</v>
      </c>
      <c r="I139" s="787"/>
      <c r="J139" s="787">
        <v>25</v>
      </c>
      <c r="K139" s="787">
        <v>42</v>
      </c>
      <c r="L139" s="787">
        <v>13</v>
      </c>
      <c r="M139" s="787"/>
      <c r="N139" s="787"/>
      <c r="O139" s="787" t="s">
        <v>3349</v>
      </c>
      <c r="P139" s="787"/>
      <c r="Q139" s="787"/>
    </row>
    <row r="140" spans="1:20" s="245" customFormat="1" ht="142.5" customHeight="1">
      <c r="A140" s="618">
        <v>126</v>
      </c>
      <c r="B140" s="791" t="s">
        <v>3348</v>
      </c>
      <c r="C140" s="787" t="s">
        <v>179</v>
      </c>
      <c r="D140" s="787" t="s">
        <v>3347</v>
      </c>
      <c r="E140" s="792" t="s">
        <v>3346</v>
      </c>
      <c r="F140" s="793">
        <v>44158</v>
      </c>
      <c r="G140" s="787" t="s">
        <v>4130</v>
      </c>
      <c r="H140" s="787" t="s">
        <v>10</v>
      </c>
      <c r="I140" s="787"/>
      <c r="J140" s="787">
        <v>8</v>
      </c>
      <c r="K140" s="787">
        <v>17</v>
      </c>
      <c r="L140" s="787">
        <v>1</v>
      </c>
      <c r="M140" s="787"/>
      <c r="N140" s="787"/>
      <c r="O140" s="787"/>
      <c r="P140" s="787"/>
      <c r="Q140" s="787"/>
    </row>
    <row r="141" spans="1:20" s="245" customFormat="1" ht="120" customHeight="1">
      <c r="A141" s="618">
        <v>127</v>
      </c>
      <c r="B141" s="787" t="s">
        <v>3345</v>
      </c>
      <c r="C141" s="787" t="s">
        <v>179</v>
      </c>
      <c r="D141" s="787" t="s">
        <v>3344</v>
      </c>
      <c r="E141" s="792" t="s">
        <v>3343</v>
      </c>
      <c r="F141" s="793">
        <v>39493</v>
      </c>
      <c r="G141" s="793" t="s">
        <v>63</v>
      </c>
      <c r="H141" s="787" t="s">
        <v>3342</v>
      </c>
      <c r="I141" s="787"/>
      <c r="J141" s="787">
        <v>19</v>
      </c>
      <c r="K141" s="787">
        <v>38</v>
      </c>
      <c r="L141" s="787">
        <v>30</v>
      </c>
      <c r="M141" s="787"/>
      <c r="N141" s="787"/>
      <c r="O141" s="794" t="s">
        <v>4870</v>
      </c>
      <c r="P141" s="787"/>
      <c r="Q141" s="787"/>
    </row>
    <row r="142" spans="1:20" s="245" customFormat="1" ht="120" customHeight="1">
      <c r="A142" s="618">
        <v>128</v>
      </c>
      <c r="B142" s="787" t="s">
        <v>3341</v>
      </c>
      <c r="C142" s="787" t="s">
        <v>179</v>
      </c>
      <c r="D142" s="787" t="s">
        <v>3340</v>
      </c>
      <c r="E142" s="792" t="s">
        <v>3339</v>
      </c>
      <c r="F142" s="793">
        <v>39813</v>
      </c>
      <c r="G142" s="793" t="s">
        <v>1244</v>
      </c>
      <c r="H142" s="787" t="s">
        <v>3338</v>
      </c>
      <c r="I142" s="787"/>
      <c r="J142" s="787">
        <v>15</v>
      </c>
      <c r="K142" s="787">
        <v>32</v>
      </c>
      <c r="L142" s="787">
        <v>9</v>
      </c>
      <c r="M142" s="787"/>
      <c r="N142" s="787"/>
      <c r="O142" s="787"/>
      <c r="P142" s="787"/>
      <c r="Q142" s="787"/>
    </row>
    <row r="143" spans="1:20" s="618" customFormat="1" ht="136.5" customHeight="1">
      <c r="A143" s="618">
        <v>129</v>
      </c>
      <c r="B143" s="787" t="s">
        <v>3337</v>
      </c>
      <c r="C143" s="787" t="s">
        <v>179</v>
      </c>
      <c r="D143" s="787" t="s">
        <v>3336</v>
      </c>
      <c r="E143" s="792" t="s">
        <v>3335</v>
      </c>
      <c r="F143" s="793">
        <v>40254</v>
      </c>
      <c r="G143" s="787" t="s">
        <v>4131</v>
      </c>
      <c r="H143" s="787" t="s">
        <v>3334</v>
      </c>
      <c r="I143" s="787"/>
      <c r="J143" s="787">
        <v>32</v>
      </c>
      <c r="K143" s="787">
        <v>61</v>
      </c>
      <c r="L143" s="787">
        <v>5</v>
      </c>
      <c r="M143" s="787"/>
      <c r="N143" s="787"/>
      <c r="O143" s="787"/>
      <c r="P143" s="787"/>
      <c r="Q143" s="787"/>
      <c r="R143" s="245"/>
      <c r="S143" s="245"/>
      <c r="T143" s="245"/>
    </row>
    <row r="144" spans="1:20" s="245" customFormat="1" ht="126">
      <c r="A144" s="618">
        <v>130</v>
      </c>
      <c r="B144" s="791" t="s">
        <v>3333</v>
      </c>
      <c r="C144" s="787" t="s">
        <v>179</v>
      </c>
      <c r="D144" s="787" t="s">
        <v>3332</v>
      </c>
      <c r="E144" s="792" t="s">
        <v>3331</v>
      </c>
      <c r="F144" s="793">
        <v>44776</v>
      </c>
      <c r="G144" s="787" t="s">
        <v>3330</v>
      </c>
      <c r="H144" s="787"/>
      <c r="I144" s="787"/>
      <c r="J144" s="787">
        <v>1</v>
      </c>
      <c r="K144" s="787">
        <v>6</v>
      </c>
      <c r="L144" s="787">
        <v>1</v>
      </c>
      <c r="M144" s="787">
        <v>2022</v>
      </c>
      <c r="N144" s="787"/>
      <c r="O144" s="794" t="s">
        <v>4871</v>
      </c>
      <c r="P144" s="787"/>
      <c r="Q144" s="787"/>
    </row>
    <row r="145" spans="1:20" s="245" customFormat="1" ht="120" customHeight="1">
      <c r="A145" s="618">
        <v>131</v>
      </c>
      <c r="B145" s="787" t="s">
        <v>3329</v>
      </c>
      <c r="C145" s="787" t="s">
        <v>15</v>
      </c>
      <c r="D145" s="787" t="s">
        <v>3328</v>
      </c>
      <c r="E145" s="792" t="s">
        <v>3327</v>
      </c>
      <c r="F145" s="793">
        <v>44882</v>
      </c>
      <c r="G145" s="787" t="s">
        <v>495</v>
      </c>
      <c r="H145" s="787" t="s">
        <v>10</v>
      </c>
      <c r="I145" s="787"/>
      <c r="J145" s="787">
        <v>1</v>
      </c>
      <c r="K145" s="787">
        <v>6</v>
      </c>
      <c r="L145" s="787">
        <v>1</v>
      </c>
      <c r="M145" s="787"/>
      <c r="N145" s="787"/>
      <c r="O145" s="787"/>
      <c r="P145" s="787"/>
      <c r="Q145" s="787"/>
      <c r="R145" s="787"/>
      <c r="S145" s="787"/>
      <c r="T145" s="787"/>
    </row>
    <row r="146" spans="1:20" s="245" customFormat="1" ht="120" customHeight="1">
      <c r="A146" s="618">
        <v>132</v>
      </c>
      <c r="B146" s="787" t="s">
        <v>3326</v>
      </c>
      <c r="C146" s="787" t="s">
        <v>15</v>
      </c>
      <c r="D146" s="787" t="s">
        <v>3325</v>
      </c>
      <c r="E146" s="792" t="s">
        <v>3324</v>
      </c>
      <c r="F146" s="793">
        <v>44671</v>
      </c>
      <c r="G146" s="787" t="s">
        <v>3240</v>
      </c>
      <c r="H146" s="794" t="s">
        <v>4872</v>
      </c>
      <c r="I146" s="794"/>
      <c r="J146" s="787">
        <v>4</v>
      </c>
      <c r="K146" s="787">
        <v>15</v>
      </c>
      <c r="L146" s="787">
        <v>1</v>
      </c>
      <c r="M146" s="787"/>
      <c r="N146" s="787"/>
      <c r="O146" s="787"/>
      <c r="P146" s="787"/>
      <c r="Q146" s="787"/>
    </row>
    <row r="147" spans="1:20" s="245" customFormat="1" ht="120" customHeight="1">
      <c r="A147" s="618">
        <v>133</v>
      </c>
      <c r="B147" s="791" t="s">
        <v>3323</v>
      </c>
      <c r="C147" s="787" t="s">
        <v>27</v>
      </c>
      <c r="D147" s="787" t="s">
        <v>3322</v>
      </c>
      <c r="E147" s="792" t="s">
        <v>3321</v>
      </c>
      <c r="F147" s="793">
        <v>44972</v>
      </c>
      <c r="G147" s="793"/>
      <c r="H147" s="787" t="s">
        <v>10</v>
      </c>
      <c r="I147" s="787"/>
      <c r="J147" s="787">
        <v>2</v>
      </c>
      <c r="K147" s="787">
        <v>8</v>
      </c>
      <c r="L147" s="787">
        <v>0</v>
      </c>
      <c r="M147" s="787"/>
      <c r="N147" s="787"/>
      <c r="O147" s="787" t="s">
        <v>3320</v>
      </c>
      <c r="P147" s="787"/>
      <c r="Q147" s="792"/>
      <c r="R147" s="792"/>
    </row>
    <row r="148" spans="1:20" s="245" customFormat="1" ht="110.25">
      <c r="A148" s="618">
        <v>134</v>
      </c>
      <c r="B148" s="791" t="s">
        <v>3319</v>
      </c>
      <c r="C148" s="787" t="s">
        <v>27</v>
      </c>
      <c r="D148" s="787" t="s">
        <v>3318</v>
      </c>
      <c r="E148" s="792" t="s">
        <v>3317</v>
      </c>
      <c r="F148" s="787"/>
      <c r="G148" s="787"/>
      <c r="H148" s="787" t="s">
        <v>10</v>
      </c>
      <c r="I148" s="787"/>
      <c r="J148" s="787">
        <v>4</v>
      </c>
      <c r="K148" s="787">
        <v>13</v>
      </c>
      <c r="L148" s="787">
        <v>0</v>
      </c>
      <c r="M148" s="787"/>
      <c r="N148" s="787"/>
      <c r="O148" s="794" t="s">
        <v>4873</v>
      </c>
      <c r="P148" s="787"/>
      <c r="Q148" s="787"/>
    </row>
    <row r="149" spans="1:20" s="245" customFormat="1" ht="157.5">
      <c r="A149" s="618">
        <v>135</v>
      </c>
      <c r="B149" s="791" t="s">
        <v>3316</v>
      </c>
      <c r="C149" s="787" t="s">
        <v>27</v>
      </c>
      <c r="D149" s="787" t="s">
        <v>3315</v>
      </c>
      <c r="E149" s="792" t="s">
        <v>3314</v>
      </c>
      <c r="F149" s="793"/>
      <c r="G149" s="793"/>
      <c r="H149" s="793" t="s">
        <v>10</v>
      </c>
      <c r="I149" s="793"/>
      <c r="J149" s="787">
        <v>2</v>
      </c>
      <c r="K149" s="787">
        <v>10</v>
      </c>
      <c r="L149" s="787">
        <v>0</v>
      </c>
      <c r="M149" s="787"/>
      <c r="N149" s="787"/>
      <c r="O149" s="787" t="s">
        <v>3313</v>
      </c>
      <c r="P149" s="787"/>
      <c r="Q149" s="787"/>
    </row>
    <row r="150" spans="1:20" s="245" customFormat="1" ht="173.25">
      <c r="A150" s="618">
        <v>136</v>
      </c>
      <c r="B150" s="787" t="s">
        <v>3312</v>
      </c>
      <c r="C150" s="787" t="s">
        <v>179</v>
      </c>
      <c r="D150" s="787" t="s">
        <v>3311</v>
      </c>
      <c r="E150" s="792" t="s">
        <v>3310</v>
      </c>
      <c r="F150" s="793">
        <v>44091</v>
      </c>
      <c r="G150" s="787" t="s">
        <v>2811</v>
      </c>
      <c r="H150" s="794" t="s">
        <v>4874</v>
      </c>
      <c r="I150" s="794"/>
      <c r="J150" s="787">
        <v>4</v>
      </c>
      <c r="K150" s="787">
        <v>17</v>
      </c>
      <c r="L150" s="787">
        <v>1</v>
      </c>
      <c r="M150" s="787"/>
      <c r="N150" s="787"/>
      <c r="O150" s="787" t="s">
        <v>3309</v>
      </c>
      <c r="P150" s="787"/>
      <c r="Q150" s="787" t="s">
        <v>3308</v>
      </c>
    </row>
    <row r="151" spans="1:20" s="245" customFormat="1" ht="110.25">
      <c r="A151" s="618">
        <v>137</v>
      </c>
      <c r="B151" s="787" t="s">
        <v>3307</v>
      </c>
      <c r="C151" s="787" t="s">
        <v>15</v>
      </c>
      <c r="D151" s="787" t="s">
        <v>3306</v>
      </c>
      <c r="E151" s="792" t="s">
        <v>3305</v>
      </c>
      <c r="F151" s="793">
        <v>44642</v>
      </c>
      <c r="G151" s="787" t="s">
        <v>1063</v>
      </c>
      <c r="H151" s="787" t="s">
        <v>10</v>
      </c>
      <c r="I151" s="787"/>
      <c r="J151" s="787">
        <v>2</v>
      </c>
      <c r="K151" s="787">
        <v>16</v>
      </c>
      <c r="L151" s="787">
        <v>1</v>
      </c>
      <c r="M151" s="787">
        <v>2022</v>
      </c>
      <c r="N151" s="787" t="s">
        <v>10</v>
      </c>
      <c r="O151" s="787" t="s">
        <v>993</v>
      </c>
      <c r="P151" s="787"/>
      <c r="Q151" s="787" t="s">
        <v>3304</v>
      </c>
    </row>
    <row r="152" spans="1:20" s="245" customFormat="1" ht="220.5">
      <c r="A152" s="618">
        <v>138</v>
      </c>
      <c r="B152" s="787" t="s">
        <v>3303</v>
      </c>
      <c r="C152" s="787" t="s">
        <v>179</v>
      </c>
      <c r="D152" s="787" t="s">
        <v>3302</v>
      </c>
      <c r="E152" s="792" t="s">
        <v>3301</v>
      </c>
      <c r="F152" s="793">
        <v>37592</v>
      </c>
      <c r="G152" s="787" t="s">
        <v>4132</v>
      </c>
      <c r="H152" s="794" t="s">
        <v>4875</v>
      </c>
      <c r="I152" s="794"/>
      <c r="J152" s="787">
        <v>4</v>
      </c>
      <c r="K152" s="787">
        <v>8</v>
      </c>
      <c r="L152" s="787">
        <v>1</v>
      </c>
      <c r="M152" s="787">
        <v>2023</v>
      </c>
      <c r="N152" s="787" t="s">
        <v>10</v>
      </c>
      <c r="O152" s="787" t="s">
        <v>3300</v>
      </c>
      <c r="P152" s="787"/>
      <c r="Q152" s="787"/>
    </row>
    <row r="153" spans="1:20" s="245" customFormat="1" ht="173.25">
      <c r="A153" s="618">
        <v>139</v>
      </c>
      <c r="B153" s="787" t="s">
        <v>3299</v>
      </c>
      <c r="C153" s="787" t="s">
        <v>15</v>
      </c>
      <c r="D153" s="787" t="s">
        <v>3298</v>
      </c>
      <c r="E153" s="792" t="s">
        <v>3297</v>
      </c>
      <c r="F153" s="793">
        <v>43670</v>
      </c>
      <c r="G153" s="787" t="s">
        <v>3296</v>
      </c>
      <c r="H153" s="794" t="s">
        <v>4875</v>
      </c>
      <c r="I153" s="794"/>
      <c r="J153" s="787">
        <v>5</v>
      </c>
      <c r="K153" s="787">
        <v>20</v>
      </c>
      <c r="L153" s="787">
        <v>3</v>
      </c>
      <c r="M153" s="787">
        <v>2021</v>
      </c>
      <c r="N153" s="787" t="s">
        <v>10</v>
      </c>
      <c r="O153" s="787" t="s">
        <v>3295</v>
      </c>
      <c r="P153" s="787"/>
      <c r="Q153" s="787" t="s">
        <v>3294</v>
      </c>
    </row>
    <row r="154" spans="1:20" s="245" customFormat="1" ht="157.5">
      <c r="A154" s="618">
        <v>140</v>
      </c>
      <c r="B154" s="787" t="s">
        <v>3293</v>
      </c>
      <c r="C154" s="787" t="s">
        <v>27</v>
      </c>
      <c r="D154" s="787" t="s">
        <v>3292</v>
      </c>
      <c r="E154" s="792" t="s">
        <v>3291</v>
      </c>
      <c r="F154" s="793">
        <v>44789</v>
      </c>
      <c r="G154" s="787"/>
      <c r="H154" s="794" t="s">
        <v>4875</v>
      </c>
      <c r="I154" s="794"/>
      <c r="J154" s="787">
        <v>4</v>
      </c>
      <c r="K154" s="787">
        <v>12</v>
      </c>
      <c r="L154" s="787">
        <v>0</v>
      </c>
      <c r="M154" s="787">
        <v>2021</v>
      </c>
      <c r="N154" s="787" t="s">
        <v>10</v>
      </c>
      <c r="O154" s="787" t="s">
        <v>3290</v>
      </c>
      <c r="P154" s="787"/>
      <c r="Q154" s="787"/>
    </row>
    <row r="155" spans="1:20" s="245" customFormat="1" ht="120" customHeight="1">
      <c r="A155" s="618">
        <v>141</v>
      </c>
      <c r="B155" s="787" t="s">
        <v>3289</v>
      </c>
      <c r="C155" s="787" t="s">
        <v>15</v>
      </c>
      <c r="D155" s="787" t="s">
        <v>3288</v>
      </c>
      <c r="E155" s="792" t="s">
        <v>3287</v>
      </c>
      <c r="F155" s="793">
        <v>44088</v>
      </c>
      <c r="G155" s="787" t="s">
        <v>3286</v>
      </c>
      <c r="H155" s="794" t="s">
        <v>4876</v>
      </c>
      <c r="I155" s="794"/>
      <c r="J155" s="787">
        <v>5</v>
      </c>
      <c r="K155" s="787">
        <v>28</v>
      </c>
      <c r="L155" s="787">
        <v>1</v>
      </c>
      <c r="M155" s="787">
        <v>2020</v>
      </c>
      <c r="N155" s="787"/>
      <c r="O155" s="787" t="s">
        <v>3285</v>
      </c>
      <c r="P155" s="787"/>
      <c r="Q155" s="787"/>
    </row>
    <row r="156" spans="1:20" s="245" customFormat="1" ht="120" customHeight="1">
      <c r="A156" s="618">
        <v>142</v>
      </c>
      <c r="B156" s="787" t="s">
        <v>4168</v>
      </c>
      <c r="C156" s="787" t="s">
        <v>179</v>
      </c>
      <c r="D156" s="787" t="s">
        <v>3284</v>
      </c>
      <c r="E156" s="792" t="s">
        <v>3283</v>
      </c>
      <c r="F156" s="793">
        <v>43964</v>
      </c>
      <c r="G156" s="787" t="s">
        <v>527</v>
      </c>
      <c r="H156" s="799" t="s">
        <v>4877</v>
      </c>
      <c r="I156" s="799"/>
      <c r="J156" s="787">
        <v>2</v>
      </c>
      <c r="K156" s="787">
        <v>6</v>
      </c>
      <c r="L156" s="787">
        <v>1</v>
      </c>
      <c r="M156" s="787">
        <v>2020</v>
      </c>
      <c r="N156" s="787"/>
      <c r="O156" s="787" t="s">
        <v>3282</v>
      </c>
      <c r="P156" s="787"/>
      <c r="Q156" s="798" t="s">
        <v>4928</v>
      </c>
    </row>
    <row r="157" spans="1:20" s="245" customFormat="1" ht="120" customHeight="1">
      <c r="A157" s="618">
        <v>143</v>
      </c>
      <c r="B157" s="791" t="s">
        <v>3281</v>
      </c>
      <c r="C157" s="787" t="s">
        <v>53</v>
      </c>
      <c r="D157" s="787" t="s">
        <v>3280</v>
      </c>
      <c r="E157" s="792" t="s">
        <v>3279</v>
      </c>
      <c r="F157" s="787" t="s">
        <v>645</v>
      </c>
      <c r="G157" s="793"/>
      <c r="H157" s="787"/>
      <c r="I157" s="787"/>
      <c r="J157" s="787">
        <v>1</v>
      </c>
      <c r="K157" s="787">
        <v>4</v>
      </c>
      <c r="L157" s="787">
        <v>1</v>
      </c>
      <c r="M157" s="787"/>
      <c r="N157" s="787"/>
      <c r="O157" s="787" t="s">
        <v>3278</v>
      </c>
      <c r="P157" s="787"/>
      <c r="Q157" s="787"/>
    </row>
    <row r="158" spans="1:20" s="245" customFormat="1" ht="120" customHeight="1">
      <c r="A158" s="618">
        <v>144</v>
      </c>
      <c r="B158" s="791" t="s">
        <v>3277</v>
      </c>
      <c r="C158" s="787" t="s">
        <v>53</v>
      </c>
      <c r="D158" s="787" t="s">
        <v>3276</v>
      </c>
      <c r="E158" s="792" t="s">
        <v>3275</v>
      </c>
      <c r="F158" s="787" t="s">
        <v>645</v>
      </c>
      <c r="G158" s="793"/>
      <c r="H158" s="787"/>
      <c r="I158" s="787"/>
      <c r="J158" s="787">
        <v>1</v>
      </c>
      <c r="K158" s="787">
        <v>8</v>
      </c>
      <c r="L158" s="787">
        <v>1</v>
      </c>
      <c r="M158" s="787"/>
      <c r="N158" s="787"/>
      <c r="O158" s="787" t="s">
        <v>3274</v>
      </c>
      <c r="P158" s="787"/>
      <c r="Q158" s="787"/>
    </row>
    <row r="159" spans="1:20" s="245" customFormat="1" ht="120" customHeight="1">
      <c r="A159" s="618">
        <v>145</v>
      </c>
      <c r="B159" s="791" t="s">
        <v>3273</v>
      </c>
      <c r="C159" s="787" t="s">
        <v>53</v>
      </c>
      <c r="D159" s="787" t="s">
        <v>3272</v>
      </c>
      <c r="E159" s="792" t="s">
        <v>3271</v>
      </c>
      <c r="F159" s="787" t="s">
        <v>645</v>
      </c>
      <c r="G159" s="793"/>
      <c r="H159" s="787"/>
      <c r="I159" s="787"/>
      <c r="J159" s="787">
        <v>1</v>
      </c>
      <c r="K159" s="787">
        <v>6</v>
      </c>
      <c r="L159" s="787">
        <v>1</v>
      </c>
      <c r="M159" s="787"/>
      <c r="N159" s="787"/>
      <c r="O159" s="794" t="s">
        <v>4878</v>
      </c>
      <c r="P159" s="787"/>
      <c r="Q159" s="787"/>
    </row>
    <row r="160" spans="1:20" s="245" customFormat="1" ht="76.150000000000006" customHeight="1">
      <c r="A160" s="618">
        <v>146</v>
      </c>
      <c r="B160" s="787" t="s">
        <v>3270</v>
      </c>
      <c r="C160" s="787" t="s">
        <v>53</v>
      </c>
      <c r="D160" s="787" t="s">
        <v>3269</v>
      </c>
      <c r="E160" s="792" t="s">
        <v>3268</v>
      </c>
      <c r="F160" s="787" t="s">
        <v>645</v>
      </c>
      <c r="G160" s="787" t="s">
        <v>3267</v>
      </c>
      <c r="H160" s="787"/>
      <c r="I160" s="787"/>
      <c r="J160" s="805">
        <v>1</v>
      </c>
      <c r="K160" s="787">
        <v>2</v>
      </c>
      <c r="L160" s="787"/>
      <c r="M160" s="787"/>
      <c r="N160" s="787"/>
      <c r="O160" s="787" t="s">
        <v>3266</v>
      </c>
      <c r="P160" s="787"/>
      <c r="Q160" s="787"/>
    </row>
    <row r="161" spans="1:20" s="245" customFormat="1" ht="136.15" customHeight="1">
      <c r="A161" s="618">
        <v>147</v>
      </c>
      <c r="B161" s="791" t="s">
        <v>3265</v>
      </c>
      <c r="C161" s="787" t="s">
        <v>53</v>
      </c>
      <c r="D161" s="787" t="s">
        <v>3264</v>
      </c>
      <c r="E161" s="792" t="s">
        <v>3263</v>
      </c>
      <c r="F161" s="787" t="s">
        <v>645</v>
      </c>
      <c r="G161" s="787"/>
      <c r="H161" s="787"/>
      <c r="I161" s="787"/>
      <c r="J161" s="787">
        <v>1</v>
      </c>
      <c r="K161" s="787">
        <v>4</v>
      </c>
      <c r="L161" s="787">
        <v>1</v>
      </c>
      <c r="M161" s="787"/>
      <c r="N161" s="787"/>
      <c r="O161" s="787" t="s">
        <v>3262</v>
      </c>
      <c r="P161" s="787"/>
      <c r="Q161" s="787"/>
    </row>
    <row r="162" spans="1:20" s="245" customFormat="1" ht="189">
      <c r="A162" s="618">
        <v>148</v>
      </c>
      <c r="B162" s="791" t="s">
        <v>3261</v>
      </c>
      <c r="C162" s="787" t="s">
        <v>27</v>
      </c>
      <c r="D162" s="787" t="s">
        <v>3260</v>
      </c>
      <c r="E162" s="792" t="s">
        <v>3259</v>
      </c>
      <c r="F162" s="787" t="s">
        <v>3254</v>
      </c>
      <c r="G162" s="787"/>
      <c r="H162" s="787"/>
      <c r="I162" s="787"/>
      <c r="J162" s="787">
        <v>1</v>
      </c>
      <c r="K162" s="787">
        <v>2</v>
      </c>
      <c r="L162" s="787"/>
      <c r="M162" s="787"/>
      <c r="N162" s="787"/>
      <c r="O162" s="787" t="s">
        <v>3258</v>
      </c>
      <c r="P162" s="787"/>
      <c r="Q162" s="787"/>
    </row>
    <row r="163" spans="1:20" s="245" customFormat="1" ht="76.150000000000006" customHeight="1">
      <c r="A163" s="618">
        <v>149</v>
      </c>
      <c r="B163" s="791" t="s">
        <v>3257</v>
      </c>
      <c r="C163" s="787" t="s">
        <v>27</v>
      </c>
      <c r="D163" s="787" t="s">
        <v>3256</v>
      </c>
      <c r="E163" s="792" t="s">
        <v>3255</v>
      </c>
      <c r="F163" s="787" t="s">
        <v>3254</v>
      </c>
      <c r="G163" s="793"/>
      <c r="H163" s="787"/>
      <c r="I163" s="787"/>
      <c r="J163" s="787">
        <v>3</v>
      </c>
      <c r="K163" s="787">
        <v>6</v>
      </c>
      <c r="L163" s="787">
        <v>1</v>
      </c>
      <c r="M163" s="787"/>
      <c r="N163" s="787"/>
      <c r="O163" s="794" t="s">
        <v>4879</v>
      </c>
      <c r="P163" s="787"/>
      <c r="Q163" s="787"/>
    </row>
    <row r="164" spans="1:20" s="245" customFormat="1" ht="76.150000000000006" customHeight="1">
      <c r="A164" s="618">
        <v>150</v>
      </c>
      <c r="B164" s="791" t="s">
        <v>3253</v>
      </c>
      <c r="C164" s="787" t="s">
        <v>15</v>
      </c>
      <c r="D164" s="787" t="s">
        <v>3250</v>
      </c>
      <c r="E164" s="792" t="s">
        <v>3249</v>
      </c>
      <c r="F164" s="793">
        <v>45342</v>
      </c>
      <c r="G164" s="793" t="s">
        <v>383</v>
      </c>
      <c r="H164" s="787" t="s">
        <v>10</v>
      </c>
      <c r="I164" s="787"/>
      <c r="J164" s="787">
        <v>1</v>
      </c>
      <c r="K164" s="787">
        <v>4</v>
      </c>
      <c r="L164" s="787">
        <v>1</v>
      </c>
      <c r="M164" s="787">
        <v>2024</v>
      </c>
      <c r="N164" s="787"/>
      <c r="O164" s="787" t="s">
        <v>3252</v>
      </c>
      <c r="P164" s="787"/>
      <c r="Q164" s="787"/>
    </row>
    <row r="165" spans="1:20" s="245" customFormat="1" ht="76.150000000000006" customHeight="1">
      <c r="A165" s="618">
        <v>151</v>
      </c>
      <c r="B165" s="793" t="s">
        <v>3251</v>
      </c>
      <c r="C165" s="787" t="s">
        <v>15</v>
      </c>
      <c r="D165" s="787" t="s">
        <v>3250</v>
      </c>
      <c r="E165" s="792" t="s">
        <v>3249</v>
      </c>
      <c r="F165" s="793">
        <v>45342</v>
      </c>
      <c r="G165" s="787" t="s">
        <v>383</v>
      </c>
      <c r="H165" s="787" t="s">
        <v>10</v>
      </c>
      <c r="I165" s="787"/>
      <c r="J165" s="787">
        <v>1</v>
      </c>
      <c r="K165" s="787">
        <v>4</v>
      </c>
      <c r="L165" s="787">
        <v>1</v>
      </c>
      <c r="M165" s="787">
        <v>2024</v>
      </c>
      <c r="N165" s="787"/>
      <c r="O165" s="787" t="s">
        <v>3248</v>
      </c>
      <c r="P165" s="787"/>
      <c r="Q165" s="787"/>
    </row>
    <row r="166" spans="1:20" s="245" customFormat="1" ht="101.25" customHeight="1">
      <c r="A166" s="618">
        <f>A165+1</f>
        <v>152</v>
      </c>
      <c r="B166" s="793" t="s">
        <v>3247</v>
      </c>
      <c r="C166" s="787" t="s">
        <v>15</v>
      </c>
      <c r="D166" s="787" t="s">
        <v>3246</v>
      </c>
      <c r="E166" s="792" t="s">
        <v>3245</v>
      </c>
      <c r="F166" s="816">
        <v>44176</v>
      </c>
      <c r="G166" s="787" t="s">
        <v>3244</v>
      </c>
      <c r="H166" s="787" t="s">
        <v>10</v>
      </c>
      <c r="I166" s="787"/>
      <c r="J166" s="787">
        <v>1</v>
      </c>
      <c r="K166" s="787">
        <v>4</v>
      </c>
      <c r="L166" s="787"/>
      <c r="M166" s="787"/>
      <c r="N166" s="787"/>
      <c r="O166" s="787"/>
      <c r="P166" s="787"/>
      <c r="Q166" s="787"/>
    </row>
    <row r="167" spans="1:20" s="245" customFormat="1" ht="120" customHeight="1">
      <c r="A167" s="618">
        <f t="shared" ref="A167:A173" si="0">A166+1</f>
        <v>153</v>
      </c>
      <c r="B167" s="793" t="s">
        <v>3243</v>
      </c>
      <c r="C167" s="787" t="s">
        <v>15</v>
      </c>
      <c r="D167" s="787" t="s">
        <v>3242</v>
      </c>
      <c r="E167" s="792" t="s">
        <v>3241</v>
      </c>
      <c r="F167" s="816">
        <v>41618</v>
      </c>
      <c r="G167" s="787" t="s">
        <v>3240</v>
      </c>
      <c r="H167" s="794" t="s">
        <v>4880</v>
      </c>
      <c r="I167" s="794"/>
      <c r="J167" s="787">
        <v>13</v>
      </c>
      <c r="K167" s="787">
        <v>56</v>
      </c>
      <c r="L167" s="787"/>
      <c r="M167" s="787">
        <v>2023</v>
      </c>
      <c r="N167" s="787"/>
      <c r="O167" s="787" t="s">
        <v>3239</v>
      </c>
      <c r="P167" s="787"/>
      <c r="Q167" s="787"/>
    </row>
    <row r="168" spans="1:20" s="245" customFormat="1" ht="120" customHeight="1">
      <c r="A168" s="618">
        <f t="shared" si="0"/>
        <v>154</v>
      </c>
      <c r="B168" s="817" t="s">
        <v>4881</v>
      </c>
      <c r="C168" s="818" t="s">
        <v>179</v>
      </c>
      <c r="D168" s="819" t="s">
        <v>4882</v>
      </c>
      <c r="E168" s="820" t="s">
        <v>4883</v>
      </c>
      <c r="F168" s="821">
        <v>45427</v>
      </c>
      <c r="G168" s="787" t="s">
        <v>4884</v>
      </c>
      <c r="H168" s="818" t="s">
        <v>4885</v>
      </c>
      <c r="I168" s="818"/>
      <c r="J168" s="787" t="s">
        <v>4886</v>
      </c>
      <c r="K168" s="822"/>
      <c r="L168" s="822"/>
      <c r="M168" s="822"/>
      <c r="N168" s="822"/>
      <c r="O168" s="822"/>
      <c r="P168" s="822"/>
      <c r="Q168" s="806" t="s">
        <v>4887</v>
      </c>
    </row>
    <row r="169" spans="1:20" s="824" customFormat="1" ht="120" customHeight="1">
      <c r="A169" s="618">
        <f t="shared" si="0"/>
        <v>155</v>
      </c>
      <c r="B169" s="823" t="s">
        <v>4888</v>
      </c>
      <c r="C169" s="818" t="s">
        <v>15</v>
      </c>
      <c r="D169" s="818" t="s">
        <v>4889</v>
      </c>
      <c r="E169" s="820" t="s">
        <v>4890</v>
      </c>
      <c r="F169" s="821">
        <v>45516</v>
      </c>
      <c r="G169" s="791" t="s">
        <v>4891</v>
      </c>
      <c r="H169" s="818" t="s">
        <v>4892</v>
      </c>
      <c r="I169" s="1123"/>
      <c r="J169" s="384">
        <v>12</v>
      </c>
      <c r="K169" s="822"/>
      <c r="L169" s="822"/>
      <c r="M169" s="822"/>
      <c r="N169" s="822"/>
      <c r="O169" s="822"/>
      <c r="P169" s="822"/>
      <c r="Q169" s="806" t="s">
        <v>4893</v>
      </c>
      <c r="R169" s="245"/>
      <c r="S169" s="245"/>
      <c r="T169" s="245"/>
    </row>
    <row r="170" spans="1:20" s="274" customFormat="1" ht="120" customHeight="1">
      <c r="A170" s="618">
        <f t="shared" si="0"/>
        <v>156</v>
      </c>
      <c r="B170" s="823" t="s">
        <v>4894</v>
      </c>
      <c r="C170" s="818" t="s">
        <v>15</v>
      </c>
      <c r="D170" s="818" t="s">
        <v>4895</v>
      </c>
      <c r="E170" s="820" t="s">
        <v>1235</v>
      </c>
      <c r="F170" s="821">
        <v>38183</v>
      </c>
      <c r="G170" s="787" t="s">
        <v>4896</v>
      </c>
      <c r="H170" s="818" t="s">
        <v>4897</v>
      </c>
      <c r="I170" s="818"/>
      <c r="J170" s="787"/>
      <c r="K170" s="822"/>
      <c r="L170" s="822"/>
      <c r="M170" s="822"/>
      <c r="N170" s="822"/>
      <c r="O170" s="822"/>
      <c r="P170" s="822"/>
      <c r="Q170" s="806" t="s">
        <v>4854</v>
      </c>
      <c r="R170" s="245"/>
      <c r="S170" s="245"/>
      <c r="T170" s="245"/>
    </row>
    <row r="171" spans="1:20" s="245" customFormat="1" ht="120" customHeight="1">
      <c r="A171" s="618">
        <f t="shared" si="0"/>
        <v>157</v>
      </c>
      <c r="B171" s="823" t="s">
        <v>4898</v>
      </c>
      <c r="C171" s="818" t="s">
        <v>15</v>
      </c>
      <c r="D171" s="818" t="s">
        <v>4899</v>
      </c>
      <c r="E171" s="825" t="s">
        <v>4900</v>
      </c>
      <c r="F171" s="826">
        <v>44081</v>
      </c>
      <c r="G171" s="827" t="s">
        <v>4901</v>
      </c>
      <c r="H171" s="828" t="s">
        <v>4902</v>
      </c>
      <c r="I171" s="828"/>
      <c r="J171" s="827"/>
      <c r="K171" s="822"/>
      <c r="L171" s="822"/>
      <c r="M171" s="822"/>
      <c r="N171" s="822"/>
      <c r="O171" s="822"/>
      <c r="P171" s="822"/>
      <c r="Q171" s="806" t="s">
        <v>4903</v>
      </c>
    </row>
    <row r="172" spans="1:20" s="245" customFormat="1" ht="120" customHeight="1">
      <c r="A172" s="618">
        <f t="shared" si="0"/>
        <v>158</v>
      </c>
      <c r="B172" s="829" t="s">
        <v>4904</v>
      </c>
      <c r="C172" s="830" t="s">
        <v>2631</v>
      </c>
      <c r="D172" s="830" t="s">
        <v>4905</v>
      </c>
      <c r="E172" s="831" t="s">
        <v>4906</v>
      </c>
      <c r="F172" s="832">
        <v>43431</v>
      </c>
      <c r="G172" s="498" t="s">
        <v>4907</v>
      </c>
      <c r="H172" s="830" t="s">
        <v>4908</v>
      </c>
      <c r="I172" s="818"/>
      <c r="J172" s="498"/>
      <c r="K172" s="498"/>
      <c r="L172" s="822"/>
      <c r="M172" s="822"/>
      <c r="N172" s="822"/>
      <c r="O172" s="822"/>
      <c r="P172" s="822"/>
      <c r="Q172" s="806" t="s">
        <v>4854</v>
      </c>
    </row>
    <row r="173" spans="1:20" s="245" customFormat="1" ht="120" customHeight="1">
      <c r="A173" s="618">
        <f t="shared" si="0"/>
        <v>159</v>
      </c>
      <c r="B173" s="829" t="s">
        <v>4909</v>
      </c>
      <c r="C173" s="830" t="s">
        <v>2631</v>
      </c>
      <c r="D173" s="830" t="s">
        <v>4910</v>
      </c>
      <c r="E173" s="831" t="s">
        <v>4911</v>
      </c>
      <c r="F173" s="832">
        <v>43622</v>
      </c>
      <c r="G173" s="498" t="s">
        <v>1479</v>
      </c>
      <c r="H173" s="830" t="s">
        <v>4912</v>
      </c>
      <c r="I173" s="818"/>
      <c r="J173" s="498"/>
      <c r="K173" s="822"/>
      <c r="L173" s="822"/>
      <c r="M173" s="822"/>
      <c r="N173" s="822"/>
      <c r="O173" s="822"/>
      <c r="P173" s="822"/>
      <c r="Q173" s="806" t="s">
        <v>4854</v>
      </c>
    </row>
    <row r="174" spans="1:20" s="824" customFormat="1" ht="47.25" customHeight="1">
      <c r="A174" s="833"/>
      <c r="B174" s="1287" t="s">
        <v>16</v>
      </c>
      <c r="C174" s="1287"/>
      <c r="D174" s="1287"/>
      <c r="E174" s="1287"/>
      <c r="F174" s="1287"/>
      <c r="G174" s="1287"/>
      <c r="H174" s="1287"/>
      <c r="I174" s="1288"/>
      <c r="J174" s="1287"/>
      <c r="K174" s="1287"/>
      <c r="L174" s="1287"/>
      <c r="M174" s="1287"/>
      <c r="N174" s="1287"/>
      <c r="O174" s="1287"/>
      <c r="P174" s="1287"/>
      <c r="Q174" s="1289"/>
      <c r="R174" s="245"/>
      <c r="S174" s="245"/>
      <c r="T174" s="245"/>
    </row>
    <row r="175" spans="1:20" s="245" customFormat="1" ht="120" customHeight="1">
      <c r="A175" s="834">
        <v>1</v>
      </c>
      <c r="B175" s="835" t="s">
        <v>3238</v>
      </c>
      <c r="C175" s="800"/>
      <c r="D175" s="800"/>
      <c r="E175" s="804"/>
      <c r="F175" s="836"/>
      <c r="G175" s="800"/>
      <c r="H175" s="800"/>
      <c r="I175" s="800"/>
      <c r="J175" s="800">
        <v>2</v>
      </c>
      <c r="K175" s="800">
        <v>5</v>
      </c>
      <c r="L175" s="800"/>
      <c r="M175" s="800"/>
      <c r="N175" s="800"/>
      <c r="O175" s="800"/>
      <c r="P175" s="800"/>
      <c r="Q175" s="498" t="s">
        <v>3237</v>
      </c>
    </row>
    <row r="176" spans="1:20" s="245" customFormat="1" ht="120" customHeight="1">
      <c r="A176" s="834">
        <f>A175+1</f>
        <v>2</v>
      </c>
      <c r="B176" s="837" t="s">
        <v>3236</v>
      </c>
      <c r="C176" s="498"/>
      <c r="D176" s="498" t="s">
        <v>3235</v>
      </c>
      <c r="E176" s="838" t="s">
        <v>3234</v>
      </c>
      <c r="F176" s="498"/>
      <c r="G176" s="498"/>
      <c r="H176" s="498"/>
      <c r="I176" s="787"/>
      <c r="J176" s="498">
        <v>1</v>
      </c>
      <c r="K176" s="498">
        <v>3</v>
      </c>
      <c r="L176" s="498"/>
      <c r="M176" s="498"/>
      <c r="N176" s="498"/>
      <c r="O176" s="498" t="s">
        <v>3233</v>
      </c>
      <c r="P176" s="498"/>
      <c r="Q176" s="498" t="s">
        <v>1134</v>
      </c>
    </row>
    <row r="177" spans="1:20" s="245" customFormat="1" ht="120" customHeight="1">
      <c r="A177" s="834">
        <f t="shared" ref="A177:A187" si="1">A176+1</f>
        <v>3</v>
      </c>
      <c r="B177" s="839" t="s">
        <v>3232</v>
      </c>
      <c r="C177" s="840"/>
      <c r="D177" s="840" t="s">
        <v>3231</v>
      </c>
      <c r="E177" s="841" t="s">
        <v>3230</v>
      </c>
      <c r="F177" s="842" t="s">
        <v>3229</v>
      </c>
      <c r="G177" s="842"/>
      <c r="H177" s="840"/>
      <c r="I177" s="1079"/>
      <c r="J177" s="840"/>
      <c r="K177" s="840"/>
      <c r="L177" s="840"/>
      <c r="M177" s="840"/>
      <c r="N177" s="840"/>
      <c r="O177" s="840" t="s">
        <v>3228</v>
      </c>
      <c r="P177" s="840"/>
      <c r="Q177" s="840" t="s">
        <v>3227</v>
      </c>
      <c r="R177" s="824"/>
      <c r="S177" s="824"/>
      <c r="T177" s="824"/>
    </row>
    <row r="178" spans="1:20" s="245" customFormat="1" ht="138" customHeight="1">
      <c r="A178" s="834">
        <f t="shared" si="1"/>
        <v>4</v>
      </c>
      <c r="B178" s="843" t="s">
        <v>3226</v>
      </c>
      <c r="C178" s="482"/>
      <c r="D178" s="482" t="s">
        <v>3225</v>
      </c>
      <c r="E178" s="495" t="s">
        <v>3224</v>
      </c>
      <c r="F178" s="482" t="s">
        <v>3223</v>
      </c>
      <c r="G178" s="482"/>
      <c r="H178" s="482" t="s">
        <v>3222</v>
      </c>
      <c r="I178" s="1068"/>
      <c r="J178" s="482">
        <v>5</v>
      </c>
      <c r="K178" s="482">
        <v>13</v>
      </c>
      <c r="L178" s="482">
        <v>1</v>
      </c>
      <c r="M178" s="482"/>
      <c r="N178" s="482"/>
      <c r="O178" s="482" t="s">
        <v>3221</v>
      </c>
      <c r="P178" s="482"/>
      <c r="Q178" s="482" t="s">
        <v>3220</v>
      </c>
      <c r="R178" s="274"/>
      <c r="S178" s="274"/>
      <c r="T178" s="274"/>
    </row>
    <row r="179" spans="1:20" s="245" customFormat="1" ht="120" customHeight="1">
      <c r="A179" s="834">
        <f t="shared" si="1"/>
        <v>5</v>
      </c>
      <c r="B179" s="837" t="s">
        <v>3219</v>
      </c>
      <c r="C179" s="498"/>
      <c r="D179" s="498" t="s">
        <v>3218</v>
      </c>
      <c r="E179" s="836" t="s">
        <v>3217</v>
      </c>
      <c r="F179" s="493"/>
      <c r="G179" s="493"/>
      <c r="H179" s="498"/>
      <c r="I179" s="787"/>
      <c r="J179" s="498">
        <v>1</v>
      </c>
      <c r="K179" s="498">
        <v>2</v>
      </c>
      <c r="L179" s="498">
        <v>1</v>
      </c>
      <c r="M179" s="498"/>
      <c r="N179" s="498"/>
      <c r="O179" s="498"/>
      <c r="P179" s="498"/>
      <c r="Q179" s="498" t="s">
        <v>3216</v>
      </c>
    </row>
    <row r="180" spans="1:20" s="245" customFormat="1" ht="110.25">
      <c r="A180" s="834">
        <f t="shared" si="1"/>
        <v>6</v>
      </c>
      <c r="B180" s="837" t="s">
        <v>3215</v>
      </c>
      <c r="C180" s="498"/>
      <c r="D180" s="498" t="s">
        <v>3214</v>
      </c>
      <c r="E180" s="836" t="s">
        <v>3213</v>
      </c>
      <c r="F180" s="493"/>
      <c r="G180" s="493"/>
      <c r="H180" s="498"/>
      <c r="I180" s="787"/>
      <c r="J180" s="498">
        <v>1</v>
      </c>
      <c r="K180" s="498">
        <v>4</v>
      </c>
      <c r="L180" s="498">
        <v>1</v>
      </c>
      <c r="M180" s="498"/>
      <c r="N180" s="498"/>
      <c r="O180" s="498" t="s">
        <v>3212</v>
      </c>
      <c r="P180" s="498"/>
      <c r="Q180" s="498" t="s">
        <v>3183</v>
      </c>
    </row>
    <row r="181" spans="1:20" s="245" customFormat="1" ht="78.75">
      <c r="A181" s="834">
        <f t="shared" si="1"/>
        <v>7</v>
      </c>
      <c r="B181" s="837" t="s">
        <v>3211</v>
      </c>
      <c r="C181" s="498"/>
      <c r="D181" s="498" t="s">
        <v>3210</v>
      </c>
      <c r="E181" s="836" t="s">
        <v>3209</v>
      </c>
      <c r="F181" s="493">
        <v>36873</v>
      </c>
      <c r="G181" s="493"/>
      <c r="H181" s="498"/>
      <c r="I181" s="787"/>
      <c r="J181" s="498">
        <v>1</v>
      </c>
      <c r="K181" s="498">
        <v>3</v>
      </c>
      <c r="L181" s="498">
        <v>1</v>
      </c>
      <c r="M181" s="498"/>
      <c r="N181" s="498"/>
      <c r="O181" s="498" t="s">
        <v>3208</v>
      </c>
      <c r="P181" s="498"/>
      <c r="Q181" s="498" t="s">
        <v>3183</v>
      </c>
    </row>
    <row r="182" spans="1:20" s="245" customFormat="1" ht="110.25">
      <c r="A182" s="834">
        <f t="shared" si="1"/>
        <v>8</v>
      </c>
      <c r="B182" s="839" t="s">
        <v>3207</v>
      </c>
      <c r="C182" s="840"/>
      <c r="D182" s="840" t="s">
        <v>3206</v>
      </c>
      <c r="E182" s="841" t="s">
        <v>3205</v>
      </c>
      <c r="F182" s="840" t="s">
        <v>3204</v>
      </c>
      <c r="G182" s="840"/>
      <c r="H182" s="840"/>
      <c r="I182" s="1079"/>
      <c r="J182" s="840">
        <v>1</v>
      </c>
      <c r="K182" s="840">
        <v>6</v>
      </c>
      <c r="L182" s="840">
        <v>1</v>
      </c>
      <c r="M182" s="840"/>
      <c r="N182" s="840"/>
      <c r="O182" s="840" t="s">
        <v>3203</v>
      </c>
      <c r="P182" s="840"/>
      <c r="Q182" s="840" t="s">
        <v>3183</v>
      </c>
      <c r="R182" s="824"/>
      <c r="S182" s="824"/>
      <c r="T182" s="824"/>
    </row>
    <row r="183" spans="1:20" s="245" customFormat="1" ht="120" customHeight="1">
      <c r="A183" s="834">
        <f t="shared" si="1"/>
        <v>9</v>
      </c>
      <c r="B183" s="837" t="s">
        <v>3202</v>
      </c>
      <c r="C183" s="498"/>
      <c r="D183" s="498" t="s">
        <v>3201</v>
      </c>
      <c r="E183" s="836"/>
      <c r="F183" s="498"/>
      <c r="G183" s="498"/>
      <c r="H183" s="498"/>
      <c r="I183" s="787"/>
      <c r="J183" s="498">
        <v>5</v>
      </c>
      <c r="K183" s="498">
        <v>10</v>
      </c>
      <c r="L183" s="498">
        <v>1</v>
      </c>
      <c r="M183" s="498"/>
      <c r="N183" s="498"/>
      <c r="O183" s="498" t="s">
        <v>3200</v>
      </c>
      <c r="P183" s="498" t="s">
        <v>3199</v>
      </c>
      <c r="Q183" s="498" t="s">
        <v>3198</v>
      </c>
    </row>
    <row r="184" spans="1:20" s="245" customFormat="1" ht="78.75">
      <c r="A184" s="834">
        <f t="shared" si="1"/>
        <v>10</v>
      </c>
      <c r="B184" s="837" t="s">
        <v>3197</v>
      </c>
      <c r="C184" s="498"/>
      <c r="D184" s="498" t="s">
        <v>3196</v>
      </c>
      <c r="E184" s="836"/>
      <c r="F184" s="498"/>
      <c r="G184" s="498"/>
      <c r="H184" s="498"/>
      <c r="I184" s="800"/>
      <c r="J184" s="800">
        <v>1</v>
      </c>
      <c r="K184" s="800">
        <v>4</v>
      </c>
      <c r="L184" s="498">
        <v>1</v>
      </c>
      <c r="M184" s="498"/>
      <c r="N184" s="498"/>
      <c r="O184" s="498" t="s">
        <v>3195</v>
      </c>
      <c r="P184" s="498"/>
      <c r="Q184" s="498" t="s">
        <v>3194</v>
      </c>
    </row>
    <row r="185" spans="1:20" s="618" customFormat="1" ht="64.5" customHeight="1">
      <c r="A185" s="834">
        <f t="shared" si="1"/>
        <v>11</v>
      </c>
      <c r="B185" s="837" t="s">
        <v>3193</v>
      </c>
      <c r="C185" s="498"/>
      <c r="D185" s="498" t="s">
        <v>3192</v>
      </c>
      <c r="E185" s="836" t="s">
        <v>3191</v>
      </c>
      <c r="F185" s="493">
        <v>44865</v>
      </c>
      <c r="G185" s="498"/>
      <c r="H185" s="498"/>
      <c r="I185" s="787"/>
      <c r="J185" s="498">
        <v>1</v>
      </c>
      <c r="K185" s="498">
        <v>6</v>
      </c>
      <c r="L185" s="498">
        <v>0</v>
      </c>
      <c r="M185" s="498">
        <v>2022</v>
      </c>
      <c r="N185" s="498"/>
      <c r="O185" s="498" t="s">
        <v>3190</v>
      </c>
      <c r="P185" s="498" t="s">
        <v>3189</v>
      </c>
      <c r="Q185" s="498" t="s">
        <v>3188</v>
      </c>
      <c r="R185" s="245"/>
      <c r="S185" s="245"/>
      <c r="T185" s="245"/>
    </row>
    <row r="186" spans="1:20" s="618" customFormat="1" ht="141.75">
      <c r="A186" s="834">
        <f t="shared" si="1"/>
        <v>12</v>
      </c>
      <c r="B186" s="844" t="s">
        <v>3187</v>
      </c>
      <c r="C186" s="498"/>
      <c r="D186" s="498" t="s">
        <v>3186</v>
      </c>
      <c r="E186" s="836"/>
      <c r="F186" s="498"/>
      <c r="G186" s="498"/>
      <c r="H186" s="498"/>
      <c r="I186" s="787"/>
      <c r="J186" s="498">
        <v>1</v>
      </c>
      <c r="K186" s="498">
        <v>7</v>
      </c>
      <c r="L186" s="498"/>
      <c r="M186" s="498"/>
      <c r="N186" s="498"/>
      <c r="O186" s="498"/>
      <c r="P186" s="498"/>
      <c r="Q186" s="498" t="s">
        <v>3185</v>
      </c>
      <c r="R186" s="245"/>
      <c r="S186" s="245"/>
      <c r="T186" s="245"/>
    </row>
    <row r="187" spans="1:20" s="618" customFormat="1" ht="94.5">
      <c r="A187" s="834">
        <f t="shared" si="1"/>
        <v>13</v>
      </c>
      <c r="B187" s="837" t="s">
        <v>3682</v>
      </c>
      <c r="C187" s="498" t="s">
        <v>15</v>
      </c>
      <c r="D187" s="498" t="s">
        <v>3681</v>
      </c>
      <c r="E187" s="836" t="s">
        <v>3680</v>
      </c>
      <c r="F187" s="493">
        <v>40485</v>
      </c>
      <c r="G187" s="493" t="s">
        <v>1244</v>
      </c>
      <c r="H187" s="498" t="s">
        <v>10</v>
      </c>
      <c r="I187" s="787"/>
      <c r="J187" s="498">
        <v>1</v>
      </c>
      <c r="K187" s="498">
        <v>5</v>
      </c>
      <c r="L187" s="498">
        <v>1</v>
      </c>
      <c r="M187" s="498"/>
      <c r="N187" s="498"/>
      <c r="O187" s="498" t="s">
        <v>3679</v>
      </c>
      <c r="P187" s="498"/>
      <c r="Q187" s="498"/>
      <c r="R187" s="245"/>
      <c r="S187" s="245"/>
      <c r="T187" s="245"/>
    </row>
    <row r="188" spans="1:20" s="618" customFormat="1" ht="15.75">
      <c r="B188" s="245"/>
      <c r="C188" s="245"/>
      <c r="D188" s="245"/>
      <c r="E188" s="253"/>
      <c r="F188" s="245"/>
      <c r="G188" s="245"/>
      <c r="H188" s="245"/>
      <c r="I188" s="245"/>
      <c r="J188" s="245"/>
      <c r="K188" s="245"/>
      <c r="L188" s="245"/>
      <c r="M188" s="245"/>
      <c r="N188" s="245"/>
      <c r="O188" s="245"/>
      <c r="P188" s="245"/>
      <c r="Q188" s="245"/>
      <c r="R188" s="245"/>
      <c r="S188" s="245"/>
      <c r="T188" s="245"/>
    </row>
    <row r="189" spans="1:20" s="618" customFormat="1" ht="15.75">
      <c r="B189" s="245"/>
      <c r="C189" s="245"/>
      <c r="D189" s="245"/>
      <c r="E189" s="253"/>
      <c r="F189" s="245"/>
      <c r="G189" s="245"/>
      <c r="H189" s="245"/>
      <c r="I189" s="245"/>
      <c r="J189" s="245"/>
      <c r="K189" s="245"/>
      <c r="L189" s="245"/>
      <c r="M189" s="245"/>
      <c r="N189" s="245"/>
      <c r="O189" s="245"/>
      <c r="P189" s="245"/>
      <c r="Q189" s="245"/>
      <c r="R189" s="245"/>
      <c r="S189" s="245"/>
      <c r="T189" s="245"/>
    </row>
    <row r="190" spans="1:20" s="618" customFormat="1" ht="15.75">
      <c r="B190" s="434"/>
      <c r="C190" s="434"/>
      <c r="D190" s="434"/>
      <c r="E190" s="845"/>
      <c r="F190" s="846"/>
      <c r="G190" s="434"/>
      <c r="H190" s="845"/>
      <c r="I190" s="845"/>
      <c r="J190" s="434"/>
      <c r="K190" s="434"/>
      <c r="L190" s="434"/>
      <c r="M190" s="434"/>
      <c r="N190" s="434"/>
      <c r="O190" s="434"/>
      <c r="P190" s="434"/>
      <c r="Q190" s="434"/>
      <c r="R190" s="245"/>
      <c r="S190" s="245"/>
      <c r="T190" s="245"/>
    </row>
    <row r="191" spans="1:20" s="618" customFormat="1" ht="47.25">
      <c r="B191" s="791" t="s">
        <v>3184</v>
      </c>
      <c r="C191" s="498"/>
      <c r="D191" s="498"/>
      <c r="E191" s="836"/>
      <c r="F191" s="498"/>
      <c r="G191" s="498"/>
      <c r="H191" s="498"/>
      <c r="I191" s="787"/>
      <c r="J191" s="498">
        <v>2</v>
      </c>
      <c r="K191" s="498">
        <v>7</v>
      </c>
      <c r="L191" s="498"/>
      <c r="M191" s="498"/>
      <c r="N191" s="498"/>
      <c r="O191" s="498"/>
      <c r="P191" s="498"/>
      <c r="Q191" s="498" t="s">
        <v>3183</v>
      </c>
      <c r="R191" s="245"/>
      <c r="S191" s="245"/>
      <c r="T191" s="245"/>
    </row>
    <row r="192" spans="1:20" s="245" customFormat="1" ht="138" customHeight="1">
      <c r="A192" s="618"/>
      <c r="B192" s="498" t="s">
        <v>3182</v>
      </c>
      <c r="C192" s="498"/>
      <c r="D192" s="498"/>
      <c r="E192" s="836"/>
      <c r="F192" s="498"/>
      <c r="G192" s="498"/>
      <c r="H192" s="498"/>
      <c r="I192" s="787"/>
      <c r="J192" s="498">
        <v>2</v>
      </c>
      <c r="K192" s="498">
        <v>4</v>
      </c>
      <c r="L192" s="498"/>
      <c r="M192" s="498"/>
      <c r="N192" s="498"/>
      <c r="O192" s="498"/>
      <c r="P192" s="498"/>
      <c r="Q192" s="498" t="s">
        <v>1307</v>
      </c>
    </row>
    <row r="193" spans="1:20" s="245" customFormat="1" ht="78.75">
      <c r="B193" s="847" t="s">
        <v>3181</v>
      </c>
      <c r="C193" s="498"/>
      <c r="D193" s="498"/>
      <c r="E193" s="836"/>
      <c r="F193" s="783" t="s">
        <v>3180</v>
      </c>
      <c r="G193" s="848" t="s">
        <v>3179</v>
      </c>
      <c r="H193" s="498"/>
      <c r="I193" s="787"/>
      <c r="J193" s="498">
        <v>1</v>
      </c>
      <c r="K193" s="498">
        <v>6</v>
      </c>
      <c r="L193" s="498"/>
      <c r="M193" s="498"/>
      <c r="N193" s="498"/>
      <c r="O193" s="498"/>
      <c r="P193" s="498"/>
      <c r="Q193" s="498"/>
      <c r="R193" s="498"/>
      <c r="S193" s="498"/>
      <c r="T193" s="498"/>
    </row>
    <row r="194" spans="1:20" s="245" customFormat="1" ht="78.75">
      <c r="B194" s="498" t="s">
        <v>3178</v>
      </c>
      <c r="C194" s="498"/>
      <c r="D194" s="498"/>
      <c r="E194" s="836"/>
      <c r="F194" s="498"/>
      <c r="G194" s="848" t="s">
        <v>3177</v>
      </c>
      <c r="H194" s="498"/>
      <c r="I194" s="787"/>
      <c r="J194" s="498">
        <v>1</v>
      </c>
      <c r="K194" s="498">
        <v>6</v>
      </c>
      <c r="L194" s="498"/>
      <c r="M194" s="498"/>
      <c r="N194" s="498"/>
      <c r="O194" s="498"/>
      <c r="P194" s="498"/>
      <c r="Q194" s="498"/>
      <c r="R194" s="498"/>
      <c r="S194" s="498"/>
      <c r="T194" s="498"/>
    </row>
    <row r="195" spans="1:20" s="245" customFormat="1" ht="126">
      <c r="B195" s="498" t="s">
        <v>3176</v>
      </c>
      <c r="C195" s="498"/>
      <c r="D195" s="498"/>
      <c r="E195" s="836"/>
      <c r="F195" s="498"/>
      <c r="G195" s="848" t="s">
        <v>3175</v>
      </c>
      <c r="H195" s="498"/>
      <c r="I195" s="787"/>
      <c r="J195" s="498">
        <v>1</v>
      </c>
      <c r="K195" s="498">
        <v>6</v>
      </c>
      <c r="L195" s="498"/>
      <c r="M195" s="498"/>
      <c r="N195" s="498"/>
      <c r="O195" s="498"/>
      <c r="P195" s="498"/>
      <c r="Q195" s="498"/>
      <c r="R195" s="498"/>
      <c r="S195" s="498"/>
      <c r="T195" s="498"/>
    </row>
    <row r="196" spans="1:20" s="245" customFormat="1" ht="94.5">
      <c r="B196" s="498" t="s">
        <v>3174</v>
      </c>
      <c r="C196" s="498"/>
      <c r="D196" s="498"/>
      <c r="E196" s="836"/>
      <c r="F196" s="498"/>
      <c r="G196" s="848" t="s">
        <v>3173</v>
      </c>
      <c r="H196" s="498"/>
      <c r="I196" s="787"/>
      <c r="J196" s="498">
        <v>1</v>
      </c>
      <c r="K196" s="498">
        <v>8</v>
      </c>
      <c r="L196" s="498"/>
      <c r="M196" s="498"/>
      <c r="N196" s="498"/>
      <c r="O196" s="498"/>
      <c r="P196" s="498"/>
      <c r="Q196" s="498"/>
      <c r="R196" s="498"/>
      <c r="S196" s="498"/>
      <c r="T196" s="498"/>
    </row>
    <row r="197" spans="1:20" s="245" customFormat="1" ht="94.5">
      <c r="A197" s="618"/>
      <c r="B197" s="498" t="s">
        <v>3172</v>
      </c>
      <c r="C197" s="498"/>
      <c r="D197" s="498"/>
      <c r="E197" s="836"/>
      <c r="F197" s="498"/>
      <c r="G197" s="848" t="s">
        <v>3171</v>
      </c>
      <c r="H197" s="498"/>
      <c r="I197" s="787"/>
      <c r="J197" s="498">
        <v>1</v>
      </c>
      <c r="K197" s="498">
        <v>4</v>
      </c>
      <c r="L197" s="498"/>
      <c r="M197" s="498"/>
      <c r="N197" s="498"/>
      <c r="O197" s="498"/>
      <c r="P197" s="498"/>
      <c r="Q197" s="498"/>
      <c r="R197" s="498"/>
      <c r="S197" s="498"/>
      <c r="T197" s="498"/>
    </row>
    <row r="198" spans="1:20" s="245" customFormat="1" ht="78.75">
      <c r="B198" s="498" t="s">
        <v>3170</v>
      </c>
      <c r="C198" s="498"/>
      <c r="D198" s="498"/>
      <c r="E198" s="836"/>
      <c r="F198" s="498"/>
      <c r="G198" s="848" t="s">
        <v>3169</v>
      </c>
      <c r="H198" s="498"/>
      <c r="I198" s="787"/>
      <c r="J198" s="498">
        <v>1</v>
      </c>
      <c r="K198" s="498">
        <v>4</v>
      </c>
      <c r="L198" s="498"/>
      <c r="M198" s="498"/>
      <c r="N198" s="498"/>
      <c r="O198" s="498"/>
      <c r="P198" s="498"/>
      <c r="Q198" s="498"/>
      <c r="R198" s="498"/>
      <c r="S198" s="498"/>
      <c r="T198" s="498"/>
    </row>
    <row r="199" spans="1:20" s="245" customFormat="1" ht="94.5">
      <c r="B199" s="498" t="s">
        <v>3168</v>
      </c>
      <c r="C199" s="498"/>
      <c r="D199" s="498"/>
      <c r="E199" s="836"/>
      <c r="F199" s="498"/>
      <c r="G199" s="848" t="s">
        <v>3167</v>
      </c>
      <c r="H199" s="498"/>
      <c r="I199" s="787"/>
      <c r="J199" s="498">
        <v>1</v>
      </c>
      <c r="K199" s="498">
        <v>4</v>
      </c>
      <c r="L199" s="498"/>
      <c r="M199" s="498"/>
      <c r="N199" s="498"/>
      <c r="O199" s="498"/>
      <c r="P199" s="498"/>
      <c r="Q199" s="498"/>
      <c r="R199" s="498"/>
      <c r="S199" s="498"/>
      <c r="T199" s="498"/>
    </row>
    <row r="200" spans="1:20" s="245" customFormat="1" ht="126">
      <c r="B200" s="498" t="s">
        <v>3166</v>
      </c>
      <c r="C200" s="498"/>
      <c r="D200" s="498" t="s">
        <v>3165</v>
      </c>
      <c r="E200" s="836"/>
      <c r="F200" s="498"/>
      <c r="G200" s="498" t="s">
        <v>3164</v>
      </c>
      <c r="H200" s="498"/>
      <c r="I200" s="787"/>
      <c r="J200" s="498"/>
      <c r="K200" s="498"/>
      <c r="L200" s="498"/>
      <c r="M200" s="498"/>
      <c r="N200" s="498"/>
      <c r="O200" s="498"/>
      <c r="P200" s="849" t="s">
        <v>4913</v>
      </c>
      <c r="Q200" s="498" t="s">
        <v>3163</v>
      </c>
    </row>
    <row r="201" spans="1:20" s="245" customFormat="1" ht="15.75">
      <c r="E201" s="253"/>
    </row>
    <row r="202" spans="1:20" s="245" customFormat="1" ht="15.75">
      <c r="E202" s="253"/>
    </row>
    <row r="203" spans="1:20" s="245" customFormat="1" ht="15.75">
      <c r="E203" s="253"/>
    </row>
    <row r="204" spans="1:20" s="245" customFormat="1" ht="15.75">
      <c r="E204" s="253"/>
    </row>
    <row r="205" spans="1:20" s="245" customFormat="1" ht="299.25">
      <c r="A205" s="618"/>
      <c r="B205" s="849" t="s">
        <v>4914</v>
      </c>
      <c r="C205" s="498"/>
      <c r="D205" s="849" t="s">
        <v>4915</v>
      </c>
      <c r="E205" s="850" t="s">
        <v>4916</v>
      </c>
      <c r="F205" s="851">
        <v>45442</v>
      </c>
      <c r="G205" s="849" t="s">
        <v>4917</v>
      </c>
      <c r="H205" s="850" t="s">
        <v>4918</v>
      </c>
      <c r="I205" s="796"/>
      <c r="J205" s="498">
        <v>25</v>
      </c>
      <c r="K205" s="498">
        <v>50</v>
      </c>
      <c r="L205" s="498">
        <v>10</v>
      </c>
      <c r="M205" s="830"/>
      <c r="N205" s="498"/>
      <c r="O205" s="498"/>
      <c r="P205" s="498"/>
      <c r="Q205" s="850" t="s">
        <v>4919</v>
      </c>
    </row>
    <row r="206" spans="1:20" s="245" customFormat="1" ht="15.75">
      <c r="E206" s="253"/>
    </row>
    <row r="207" spans="1:20" s="245" customFormat="1" ht="15.75">
      <c r="E207" s="253"/>
    </row>
    <row r="208" spans="1:20" s="245" customFormat="1" ht="126">
      <c r="B208" s="245" t="s">
        <v>3161</v>
      </c>
      <c r="E208" s="253"/>
    </row>
    <row r="209" spans="1:17" s="245" customFormat="1" ht="15.75">
      <c r="A209" s="618"/>
      <c r="E209" s="253"/>
    </row>
    <row r="210" spans="1:17" s="245" customFormat="1" ht="63">
      <c r="B210" s="245" t="s">
        <v>3160</v>
      </c>
      <c r="E210" s="253"/>
    </row>
    <row r="211" spans="1:17" s="245" customFormat="1" ht="78.75">
      <c r="B211" s="245" t="s">
        <v>3159</v>
      </c>
      <c r="E211" s="253"/>
    </row>
    <row r="212" spans="1:17" s="245" customFormat="1" ht="15.75">
      <c r="E212" s="253"/>
    </row>
    <row r="213" spans="1:17" s="245" customFormat="1" ht="110.25">
      <c r="B213" s="852" t="s">
        <v>3158</v>
      </c>
      <c r="C213" s="853"/>
      <c r="D213" s="854" t="s">
        <v>3157</v>
      </c>
      <c r="E213" s="855">
        <v>5</v>
      </c>
      <c r="F213" s="855">
        <v>25</v>
      </c>
      <c r="G213" s="855" t="s">
        <v>2134</v>
      </c>
      <c r="H213" s="498" t="s">
        <v>383</v>
      </c>
      <c r="I213" s="787"/>
      <c r="J213" s="498"/>
      <c r="K213" s="498"/>
      <c r="L213" s="498"/>
      <c r="M213" s="498"/>
      <c r="N213" s="498"/>
      <c r="O213" s="498"/>
      <c r="P213" s="498"/>
      <c r="Q213" s="498"/>
    </row>
    <row r="214" spans="1:17" s="245" customFormat="1" ht="78.75">
      <c r="B214" s="245" t="s">
        <v>3156</v>
      </c>
      <c r="E214" s="253"/>
      <c r="Q214" s="245" t="s">
        <v>3155</v>
      </c>
    </row>
    <row r="215" spans="1:17" s="245" customFormat="1" ht="15.75">
      <c r="E215" s="253"/>
    </row>
    <row r="216" spans="1:17" s="245" customFormat="1" ht="15.75">
      <c r="E216" s="253"/>
    </row>
    <row r="217" spans="1:17" s="245" customFormat="1" ht="126">
      <c r="B217" s="856" t="s">
        <v>3154</v>
      </c>
      <c r="C217" s="857" t="s">
        <v>2631</v>
      </c>
      <c r="D217" s="856" t="s">
        <v>3153</v>
      </c>
      <c r="E217" s="858">
        <v>100300014568</v>
      </c>
      <c r="F217" s="859">
        <v>38231</v>
      </c>
      <c r="G217" s="859" t="s">
        <v>3152</v>
      </c>
      <c r="H217" s="857" t="s">
        <v>4920</v>
      </c>
      <c r="I217" s="1124"/>
      <c r="J217" s="856">
        <v>1</v>
      </c>
      <c r="K217" s="856">
        <v>2</v>
      </c>
      <c r="L217" s="1290" t="s">
        <v>4921</v>
      </c>
      <c r="M217" s="1291"/>
    </row>
    <row r="218" spans="1:17" s="245" customFormat="1" ht="15.75">
      <c r="E218" s="253"/>
    </row>
    <row r="219" spans="1:17" s="245" customFormat="1" ht="15.75">
      <c r="D219" s="813"/>
      <c r="E219" s="1292" t="s">
        <v>4922</v>
      </c>
      <c r="F219" s="1291"/>
      <c r="G219" s="1291"/>
    </row>
    <row r="220" spans="1:17" s="245" customFormat="1" ht="15.75">
      <c r="D220" s="860"/>
      <c r="E220" s="1292" t="s">
        <v>4923</v>
      </c>
      <c r="F220" s="1291"/>
      <c r="G220" s="1291"/>
    </row>
    <row r="221" spans="1:17" s="245" customFormat="1" ht="15.75">
      <c r="E221" s="253"/>
    </row>
    <row r="222" spans="1:17" s="245" customFormat="1" ht="15.75">
      <c r="E222" s="253"/>
    </row>
    <row r="223" spans="1:17" s="245" customFormat="1" ht="15.75">
      <c r="E223" s="253"/>
    </row>
    <row r="224" spans="1:17" s="245" customFormat="1" ht="15.75">
      <c r="E224" s="253"/>
    </row>
    <row r="225" spans="5:5" s="245" customFormat="1" ht="15.75">
      <c r="E225" s="253"/>
    </row>
  </sheetData>
  <autoFilter ref="A14:R187"/>
  <mergeCells count="9">
    <mergeCell ref="B174:Q174"/>
    <mergeCell ref="L217:M217"/>
    <mergeCell ref="E219:G219"/>
    <mergeCell ref="E220:G220"/>
    <mergeCell ref="B1:O1"/>
    <mergeCell ref="B13:Q13"/>
    <mergeCell ref="B10:Q10"/>
    <mergeCell ref="B12:Q12"/>
    <mergeCell ref="E8:F8"/>
  </mergeCells>
  <hyperlinks>
    <hyperlink ref="R50" r:id="rId1" display="ALEXANDER.V.KOTELNIKOV@GMAIL._x000a_COM_x000a_"/>
    <hyperlink ref="Q156" r:id="rId2" display="https://vk.com/rigola10"/>
    <hyperlink ref="Q42" r:id="rId3"/>
    <hyperlink ref="Q84" r:id="rId4" location="contacts"/>
    <hyperlink ref="Q83" r:id="rId5"/>
    <hyperlink ref="Q82" r:id="rId6"/>
    <hyperlink ref="E176" r:id="rId7"/>
    <hyperlink ref="G197" r:id="rId8"/>
    <hyperlink ref="G198" r:id="rId9"/>
    <hyperlink ref="G193" r:id="rId10"/>
    <hyperlink ref="G195" r:id="rId11"/>
    <hyperlink ref="G194" r:id="rId12"/>
    <hyperlink ref="G199" r:id="rId13"/>
    <hyperlink ref="G196" r:id="rId14"/>
  </hyperlinks>
  <pageMargins left="0.7" right="0.7" top="0.75" bottom="0.75" header="0.3" footer="0.3"/>
  <pageSetup paperSize="9" scale="48" fitToHeight="0" orientation="landscape" r:id="rId15"/>
</worksheet>
</file>

<file path=xl/worksheets/sheet3.xml><?xml version="1.0" encoding="utf-8"?>
<worksheet xmlns="http://schemas.openxmlformats.org/spreadsheetml/2006/main" xmlns:r="http://schemas.openxmlformats.org/officeDocument/2006/relationships">
  <sheetPr>
    <pageSetUpPr fitToPage="1"/>
  </sheetPr>
  <dimension ref="A1:G21"/>
  <sheetViews>
    <sheetView workbookViewId="0">
      <selection activeCell="I9" sqref="I9"/>
    </sheetView>
  </sheetViews>
  <sheetFormatPr defaultRowHeight="18.75"/>
  <cols>
    <col min="1" max="1" width="19.42578125" customWidth="1"/>
    <col min="6" max="6" width="22.42578125" style="149" customWidth="1"/>
    <col min="7" max="7" width="10.140625" bestFit="1" customWidth="1"/>
  </cols>
  <sheetData>
    <row r="1" spans="1:7" ht="38.25" customHeight="1">
      <c r="A1" s="1137" t="s">
        <v>4145</v>
      </c>
      <c r="B1" s="150" t="s">
        <v>4144</v>
      </c>
      <c r="C1" s="150" t="s">
        <v>179</v>
      </c>
      <c r="D1" s="150" t="s">
        <v>2631</v>
      </c>
      <c r="E1" s="151" t="s">
        <v>4142</v>
      </c>
      <c r="F1" s="146" t="s">
        <v>4162</v>
      </c>
      <c r="G1" s="161">
        <v>45623</v>
      </c>
    </row>
    <row r="2" spans="1:7">
      <c r="A2" s="1138"/>
      <c r="B2" s="144" t="s">
        <v>4139</v>
      </c>
      <c r="C2" s="144" t="s">
        <v>4139</v>
      </c>
      <c r="D2" s="144" t="s">
        <v>4139</v>
      </c>
      <c r="E2" s="144" t="s">
        <v>4139</v>
      </c>
      <c r="F2" s="147" t="s">
        <v>4163</v>
      </c>
    </row>
    <row r="3" spans="1:7" ht="31.5">
      <c r="A3" s="152" t="s">
        <v>4138</v>
      </c>
      <c r="B3" s="145">
        <v>101</v>
      </c>
      <c r="C3" s="145">
        <v>43</v>
      </c>
      <c r="D3" s="145">
        <v>42</v>
      </c>
      <c r="E3" s="153">
        <v>85</v>
      </c>
      <c r="F3" s="148">
        <v>42</v>
      </c>
    </row>
    <row r="4" spans="1:7" ht="31.5">
      <c r="A4" s="152" t="s">
        <v>4137</v>
      </c>
      <c r="B4" s="133">
        <f>[3]Костомукша!C3</f>
        <v>22</v>
      </c>
      <c r="C4" s="133">
        <v>3</v>
      </c>
      <c r="D4" s="133">
        <v>12</v>
      </c>
      <c r="E4" s="153">
        <f>SUM(C4:D4)</f>
        <v>15</v>
      </c>
      <c r="F4" s="160">
        <v>5</v>
      </c>
    </row>
    <row r="5" spans="1:7" ht="47.25">
      <c r="A5" s="152" t="s">
        <v>2108</v>
      </c>
      <c r="B5" s="133">
        <f>'Беломорский '!C3</f>
        <v>28</v>
      </c>
      <c r="C5" s="133">
        <v>6</v>
      </c>
      <c r="D5" s="133">
        <v>17</v>
      </c>
      <c r="E5" s="153">
        <f>SUM(C5:D5)</f>
        <v>23</v>
      </c>
      <c r="F5" s="160">
        <v>5</v>
      </c>
    </row>
    <row r="6" spans="1:7" ht="47.25">
      <c r="A6" s="152" t="s">
        <v>4136</v>
      </c>
      <c r="B6" s="133">
        <f>'[3]Калевальский '!C3</f>
        <v>23</v>
      </c>
      <c r="C6" s="133">
        <v>3</v>
      </c>
      <c r="D6" s="133">
        <v>12</v>
      </c>
      <c r="E6" s="153">
        <v>15</v>
      </c>
      <c r="F6" s="159">
        <v>3</v>
      </c>
    </row>
    <row r="7" spans="1:7" ht="47.25">
      <c r="A7" s="152" t="s">
        <v>719</v>
      </c>
      <c r="B7" s="152">
        <v>21</v>
      </c>
      <c r="C7" s="152">
        <v>5</v>
      </c>
      <c r="D7" s="133">
        <v>6</v>
      </c>
      <c r="E7" s="153">
        <v>11</v>
      </c>
      <c r="F7" s="159">
        <v>4</v>
      </c>
    </row>
    <row r="8" spans="1:7" ht="47.25">
      <c r="A8" s="152" t="s">
        <v>2742</v>
      </c>
      <c r="B8" s="152">
        <v>63</v>
      </c>
      <c r="C8" s="152">
        <v>18</v>
      </c>
      <c r="D8" s="133">
        <v>20</v>
      </c>
      <c r="E8" s="153">
        <v>38</v>
      </c>
      <c r="F8" s="148">
        <v>11</v>
      </c>
    </row>
    <row r="9" spans="1:7" ht="47.25">
      <c r="A9" s="152" t="s">
        <v>486</v>
      </c>
      <c r="B9" s="154">
        <v>69</v>
      </c>
      <c r="C9" s="154">
        <v>19</v>
      </c>
      <c r="D9" s="145">
        <v>37</v>
      </c>
      <c r="E9" s="153">
        <f>SUM(C9:D9)</f>
        <v>56</v>
      </c>
      <c r="F9" s="148">
        <v>6</v>
      </c>
    </row>
    <row r="10" spans="1:7" ht="47.25">
      <c r="A10" s="152" t="s">
        <v>3853</v>
      </c>
      <c r="B10" s="152">
        <v>51</v>
      </c>
      <c r="C10" s="152">
        <v>18</v>
      </c>
      <c r="D10" s="133">
        <v>17</v>
      </c>
      <c r="E10" s="153">
        <v>35</v>
      </c>
      <c r="F10" s="159">
        <v>3</v>
      </c>
    </row>
    <row r="11" spans="1:7" ht="47.25">
      <c r="A11" s="152" t="s">
        <v>2985</v>
      </c>
      <c r="B11" s="152">
        <v>76</v>
      </c>
      <c r="C11" s="152">
        <v>8</v>
      </c>
      <c r="D11" s="133">
        <v>41</v>
      </c>
      <c r="E11" s="153">
        <v>49</v>
      </c>
      <c r="F11" s="148">
        <v>6</v>
      </c>
    </row>
    <row r="12" spans="1:7" ht="47.25">
      <c r="A12" s="152" t="s">
        <v>2472</v>
      </c>
      <c r="B12" s="133">
        <v>13</v>
      </c>
      <c r="C12" s="133">
        <v>6</v>
      </c>
      <c r="D12" s="133">
        <v>4</v>
      </c>
      <c r="E12" s="153">
        <v>10</v>
      </c>
      <c r="F12" s="159">
        <v>2</v>
      </c>
    </row>
    <row r="13" spans="1:7" ht="63">
      <c r="A13" s="152" t="s">
        <v>961</v>
      </c>
      <c r="B13" s="152">
        <v>49</v>
      </c>
      <c r="C13" s="152">
        <v>8</v>
      </c>
      <c r="D13" s="133">
        <v>22</v>
      </c>
      <c r="E13" s="153">
        <v>30</v>
      </c>
      <c r="F13" s="148">
        <v>7</v>
      </c>
    </row>
    <row r="14" spans="1:7" ht="47.25">
      <c r="A14" s="152" t="s">
        <v>4135</v>
      </c>
      <c r="B14" s="154">
        <v>55</v>
      </c>
      <c r="C14" s="154">
        <v>8</v>
      </c>
      <c r="D14" s="145">
        <v>25</v>
      </c>
      <c r="E14" s="153">
        <f>SUM(C14:D14)</f>
        <v>33</v>
      </c>
      <c r="F14" s="159">
        <v>3</v>
      </c>
    </row>
    <row r="15" spans="1:7" ht="47.25">
      <c r="A15" s="152" t="s">
        <v>1540</v>
      </c>
      <c r="B15" s="152">
        <v>61</v>
      </c>
      <c r="C15" s="152">
        <v>16</v>
      </c>
      <c r="D15" s="133">
        <v>22</v>
      </c>
      <c r="E15" s="153">
        <f>SUM(C15:D15)</f>
        <v>38</v>
      </c>
      <c r="F15" s="148">
        <v>11</v>
      </c>
    </row>
    <row r="16" spans="1:7" ht="63">
      <c r="A16" s="152" t="s">
        <v>1544</v>
      </c>
      <c r="B16" s="152">
        <v>62</v>
      </c>
      <c r="C16" s="152">
        <v>26</v>
      </c>
      <c r="D16" s="133">
        <v>22</v>
      </c>
      <c r="E16" s="153">
        <f>SUM(C16:D16)</f>
        <v>48</v>
      </c>
      <c r="F16" s="159">
        <v>4</v>
      </c>
    </row>
    <row r="17" spans="1:6" ht="47.25">
      <c r="A17" s="152" t="s">
        <v>3150</v>
      </c>
      <c r="B17" s="152">
        <v>40</v>
      </c>
      <c r="C17" s="152">
        <v>4</v>
      </c>
      <c r="D17" s="133">
        <v>17</v>
      </c>
      <c r="E17" s="153">
        <f>SUM(C17:D17)</f>
        <v>21</v>
      </c>
      <c r="F17" s="159">
        <v>3</v>
      </c>
    </row>
    <row r="18" spans="1:6" ht="47.25">
      <c r="A18" s="152" t="s">
        <v>573</v>
      </c>
      <c r="B18" s="152">
        <v>28</v>
      </c>
      <c r="C18" s="152">
        <v>8</v>
      </c>
      <c r="D18" s="133">
        <v>12</v>
      </c>
      <c r="E18" s="153">
        <f>SUM(D18:D18)</f>
        <v>12</v>
      </c>
      <c r="F18" s="148">
        <v>7</v>
      </c>
    </row>
    <row r="19" spans="1:6" ht="47.25">
      <c r="A19" s="152" t="s">
        <v>3795</v>
      </c>
      <c r="B19" s="154">
        <v>152</v>
      </c>
      <c r="C19" s="154">
        <v>36</v>
      </c>
      <c r="D19" s="145">
        <v>61</v>
      </c>
      <c r="E19" s="153">
        <f>SUM(C19:D19)</f>
        <v>97</v>
      </c>
      <c r="F19" s="148">
        <v>25</v>
      </c>
    </row>
    <row r="20" spans="1:6" ht="47.25">
      <c r="A20" s="152" t="s">
        <v>158</v>
      </c>
      <c r="B20" s="152">
        <v>32</v>
      </c>
      <c r="C20" s="152">
        <v>5</v>
      </c>
      <c r="D20" s="133">
        <v>9</v>
      </c>
      <c r="E20" s="153">
        <f>SUM(C20:D20)</f>
        <v>14</v>
      </c>
      <c r="F20" s="159">
        <v>4</v>
      </c>
    </row>
    <row r="21" spans="1:6">
      <c r="A21" s="155" t="s">
        <v>964</v>
      </c>
      <c r="B21" s="156">
        <v>949</v>
      </c>
      <c r="C21" s="156">
        <f>SUM(C3:C20)</f>
        <v>240</v>
      </c>
      <c r="D21" s="157">
        <v>398</v>
      </c>
      <c r="E21" s="158">
        <v>638</v>
      </c>
      <c r="F21" s="146">
        <f>SUM(F3:F20)</f>
        <v>151</v>
      </c>
    </row>
  </sheetData>
  <mergeCells count="1">
    <mergeCell ref="A1:A2"/>
  </mergeCells>
  <pageMargins left="0.7" right="0.7" top="0.75" bottom="0.75" header="0.3" footer="0.3"/>
  <pageSetup paperSize="9" scale="81" orientation="portrait" r:id="rId1"/>
</worksheet>
</file>

<file path=xl/worksheets/sheet4.xml><?xml version="1.0" encoding="utf-8"?>
<worksheet xmlns="http://schemas.openxmlformats.org/spreadsheetml/2006/main" xmlns:r="http://schemas.openxmlformats.org/officeDocument/2006/relationships">
  <dimension ref="A1:O398"/>
  <sheetViews>
    <sheetView zoomScale="90" zoomScaleNormal="90" workbookViewId="0">
      <selection activeCell="H10" sqref="H10"/>
    </sheetView>
  </sheetViews>
  <sheetFormatPr defaultRowHeight="15"/>
  <cols>
    <col min="1" max="1" width="6.28515625" style="56" customWidth="1"/>
    <col min="2" max="2" width="45.85546875" style="56" customWidth="1"/>
    <col min="3" max="3" width="12" style="56" customWidth="1"/>
    <col min="4" max="4" width="21" style="56" customWidth="1"/>
    <col min="5" max="5" width="18.7109375" style="56" customWidth="1"/>
    <col min="6" max="6" width="14.7109375" style="56" customWidth="1"/>
    <col min="7" max="7" width="19.5703125" style="56" customWidth="1"/>
    <col min="8" max="9" width="21" style="56" customWidth="1"/>
    <col min="10" max="12" width="16.140625" style="56" customWidth="1"/>
    <col min="13" max="13" width="17.85546875" style="56" customWidth="1"/>
    <col min="14" max="14" width="39.7109375" style="56" customWidth="1"/>
    <col min="15" max="15" width="34" style="56" customWidth="1"/>
    <col min="16" max="16384" width="9.140625" style="56"/>
  </cols>
  <sheetData>
    <row r="1" spans="1:15" s="68" customFormat="1" ht="31.5" customHeight="1">
      <c r="A1" s="1143" t="s">
        <v>2405</v>
      </c>
      <c r="B1" s="1143"/>
      <c r="C1" s="1143"/>
      <c r="D1" s="1143"/>
      <c r="E1" s="1143"/>
      <c r="F1" s="1143"/>
      <c r="G1" s="1143"/>
      <c r="H1" s="1143"/>
      <c r="I1" s="1143"/>
      <c r="J1" s="1143"/>
      <c r="K1" s="1143"/>
      <c r="L1" s="1143"/>
      <c r="M1" s="1143"/>
      <c r="N1" s="1143"/>
    </row>
    <row r="2" spans="1:15" ht="79.5" customHeight="1">
      <c r="A2" s="67" t="s">
        <v>173</v>
      </c>
      <c r="B2" s="66" t="s">
        <v>186</v>
      </c>
      <c r="C2" s="66" t="s">
        <v>184</v>
      </c>
      <c r="E2" s="66" t="s">
        <v>2404</v>
      </c>
      <c r="F2" s="66" t="s">
        <v>184</v>
      </c>
      <c r="H2" s="64"/>
      <c r="I2" s="64"/>
      <c r="K2" s="64"/>
      <c r="L2" s="64"/>
      <c r="M2" s="64"/>
      <c r="N2" s="64"/>
    </row>
    <row r="3" spans="1:15" ht="36" customHeight="1">
      <c r="A3" s="60"/>
      <c r="B3" s="66" t="s">
        <v>183</v>
      </c>
      <c r="C3" s="66">
        <f>SUM(C4:C5)</f>
        <v>105</v>
      </c>
      <c r="E3" s="66" t="s">
        <v>182</v>
      </c>
      <c r="F3" s="202">
        <f>SUM(F4:F7)</f>
        <v>104</v>
      </c>
      <c r="H3" s="64"/>
      <c r="I3" s="64"/>
      <c r="K3" s="64"/>
      <c r="L3" s="64"/>
      <c r="M3" s="64"/>
      <c r="N3" s="64"/>
    </row>
    <row r="4" spans="1:15" ht="37.5" customHeight="1">
      <c r="A4" s="60" t="s">
        <v>181</v>
      </c>
      <c r="B4" s="58" t="s">
        <v>180</v>
      </c>
      <c r="C4" s="58">
        <v>104</v>
      </c>
      <c r="E4" s="58" t="s">
        <v>179</v>
      </c>
      <c r="F4" s="203">
        <v>44</v>
      </c>
      <c r="H4" s="64"/>
      <c r="I4" s="64"/>
      <c r="K4" s="64"/>
      <c r="L4" s="64"/>
      <c r="M4" s="64"/>
      <c r="N4" s="64"/>
    </row>
    <row r="5" spans="1:15" ht="33" customHeight="1">
      <c r="A5" s="60" t="s">
        <v>178</v>
      </c>
      <c r="B5" s="58" t="s">
        <v>177</v>
      </c>
      <c r="C5" s="58">
        <v>1</v>
      </c>
      <c r="E5" s="58" t="s">
        <v>15</v>
      </c>
      <c r="F5" s="203">
        <v>42</v>
      </c>
      <c r="G5" s="56" t="s">
        <v>4199</v>
      </c>
      <c r="H5" s="196">
        <f>SUM(J14+J15+J16+J18+J19+J21+J23+J25+J28+J29+J30+J31+J32+J33+J34+J36+J37+J38+J40+J41+J42+J43+J46+J47+J48+J49+J50+J51+J54+J55+J56+J59+J64+J67+J70+J73+J82+J84+J105+J106+J108+10+10)</f>
        <v>1049</v>
      </c>
      <c r="I5" s="196"/>
      <c r="K5" s="64"/>
      <c r="L5" s="64"/>
      <c r="M5" s="64"/>
      <c r="N5" s="64"/>
    </row>
    <row r="6" spans="1:15" ht="23.25" customHeight="1">
      <c r="A6" s="65"/>
      <c r="E6" s="58" t="s">
        <v>27</v>
      </c>
      <c r="F6" s="203">
        <v>16</v>
      </c>
      <c r="H6" s="64"/>
      <c r="I6" s="64"/>
      <c r="K6" s="64"/>
      <c r="L6" s="64"/>
      <c r="M6" s="64"/>
      <c r="N6" s="64"/>
    </row>
    <row r="7" spans="1:15" s="61" customFormat="1" ht="56.25" customHeight="1">
      <c r="A7" s="63"/>
      <c r="B7" s="61" t="s">
        <v>156</v>
      </c>
      <c r="E7" s="176" t="s">
        <v>53</v>
      </c>
      <c r="F7" s="176">
        <v>2</v>
      </c>
      <c r="H7" s="121">
        <v>43</v>
      </c>
      <c r="I7" s="1047"/>
      <c r="J7" s="122">
        <f>SUM(J14:J116)</f>
        <v>1651</v>
      </c>
      <c r="K7" s="122">
        <f>SUM(K14:K116)</f>
        <v>3407</v>
      </c>
      <c r="L7" s="62" t="s">
        <v>156</v>
      </c>
      <c r="M7" s="62"/>
      <c r="N7" s="62"/>
    </row>
    <row r="9" spans="1:15" ht="18.75" customHeight="1">
      <c r="A9" s="90"/>
      <c r="B9" s="1144" t="s">
        <v>174</v>
      </c>
      <c r="C9" s="1144"/>
      <c r="D9" s="1144"/>
      <c r="E9" s="1144"/>
      <c r="F9" s="1144"/>
      <c r="G9" s="1144"/>
      <c r="H9" s="1144"/>
      <c r="I9" s="1145"/>
      <c r="J9" s="1144"/>
      <c r="K9" s="1144"/>
      <c r="L9" s="1144"/>
      <c r="M9" s="1144"/>
      <c r="N9" s="1144"/>
      <c r="O9" s="1144"/>
    </row>
    <row r="10" spans="1:15" ht="106.5" customHeight="1">
      <c r="A10" s="90" t="s">
        <v>173</v>
      </c>
      <c r="B10" s="90" t="s">
        <v>172</v>
      </c>
      <c r="C10" s="90" t="s">
        <v>171</v>
      </c>
      <c r="D10" s="90" t="s">
        <v>170</v>
      </c>
      <c r="E10" s="90" t="s">
        <v>169</v>
      </c>
      <c r="F10" s="90" t="s">
        <v>168</v>
      </c>
      <c r="G10" s="90" t="s">
        <v>167</v>
      </c>
      <c r="H10" s="1064" t="s">
        <v>5073</v>
      </c>
      <c r="I10" s="1065" t="s">
        <v>5074</v>
      </c>
      <c r="J10" s="90" t="s">
        <v>166</v>
      </c>
      <c r="K10" s="90" t="s">
        <v>165</v>
      </c>
      <c r="L10" s="90" t="s">
        <v>164</v>
      </c>
      <c r="M10" s="1064" t="s">
        <v>162</v>
      </c>
      <c r="N10" s="90" t="s">
        <v>161</v>
      </c>
      <c r="O10" s="90" t="s">
        <v>159</v>
      </c>
    </row>
    <row r="11" spans="1:15">
      <c r="A11" s="90"/>
      <c r="B11" s="1144" t="s">
        <v>2403</v>
      </c>
      <c r="C11" s="1144"/>
      <c r="D11" s="1144"/>
      <c r="E11" s="1144"/>
      <c r="F11" s="1144"/>
      <c r="G11" s="1144"/>
      <c r="H11" s="1144"/>
      <c r="I11" s="1145"/>
      <c r="J11" s="1144"/>
      <c r="K11" s="1144"/>
      <c r="L11" s="1144"/>
      <c r="M11" s="1144"/>
      <c r="N11" s="1144"/>
      <c r="O11" s="1144"/>
    </row>
    <row r="12" spans="1:15">
      <c r="A12" s="90"/>
      <c r="B12" s="1144" t="s">
        <v>157</v>
      </c>
      <c r="C12" s="1144"/>
      <c r="D12" s="1144"/>
      <c r="E12" s="1144"/>
      <c r="F12" s="1144"/>
      <c r="G12" s="1144"/>
      <c r="H12" s="1144"/>
      <c r="I12" s="1145"/>
      <c r="J12" s="1144"/>
      <c r="K12" s="1144"/>
      <c r="L12" s="1144"/>
      <c r="M12" s="1144"/>
      <c r="N12" s="1144"/>
      <c r="O12" s="1144"/>
    </row>
    <row r="13" spans="1:15">
      <c r="A13" s="90">
        <v>1</v>
      </c>
      <c r="B13" s="90">
        <v>2</v>
      </c>
      <c r="C13" s="90">
        <v>3</v>
      </c>
      <c r="D13" s="90">
        <v>4</v>
      </c>
      <c r="E13" s="90">
        <v>5</v>
      </c>
      <c r="F13" s="90">
        <v>6</v>
      </c>
      <c r="G13" s="90">
        <v>7</v>
      </c>
      <c r="H13" s="90">
        <v>8</v>
      </c>
      <c r="I13" s="1048"/>
      <c r="J13" s="90">
        <v>9</v>
      </c>
      <c r="K13" s="90">
        <v>10</v>
      </c>
      <c r="L13" s="90">
        <v>11</v>
      </c>
      <c r="M13" s="90"/>
      <c r="N13" s="90">
        <v>12</v>
      </c>
      <c r="O13" s="90">
        <v>14</v>
      </c>
    </row>
    <row r="14" spans="1:15" ht="180.75" customHeight="1">
      <c r="A14" s="90">
        <v>1</v>
      </c>
      <c r="B14" s="203" t="s">
        <v>2402</v>
      </c>
      <c r="C14" s="203" t="s">
        <v>179</v>
      </c>
      <c r="D14" s="203" t="s">
        <v>2401</v>
      </c>
      <c r="E14" s="203">
        <v>4617004041</v>
      </c>
      <c r="F14" s="204">
        <v>37488</v>
      </c>
      <c r="G14" s="204" t="s">
        <v>63</v>
      </c>
      <c r="H14" s="203" t="s">
        <v>2400</v>
      </c>
      <c r="I14" s="1048"/>
      <c r="J14" s="203">
        <v>82</v>
      </c>
      <c r="K14" s="203">
        <v>146</v>
      </c>
      <c r="L14" s="203">
        <v>15</v>
      </c>
      <c r="M14" s="203"/>
      <c r="N14" s="176" t="s">
        <v>2399</v>
      </c>
      <c r="O14" s="203"/>
    </row>
    <row r="15" spans="1:15" ht="128.25" customHeight="1">
      <c r="A15" s="90">
        <v>2</v>
      </c>
      <c r="B15" s="203" t="s">
        <v>2398</v>
      </c>
      <c r="C15" s="203" t="s">
        <v>179</v>
      </c>
      <c r="D15" s="203" t="s">
        <v>2397</v>
      </c>
      <c r="E15" s="203">
        <v>1001089532</v>
      </c>
      <c r="F15" s="204">
        <v>37494</v>
      </c>
      <c r="G15" s="204" t="s">
        <v>63</v>
      </c>
      <c r="H15" s="203" t="s">
        <v>2396</v>
      </c>
      <c r="I15" s="1048"/>
      <c r="J15" s="203">
        <v>54</v>
      </c>
      <c r="K15" s="203">
        <v>74</v>
      </c>
      <c r="L15" s="203">
        <v>11</v>
      </c>
      <c r="M15" s="203"/>
      <c r="N15" s="176" t="s">
        <v>2395</v>
      </c>
      <c r="O15" s="203"/>
    </row>
    <row r="16" spans="1:15" ht="272.25" customHeight="1">
      <c r="A16" s="90">
        <v>3</v>
      </c>
      <c r="B16" s="203" t="s">
        <v>2394</v>
      </c>
      <c r="C16" s="203" t="s">
        <v>179</v>
      </c>
      <c r="D16" s="203" t="s">
        <v>2393</v>
      </c>
      <c r="E16" s="203">
        <v>1001024750</v>
      </c>
      <c r="F16" s="204">
        <v>37504</v>
      </c>
      <c r="G16" s="203" t="s">
        <v>125</v>
      </c>
      <c r="H16" s="203" t="s">
        <v>2392</v>
      </c>
      <c r="I16" s="1048"/>
      <c r="J16" s="203">
        <v>88</v>
      </c>
      <c r="K16" s="203">
        <v>165</v>
      </c>
      <c r="L16" s="203">
        <v>83</v>
      </c>
      <c r="M16" s="203"/>
      <c r="N16" s="176" t="s">
        <v>2391</v>
      </c>
      <c r="O16" s="203"/>
    </row>
    <row r="17" spans="1:15" s="170" customFormat="1" ht="120" customHeight="1">
      <c r="A17" s="164">
        <v>4</v>
      </c>
      <c r="B17" s="205" t="s">
        <v>2390</v>
      </c>
      <c r="C17" s="205" t="s">
        <v>179</v>
      </c>
      <c r="D17" s="205" t="s">
        <v>2389</v>
      </c>
      <c r="E17" s="205">
        <v>1001122483</v>
      </c>
      <c r="F17" s="206">
        <v>37547</v>
      </c>
      <c r="G17" s="205" t="s">
        <v>2388</v>
      </c>
      <c r="H17" s="205" t="s">
        <v>10</v>
      </c>
      <c r="I17" s="1049"/>
      <c r="J17" s="205">
        <v>7</v>
      </c>
      <c r="K17" s="205">
        <v>18</v>
      </c>
      <c r="L17" s="205"/>
      <c r="M17" s="205"/>
      <c r="N17" s="207" t="s">
        <v>2387</v>
      </c>
      <c r="O17" s="207" t="s">
        <v>4209</v>
      </c>
    </row>
    <row r="18" spans="1:15" ht="120" customHeight="1">
      <c r="A18" s="164">
        <v>5</v>
      </c>
      <c r="B18" s="203" t="s">
        <v>2386</v>
      </c>
      <c r="C18" s="203" t="s">
        <v>179</v>
      </c>
      <c r="D18" s="203" t="s">
        <v>2385</v>
      </c>
      <c r="E18" s="203">
        <v>1001130974</v>
      </c>
      <c r="F18" s="204">
        <v>37585</v>
      </c>
      <c r="G18" s="204" t="s">
        <v>63</v>
      </c>
      <c r="H18" s="203" t="s">
        <v>2384</v>
      </c>
      <c r="I18" s="1048"/>
      <c r="J18" s="203">
        <v>21</v>
      </c>
      <c r="K18" s="203">
        <v>48</v>
      </c>
      <c r="L18" s="203">
        <v>10</v>
      </c>
      <c r="M18" s="203"/>
      <c r="N18" s="176" t="s">
        <v>2383</v>
      </c>
      <c r="O18" s="203"/>
    </row>
    <row r="19" spans="1:15" ht="197.25" customHeight="1">
      <c r="A19" s="164">
        <v>6</v>
      </c>
      <c r="B19" s="203" t="s">
        <v>2382</v>
      </c>
      <c r="C19" s="203" t="s">
        <v>179</v>
      </c>
      <c r="D19" s="203" t="s">
        <v>2381</v>
      </c>
      <c r="E19" s="203">
        <v>1001040657</v>
      </c>
      <c r="F19" s="204">
        <v>37621</v>
      </c>
      <c r="G19" s="203" t="s">
        <v>125</v>
      </c>
      <c r="H19" s="203" t="s">
        <v>2380</v>
      </c>
      <c r="I19" s="1048"/>
      <c r="J19" s="203">
        <v>30</v>
      </c>
      <c r="K19" s="203">
        <v>71</v>
      </c>
      <c r="L19" s="203">
        <v>25</v>
      </c>
      <c r="M19" s="203"/>
      <c r="N19" s="176" t="s">
        <v>2379</v>
      </c>
      <c r="O19" s="203"/>
    </row>
    <row r="20" spans="1:15" s="170" customFormat="1" ht="210" customHeight="1">
      <c r="A20" s="164">
        <v>7</v>
      </c>
      <c r="B20" s="208" t="s">
        <v>2378</v>
      </c>
      <c r="C20" s="208" t="s">
        <v>179</v>
      </c>
      <c r="D20" s="208" t="s">
        <v>2375</v>
      </c>
      <c r="E20" s="208">
        <v>1001038658</v>
      </c>
      <c r="F20" s="209">
        <v>37638</v>
      </c>
      <c r="G20" s="208" t="s">
        <v>125</v>
      </c>
      <c r="H20" s="208" t="s">
        <v>10</v>
      </c>
      <c r="I20" s="1050"/>
      <c r="J20" s="208">
        <v>10</v>
      </c>
      <c r="K20" s="208">
        <v>25</v>
      </c>
      <c r="L20" s="208"/>
      <c r="M20" s="208"/>
      <c r="N20" s="210" t="s">
        <v>2377</v>
      </c>
      <c r="O20" s="208"/>
    </row>
    <row r="21" spans="1:15" ht="232.5" customHeight="1">
      <c r="A21" s="164">
        <v>8</v>
      </c>
      <c r="B21" s="203" t="s">
        <v>2376</v>
      </c>
      <c r="C21" s="203" t="s">
        <v>179</v>
      </c>
      <c r="D21" s="203" t="s">
        <v>2375</v>
      </c>
      <c r="E21" s="203">
        <v>1001038658</v>
      </c>
      <c r="F21" s="204">
        <v>37638</v>
      </c>
      <c r="G21" s="203" t="s">
        <v>125</v>
      </c>
      <c r="H21" s="203" t="s">
        <v>2374</v>
      </c>
      <c r="I21" s="1048"/>
      <c r="J21" s="203">
        <v>20</v>
      </c>
      <c r="K21" s="203">
        <v>26</v>
      </c>
      <c r="L21" s="203"/>
      <c r="M21" s="203"/>
      <c r="N21" s="176" t="s">
        <v>2373</v>
      </c>
      <c r="O21" s="203"/>
    </row>
    <row r="22" spans="1:15" ht="120" customHeight="1">
      <c r="A22" s="164">
        <v>9</v>
      </c>
      <c r="B22" s="203" t="s">
        <v>2372</v>
      </c>
      <c r="C22" s="203" t="s">
        <v>179</v>
      </c>
      <c r="D22" s="203" t="s">
        <v>2371</v>
      </c>
      <c r="E22" s="203">
        <v>1001075642</v>
      </c>
      <c r="F22" s="204">
        <v>37762</v>
      </c>
      <c r="G22" s="204" t="s">
        <v>63</v>
      </c>
      <c r="H22" s="203" t="s">
        <v>10</v>
      </c>
      <c r="I22" s="1048"/>
      <c r="J22" s="203">
        <v>5</v>
      </c>
      <c r="K22" s="203">
        <v>12</v>
      </c>
      <c r="L22" s="203">
        <v>1</v>
      </c>
      <c r="M22" s="203"/>
      <c r="N22" s="176" t="s">
        <v>2370</v>
      </c>
      <c r="O22" s="203"/>
    </row>
    <row r="23" spans="1:15" ht="151.5" customHeight="1">
      <c r="A23" s="164">
        <v>10</v>
      </c>
      <c r="B23" s="203" t="s">
        <v>2369</v>
      </c>
      <c r="C23" s="203" t="s">
        <v>179</v>
      </c>
      <c r="D23" s="203" t="s">
        <v>2368</v>
      </c>
      <c r="E23" s="203">
        <v>1001152960</v>
      </c>
      <c r="F23" s="204">
        <v>38078</v>
      </c>
      <c r="G23" s="204" t="s">
        <v>63</v>
      </c>
      <c r="H23" s="203" t="s">
        <v>2367</v>
      </c>
      <c r="I23" s="1048"/>
      <c r="J23" s="203">
        <v>35</v>
      </c>
      <c r="K23" s="203">
        <v>86</v>
      </c>
      <c r="L23" s="203">
        <v>9</v>
      </c>
      <c r="M23" s="203"/>
      <c r="N23" s="176" t="s">
        <v>2366</v>
      </c>
      <c r="O23" s="203"/>
    </row>
    <row r="24" spans="1:15" ht="206.25" customHeight="1">
      <c r="A24" s="164">
        <v>11</v>
      </c>
      <c r="B24" s="203" t="s">
        <v>2365</v>
      </c>
      <c r="C24" s="203" t="s">
        <v>15</v>
      </c>
      <c r="D24" s="203" t="s">
        <v>2364</v>
      </c>
      <c r="E24" s="211" t="s">
        <v>4210</v>
      </c>
      <c r="F24" s="204">
        <v>41313</v>
      </c>
      <c r="G24" s="203" t="s">
        <v>2282</v>
      </c>
      <c r="H24" s="203" t="s">
        <v>10</v>
      </c>
      <c r="I24" s="1048"/>
      <c r="J24" s="203">
        <v>10</v>
      </c>
      <c r="K24" s="203">
        <v>20</v>
      </c>
      <c r="L24" s="203">
        <v>1</v>
      </c>
      <c r="M24" s="203"/>
      <c r="N24" s="176" t="s">
        <v>2363</v>
      </c>
      <c r="O24" s="203"/>
    </row>
    <row r="25" spans="1:15" ht="206.25" customHeight="1">
      <c r="A25" s="164">
        <v>12</v>
      </c>
      <c r="B25" s="203" t="s">
        <v>2362</v>
      </c>
      <c r="C25" s="203" t="s">
        <v>179</v>
      </c>
      <c r="D25" s="203" t="s">
        <v>2361</v>
      </c>
      <c r="E25" s="203">
        <v>1001049089</v>
      </c>
      <c r="F25" s="204">
        <v>38463</v>
      </c>
      <c r="G25" s="203" t="s">
        <v>2360</v>
      </c>
      <c r="H25" s="203" t="s">
        <v>2359</v>
      </c>
      <c r="I25" s="1048"/>
      <c r="J25" s="203">
        <v>16</v>
      </c>
      <c r="K25" s="203">
        <v>35</v>
      </c>
      <c r="L25" s="203">
        <v>100</v>
      </c>
      <c r="M25" s="203"/>
      <c r="N25" s="176" t="s">
        <v>2358</v>
      </c>
      <c r="O25" s="203"/>
    </row>
    <row r="26" spans="1:15" ht="142.5" customHeight="1">
      <c r="A26" s="164">
        <v>13</v>
      </c>
      <c r="B26" s="203" t="s">
        <v>2357</v>
      </c>
      <c r="C26" s="203" t="s">
        <v>179</v>
      </c>
      <c r="D26" s="203" t="s">
        <v>2356</v>
      </c>
      <c r="E26" s="203">
        <v>1001181680</v>
      </c>
      <c r="F26" s="204">
        <v>38965</v>
      </c>
      <c r="G26" s="204" t="s">
        <v>869</v>
      </c>
      <c r="H26" s="203" t="s">
        <v>2355</v>
      </c>
      <c r="I26" s="1048"/>
      <c r="J26" s="203">
        <v>16</v>
      </c>
      <c r="K26" s="203">
        <v>40</v>
      </c>
      <c r="L26" s="203">
        <v>6</v>
      </c>
      <c r="M26" s="203"/>
      <c r="N26" s="176" t="s">
        <v>2354</v>
      </c>
      <c r="O26" s="203"/>
    </row>
    <row r="27" spans="1:15" s="170" customFormat="1" ht="171.75" customHeight="1">
      <c r="A27" s="164">
        <v>14</v>
      </c>
      <c r="B27" s="203" t="s">
        <v>2353</v>
      </c>
      <c r="C27" s="203" t="s">
        <v>179</v>
      </c>
      <c r="D27" s="203" t="s">
        <v>2352</v>
      </c>
      <c r="E27" s="203">
        <v>1001185003</v>
      </c>
      <c r="F27" s="204">
        <v>39051</v>
      </c>
      <c r="G27" s="204" t="s">
        <v>869</v>
      </c>
      <c r="H27" s="203" t="s">
        <v>2351</v>
      </c>
      <c r="I27" s="1048"/>
      <c r="J27" s="203">
        <v>102</v>
      </c>
      <c r="K27" s="203">
        <v>199</v>
      </c>
      <c r="L27" s="203">
        <v>73</v>
      </c>
      <c r="M27" s="203"/>
      <c r="N27" s="176" t="s">
        <v>2350</v>
      </c>
      <c r="O27" s="203"/>
    </row>
    <row r="28" spans="1:15" ht="150" customHeight="1">
      <c r="A28" s="164">
        <v>15</v>
      </c>
      <c r="B28" s="203" t="s">
        <v>4211</v>
      </c>
      <c r="C28" s="203" t="s">
        <v>179</v>
      </c>
      <c r="D28" s="203" t="s">
        <v>2349</v>
      </c>
      <c r="E28" s="203">
        <v>1001215900</v>
      </c>
      <c r="F28" s="204">
        <v>39753</v>
      </c>
      <c r="G28" s="204" t="s">
        <v>63</v>
      </c>
      <c r="H28" s="203" t="s">
        <v>2348</v>
      </c>
      <c r="I28" s="1048"/>
      <c r="J28" s="203">
        <v>12</v>
      </c>
      <c r="K28" s="203">
        <v>25</v>
      </c>
      <c r="L28" s="203">
        <v>7</v>
      </c>
      <c r="M28" s="203"/>
      <c r="N28" s="176" t="s">
        <v>2347</v>
      </c>
      <c r="O28" s="203" t="s">
        <v>2346</v>
      </c>
    </row>
    <row r="29" spans="1:15" ht="120" customHeight="1">
      <c r="A29" s="164">
        <v>16</v>
      </c>
      <c r="B29" s="203" t="s">
        <v>2345</v>
      </c>
      <c r="C29" s="203" t="s">
        <v>179</v>
      </c>
      <c r="D29" s="203" t="s">
        <v>2344</v>
      </c>
      <c r="E29" s="203">
        <v>1001240960</v>
      </c>
      <c r="F29" s="204">
        <v>40513</v>
      </c>
      <c r="G29" s="204" t="s">
        <v>869</v>
      </c>
      <c r="H29" s="203" t="s">
        <v>2343</v>
      </c>
      <c r="I29" s="1048"/>
      <c r="J29" s="203">
        <v>34</v>
      </c>
      <c r="K29" s="203">
        <v>67</v>
      </c>
      <c r="L29" s="203">
        <v>6</v>
      </c>
      <c r="M29" s="203"/>
      <c r="N29" s="176" t="s">
        <v>2342</v>
      </c>
      <c r="O29" s="203"/>
    </row>
    <row r="30" spans="1:15" ht="120" customHeight="1">
      <c r="A30" s="164">
        <v>17</v>
      </c>
      <c r="B30" s="203" t="s">
        <v>2341</v>
      </c>
      <c r="C30" s="203" t="s">
        <v>179</v>
      </c>
      <c r="D30" s="203" t="s">
        <v>2340</v>
      </c>
      <c r="E30" s="203">
        <v>1001248292</v>
      </c>
      <c r="F30" s="204">
        <v>40784</v>
      </c>
      <c r="G30" s="204" t="s">
        <v>869</v>
      </c>
      <c r="H30" s="203" t="s">
        <v>4212</v>
      </c>
      <c r="I30" s="1048"/>
      <c r="J30" s="203">
        <v>92</v>
      </c>
      <c r="K30" s="203">
        <v>206</v>
      </c>
      <c r="L30" s="203">
        <v>1</v>
      </c>
      <c r="M30" s="203"/>
      <c r="N30" s="176" t="s">
        <v>2306</v>
      </c>
      <c r="O30" s="203"/>
    </row>
    <row r="31" spans="1:15" ht="148.5" customHeight="1">
      <c r="A31" s="164">
        <v>18</v>
      </c>
      <c r="B31" s="203" t="s">
        <v>4213</v>
      </c>
      <c r="C31" s="203" t="s">
        <v>179</v>
      </c>
      <c r="D31" s="203" t="s">
        <v>2339</v>
      </c>
      <c r="E31" s="203">
        <v>1001251915</v>
      </c>
      <c r="F31" s="204">
        <v>40878</v>
      </c>
      <c r="G31" s="204" t="s">
        <v>869</v>
      </c>
      <c r="H31" s="205" t="s">
        <v>2338</v>
      </c>
      <c r="I31" s="1049"/>
      <c r="J31" s="203">
        <v>23</v>
      </c>
      <c r="K31" s="203">
        <v>45</v>
      </c>
      <c r="L31" s="203">
        <v>15</v>
      </c>
      <c r="M31" s="203"/>
      <c r="N31" s="176" t="s">
        <v>2337</v>
      </c>
      <c r="O31" s="203"/>
    </row>
    <row r="32" spans="1:15" ht="163.5" customHeight="1">
      <c r="A32" s="164">
        <v>19</v>
      </c>
      <c r="B32" s="203" t="s">
        <v>2336</v>
      </c>
      <c r="C32" s="203" t="s">
        <v>179</v>
      </c>
      <c r="D32" s="203" t="s">
        <v>2335</v>
      </c>
      <c r="E32" s="203">
        <v>1001270266</v>
      </c>
      <c r="F32" s="204">
        <v>41379</v>
      </c>
      <c r="G32" s="204" t="s">
        <v>63</v>
      </c>
      <c r="H32" s="203" t="s">
        <v>2334</v>
      </c>
      <c r="I32" s="1048"/>
      <c r="J32" s="203">
        <v>15</v>
      </c>
      <c r="K32" s="203">
        <v>39</v>
      </c>
      <c r="L32" s="203">
        <v>2</v>
      </c>
      <c r="M32" s="203"/>
      <c r="N32" s="176" t="s">
        <v>2333</v>
      </c>
      <c r="O32" s="203"/>
    </row>
    <row r="33" spans="1:15" ht="155.25" customHeight="1">
      <c r="A33" s="164">
        <v>20</v>
      </c>
      <c r="B33" s="166" t="s">
        <v>2332</v>
      </c>
      <c r="C33" s="166" t="s">
        <v>179</v>
      </c>
      <c r="D33" s="166" t="s">
        <v>2331</v>
      </c>
      <c r="E33" s="166">
        <v>1001274278</v>
      </c>
      <c r="F33" s="168">
        <v>41505</v>
      </c>
      <c r="G33" s="168" t="s">
        <v>63</v>
      </c>
      <c r="H33" s="212" t="s">
        <v>2330</v>
      </c>
      <c r="I33" s="1051"/>
      <c r="J33" s="166">
        <v>10</v>
      </c>
      <c r="K33" s="166">
        <v>27</v>
      </c>
      <c r="L33" s="166">
        <v>1</v>
      </c>
      <c r="M33" s="166"/>
      <c r="N33" s="213" t="s">
        <v>2329</v>
      </c>
      <c r="O33" s="214" t="s">
        <v>4214</v>
      </c>
    </row>
    <row r="34" spans="1:15" ht="164.25" customHeight="1">
      <c r="A34" s="164">
        <v>21</v>
      </c>
      <c r="B34" s="203" t="s">
        <v>2328</v>
      </c>
      <c r="C34" s="203" t="s">
        <v>179</v>
      </c>
      <c r="D34" s="203" t="s">
        <v>2327</v>
      </c>
      <c r="E34" s="203">
        <v>1001277007</v>
      </c>
      <c r="F34" s="204">
        <v>41578</v>
      </c>
      <c r="G34" s="204" t="s">
        <v>63</v>
      </c>
      <c r="H34" s="203" t="s">
        <v>4215</v>
      </c>
      <c r="I34" s="1048"/>
      <c r="J34" s="203">
        <v>26</v>
      </c>
      <c r="K34" s="203">
        <v>56</v>
      </c>
      <c r="L34" s="203">
        <v>5</v>
      </c>
      <c r="M34" s="203"/>
      <c r="N34" s="176" t="s">
        <v>2326</v>
      </c>
      <c r="O34" s="203" t="s">
        <v>2325</v>
      </c>
    </row>
    <row r="35" spans="1:15" ht="168" customHeight="1">
      <c r="A35" s="164">
        <v>22</v>
      </c>
      <c r="B35" s="203" t="s">
        <v>2324</v>
      </c>
      <c r="C35" s="203" t="s">
        <v>179</v>
      </c>
      <c r="D35" s="203" t="s">
        <v>1353</v>
      </c>
      <c r="E35" s="203">
        <v>1001284981</v>
      </c>
      <c r="F35" s="204">
        <v>41807</v>
      </c>
      <c r="G35" s="204" t="s">
        <v>63</v>
      </c>
      <c r="H35" s="205" t="s">
        <v>4216</v>
      </c>
      <c r="I35" s="1052"/>
      <c r="J35" s="56">
        <v>14</v>
      </c>
      <c r="K35" s="203">
        <v>14</v>
      </c>
      <c r="L35" s="203">
        <v>2</v>
      </c>
      <c r="M35" s="203"/>
      <c r="N35" s="176" t="s">
        <v>1352</v>
      </c>
      <c r="O35" s="203"/>
    </row>
    <row r="36" spans="1:15" ht="147" customHeight="1">
      <c r="A36" s="164">
        <v>23</v>
      </c>
      <c r="B36" s="203" t="s">
        <v>2323</v>
      </c>
      <c r="C36" s="203" t="s">
        <v>179</v>
      </c>
      <c r="D36" s="203" t="s">
        <v>2322</v>
      </c>
      <c r="E36" s="203">
        <v>7813593864</v>
      </c>
      <c r="F36" s="204">
        <v>41842</v>
      </c>
      <c r="G36" s="204" t="s">
        <v>63</v>
      </c>
      <c r="H36" s="215" t="s">
        <v>4217</v>
      </c>
      <c r="I36" s="1053"/>
      <c r="J36" s="203">
        <v>13</v>
      </c>
      <c r="K36" s="203">
        <v>27</v>
      </c>
      <c r="L36" s="203">
        <v>2</v>
      </c>
      <c r="M36" s="203"/>
      <c r="N36" s="176" t="s">
        <v>2321</v>
      </c>
      <c r="O36" s="203"/>
    </row>
    <row r="37" spans="1:15" ht="151.5" customHeight="1">
      <c r="A37" s="164">
        <v>24</v>
      </c>
      <c r="B37" s="208" t="s">
        <v>4218</v>
      </c>
      <c r="C37" s="208" t="s">
        <v>179</v>
      </c>
      <c r="D37" s="208" t="s">
        <v>2320</v>
      </c>
      <c r="E37" s="208">
        <v>1001287816</v>
      </c>
      <c r="F37" s="209">
        <v>41887</v>
      </c>
      <c r="G37" s="209" t="s">
        <v>63</v>
      </c>
      <c r="H37" s="208" t="s">
        <v>10</v>
      </c>
      <c r="I37" s="1050"/>
      <c r="J37" s="208">
        <v>5</v>
      </c>
      <c r="K37" s="208">
        <v>16</v>
      </c>
      <c r="L37" s="208">
        <v>1</v>
      </c>
      <c r="M37" s="208"/>
      <c r="N37" s="210" t="s">
        <v>2319</v>
      </c>
      <c r="O37" s="208"/>
    </row>
    <row r="38" spans="1:15" ht="140.25" customHeight="1">
      <c r="A38" s="164">
        <v>25</v>
      </c>
      <c r="B38" s="203" t="s">
        <v>4219</v>
      </c>
      <c r="C38" s="203" t="s">
        <v>179</v>
      </c>
      <c r="D38" s="205" t="s">
        <v>4220</v>
      </c>
      <c r="E38" s="205">
        <v>1001294997</v>
      </c>
      <c r="F38" s="206">
        <v>42097</v>
      </c>
      <c r="G38" s="206" t="s">
        <v>63</v>
      </c>
      <c r="H38" s="203" t="s">
        <v>4221</v>
      </c>
      <c r="I38" s="1048"/>
      <c r="J38" s="203">
        <v>80</v>
      </c>
      <c r="K38" s="203">
        <v>161</v>
      </c>
      <c r="L38" s="203">
        <v>40</v>
      </c>
      <c r="M38" s="203"/>
      <c r="N38" s="176" t="s">
        <v>2318</v>
      </c>
      <c r="O38" s="203"/>
    </row>
    <row r="39" spans="1:15" s="170" customFormat="1" ht="318" customHeight="1">
      <c r="A39" s="164">
        <v>26</v>
      </c>
      <c r="B39" s="203" t="s">
        <v>2317</v>
      </c>
      <c r="C39" s="203" t="s">
        <v>179</v>
      </c>
      <c r="D39" s="203" t="s">
        <v>2316</v>
      </c>
      <c r="E39" s="203">
        <v>1001303465</v>
      </c>
      <c r="F39" s="204">
        <v>42340</v>
      </c>
      <c r="G39" s="204" t="s">
        <v>63</v>
      </c>
      <c r="H39" s="203" t="s">
        <v>2315</v>
      </c>
      <c r="I39" s="1048"/>
      <c r="J39" s="203">
        <v>180</v>
      </c>
      <c r="K39" s="203">
        <v>358</v>
      </c>
      <c r="L39" s="203">
        <v>110</v>
      </c>
      <c r="M39" s="203"/>
      <c r="N39" s="176" t="s">
        <v>2314</v>
      </c>
      <c r="O39" s="203"/>
    </row>
    <row r="40" spans="1:15" ht="176.25" customHeight="1">
      <c r="A40" s="164">
        <v>27</v>
      </c>
      <c r="B40" s="203" t="s">
        <v>2313</v>
      </c>
      <c r="C40" s="203" t="s">
        <v>179</v>
      </c>
      <c r="D40" s="203" t="s">
        <v>2312</v>
      </c>
      <c r="E40" s="203">
        <v>1001307477</v>
      </c>
      <c r="F40" s="204">
        <v>42405</v>
      </c>
      <c r="G40" s="203" t="s">
        <v>125</v>
      </c>
      <c r="H40" s="216" t="s">
        <v>4185</v>
      </c>
      <c r="I40" s="1054"/>
      <c r="J40" s="203">
        <v>10</v>
      </c>
      <c r="K40" s="203">
        <v>20</v>
      </c>
      <c r="L40" s="203">
        <v>2</v>
      </c>
      <c r="M40" s="203"/>
      <c r="N40" s="176" t="s">
        <v>2311</v>
      </c>
      <c r="O40" s="203"/>
    </row>
    <row r="41" spans="1:15" ht="145.5" customHeight="1">
      <c r="A41" s="164">
        <v>28</v>
      </c>
      <c r="B41" s="203" t="s">
        <v>2310</v>
      </c>
      <c r="C41" s="203" t="s">
        <v>179</v>
      </c>
      <c r="D41" s="203" t="s">
        <v>2309</v>
      </c>
      <c r="E41" s="203">
        <v>1001316489</v>
      </c>
      <c r="F41" s="204">
        <v>42709</v>
      </c>
      <c r="G41" s="203" t="s">
        <v>2219</v>
      </c>
      <c r="H41" s="203" t="s">
        <v>2308</v>
      </c>
      <c r="I41" s="1048"/>
      <c r="J41" s="203">
        <v>20</v>
      </c>
      <c r="K41" s="203">
        <v>40</v>
      </c>
      <c r="L41" s="203">
        <v>11</v>
      </c>
      <c r="M41" s="203"/>
      <c r="N41" s="176" t="s">
        <v>2307</v>
      </c>
      <c r="O41" s="203"/>
    </row>
    <row r="42" spans="1:15" ht="148.5" customHeight="1">
      <c r="A42" s="164">
        <v>29</v>
      </c>
      <c r="B42" s="203" t="s">
        <v>2305</v>
      </c>
      <c r="C42" s="203" t="s">
        <v>179</v>
      </c>
      <c r="D42" s="203" t="s">
        <v>2304</v>
      </c>
      <c r="E42" s="203">
        <v>7811681057</v>
      </c>
      <c r="F42" s="204">
        <v>43143</v>
      </c>
      <c r="G42" s="204" t="s">
        <v>63</v>
      </c>
      <c r="H42" s="217" t="s">
        <v>4177</v>
      </c>
      <c r="I42" s="1055"/>
      <c r="J42" s="215">
        <v>123</v>
      </c>
      <c r="K42" s="203">
        <v>207</v>
      </c>
      <c r="L42" s="203">
        <v>142</v>
      </c>
      <c r="M42" s="203"/>
      <c r="N42" s="176" t="s">
        <v>2303</v>
      </c>
      <c r="O42" s="203"/>
    </row>
    <row r="43" spans="1:15" ht="156" customHeight="1">
      <c r="A43" s="164">
        <v>30</v>
      </c>
      <c r="B43" s="203" t="s">
        <v>2302</v>
      </c>
      <c r="C43" s="203" t="s">
        <v>179</v>
      </c>
      <c r="D43" s="203" t="s">
        <v>2301</v>
      </c>
      <c r="E43" s="203">
        <v>1001337111</v>
      </c>
      <c r="F43" s="204">
        <v>43371</v>
      </c>
      <c r="G43" s="204" t="s">
        <v>495</v>
      </c>
      <c r="H43" s="203" t="s">
        <v>2300</v>
      </c>
      <c r="I43" s="1048"/>
      <c r="J43" s="203">
        <v>9</v>
      </c>
      <c r="K43" s="203">
        <v>22</v>
      </c>
      <c r="L43" s="203">
        <v>1</v>
      </c>
      <c r="M43" s="203"/>
      <c r="N43" s="176" t="s">
        <v>2299</v>
      </c>
      <c r="O43" s="203"/>
    </row>
    <row r="44" spans="1:15" ht="140.25" customHeight="1">
      <c r="A44" s="164">
        <v>31</v>
      </c>
      <c r="B44" s="203" t="s">
        <v>2298</v>
      </c>
      <c r="C44" s="203" t="s">
        <v>179</v>
      </c>
      <c r="D44" s="203" t="s">
        <v>2297</v>
      </c>
      <c r="E44" s="203">
        <v>1001339447</v>
      </c>
      <c r="F44" s="204">
        <v>42779</v>
      </c>
      <c r="G44" s="204" t="s">
        <v>63</v>
      </c>
      <c r="H44" s="205" t="s">
        <v>4178</v>
      </c>
      <c r="I44" s="1049"/>
      <c r="J44" s="203">
        <v>32</v>
      </c>
      <c r="K44" s="203">
        <v>66</v>
      </c>
      <c r="L44" s="203">
        <v>19</v>
      </c>
      <c r="M44" s="203"/>
      <c r="N44" s="176" t="s">
        <v>2296</v>
      </c>
      <c r="O44" s="203"/>
    </row>
    <row r="45" spans="1:15" ht="234.75" customHeight="1">
      <c r="A45" s="164">
        <v>32</v>
      </c>
      <c r="B45" s="203" t="s">
        <v>2295</v>
      </c>
      <c r="C45" s="203" t="s">
        <v>179</v>
      </c>
      <c r="D45" s="203" t="s">
        <v>2291</v>
      </c>
      <c r="E45" s="203">
        <v>1001339447</v>
      </c>
      <c r="F45" s="204">
        <v>43501</v>
      </c>
      <c r="G45" s="204" t="s">
        <v>63</v>
      </c>
      <c r="H45" s="203" t="s">
        <v>4222</v>
      </c>
      <c r="I45" s="1048"/>
      <c r="J45" s="203">
        <v>11</v>
      </c>
      <c r="K45" s="203">
        <v>22</v>
      </c>
      <c r="L45" s="203">
        <v>32</v>
      </c>
      <c r="M45" s="203"/>
      <c r="N45" s="176" t="s">
        <v>2294</v>
      </c>
      <c r="O45" s="203"/>
    </row>
    <row r="46" spans="1:15" ht="159" customHeight="1">
      <c r="A46" s="164">
        <v>33</v>
      </c>
      <c r="B46" s="166" t="s">
        <v>2293</v>
      </c>
      <c r="C46" s="203" t="s">
        <v>179</v>
      </c>
      <c r="D46" s="203" t="s">
        <v>2291</v>
      </c>
      <c r="E46" s="203">
        <v>1001339447</v>
      </c>
      <c r="F46" s="204">
        <v>43501</v>
      </c>
      <c r="G46" s="204" t="s">
        <v>63</v>
      </c>
      <c r="H46" s="203" t="s">
        <v>4223</v>
      </c>
      <c r="I46" s="1048"/>
      <c r="J46" s="203">
        <v>28</v>
      </c>
      <c r="K46" s="203">
        <v>56</v>
      </c>
      <c r="L46" s="203">
        <v>32</v>
      </c>
      <c r="M46" s="203"/>
      <c r="N46" s="176" t="s">
        <v>2292</v>
      </c>
      <c r="O46" s="203"/>
    </row>
    <row r="47" spans="1:15" ht="149.25" customHeight="1">
      <c r="A47" s="164">
        <v>34</v>
      </c>
      <c r="B47" s="203" t="s">
        <v>4224</v>
      </c>
      <c r="C47" s="203" t="s">
        <v>179</v>
      </c>
      <c r="D47" s="203" t="s">
        <v>2291</v>
      </c>
      <c r="E47" s="203">
        <v>1001339447</v>
      </c>
      <c r="F47" s="204">
        <v>43501</v>
      </c>
      <c r="G47" s="204" t="s">
        <v>63</v>
      </c>
      <c r="H47" s="203" t="s">
        <v>4225</v>
      </c>
      <c r="I47" s="1048"/>
      <c r="J47" s="203">
        <v>38</v>
      </c>
      <c r="K47" s="203">
        <v>74</v>
      </c>
      <c r="L47" s="203">
        <v>32</v>
      </c>
      <c r="M47" s="203"/>
      <c r="N47" s="176" t="s">
        <v>2290</v>
      </c>
      <c r="O47" s="203"/>
    </row>
    <row r="48" spans="1:15" ht="120" customHeight="1">
      <c r="A48" s="164">
        <v>35</v>
      </c>
      <c r="B48" s="208" t="s">
        <v>2289</v>
      </c>
      <c r="C48" s="208" t="s">
        <v>179</v>
      </c>
      <c r="D48" s="209" t="s">
        <v>2288</v>
      </c>
      <c r="E48" s="218" t="s">
        <v>2287</v>
      </c>
      <c r="F48" s="209" t="s">
        <v>2286</v>
      </c>
      <c r="G48" s="208" t="s">
        <v>125</v>
      </c>
      <c r="H48" s="208" t="s">
        <v>10</v>
      </c>
      <c r="I48" s="1050"/>
      <c r="J48" s="208">
        <v>21</v>
      </c>
      <c r="K48" s="208">
        <v>105</v>
      </c>
      <c r="L48" s="208">
        <v>3</v>
      </c>
      <c r="M48" s="208"/>
      <c r="N48" s="210" t="s">
        <v>2285</v>
      </c>
      <c r="O48" s="208" t="s">
        <v>2284</v>
      </c>
    </row>
    <row r="49" spans="1:15" ht="120" customHeight="1">
      <c r="A49" s="164">
        <v>36</v>
      </c>
      <c r="B49" s="208" t="s">
        <v>4226</v>
      </c>
      <c r="C49" s="208" t="s">
        <v>179</v>
      </c>
      <c r="D49" s="208" t="s">
        <v>2283</v>
      </c>
      <c r="E49" s="208">
        <v>1001341943</v>
      </c>
      <c r="F49" s="209">
        <v>43601</v>
      </c>
      <c r="G49" s="208" t="s">
        <v>2282</v>
      </c>
      <c r="H49" s="208" t="s">
        <v>10</v>
      </c>
      <c r="I49" s="1050"/>
      <c r="J49" s="208">
        <v>1</v>
      </c>
      <c r="K49" s="208">
        <v>4</v>
      </c>
      <c r="L49" s="208"/>
      <c r="M49" s="208"/>
      <c r="N49" s="210" t="s">
        <v>2281</v>
      </c>
      <c r="O49" s="208" t="s">
        <v>4227</v>
      </c>
    </row>
    <row r="50" spans="1:15" ht="162" customHeight="1">
      <c r="A50" s="164">
        <v>37</v>
      </c>
      <c r="B50" s="203" t="s">
        <v>4228</v>
      </c>
      <c r="C50" s="203" t="s">
        <v>179</v>
      </c>
      <c r="D50" s="203" t="s">
        <v>2280</v>
      </c>
      <c r="E50" s="211" t="s">
        <v>2279</v>
      </c>
      <c r="F50" s="204">
        <v>44173</v>
      </c>
      <c r="G50" s="204" t="s">
        <v>63</v>
      </c>
      <c r="H50" s="203" t="s">
        <v>2278</v>
      </c>
      <c r="I50" s="1048"/>
      <c r="J50" s="203">
        <v>46</v>
      </c>
      <c r="K50" s="203">
        <v>104</v>
      </c>
      <c r="L50" s="203"/>
      <c r="M50" s="203"/>
      <c r="N50" s="203" t="s">
        <v>2277</v>
      </c>
      <c r="O50" s="203"/>
    </row>
    <row r="51" spans="1:15" ht="178.5" customHeight="1">
      <c r="A51" s="164">
        <v>38</v>
      </c>
      <c r="B51" s="205" t="s">
        <v>4229</v>
      </c>
      <c r="C51" s="203" t="s">
        <v>179</v>
      </c>
      <c r="D51" s="203" t="s">
        <v>2276</v>
      </c>
      <c r="E51" s="203">
        <v>1001358217</v>
      </c>
      <c r="F51" s="204">
        <v>44644</v>
      </c>
      <c r="G51" s="204" t="s">
        <v>63</v>
      </c>
      <c r="H51" s="205" t="s">
        <v>4230</v>
      </c>
      <c r="I51" s="1049"/>
      <c r="J51" s="203">
        <v>13</v>
      </c>
      <c r="K51" s="203">
        <v>26</v>
      </c>
      <c r="L51" s="203"/>
      <c r="M51" s="203"/>
      <c r="N51" s="203" t="s">
        <v>2275</v>
      </c>
      <c r="O51" s="203"/>
    </row>
    <row r="52" spans="1:15" s="170" customFormat="1" ht="157.5" customHeight="1">
      <c r="A52" s="164">
        <v>39</v>
      </c>
      <c r="B52" s="203" t="s">
        <v>2274</v>
      </c>
      <c r="C52" s="203" t="s">
        <v>179</v>
      </c>
      <c r="D52" s="203" t="s">
        <v>2273</v>
      </c>
      <c r="E52" s="203">
        <v>1000006808</v>
      </c>
      <c r="F52" s="204">
        <v>44965</v>
      </c>
      <c r="G52" s="204" t="s">
        <v>527</v>
      </c>
      <c r="H52" s="216" t="s">
        <v>4147</v>
      </c>
      <c r="I52" s="1054"/>
      <c r="J52" s="203">
        <v>14</v>
      </c>
      <c r="K52" s="203">
        <v>34</v>
      </c>
      <c r="L52" s="203">
        <v>0</v>
      </c>
      <c r="M52" s="203" t="s">
        <v>10</v>
      </c>
      <c r="N52" s="203" t="s">
        <v>2272</v>
      </c>
      <c r="O52" s="203" t="s">
        <v>1307</v>
      </c>
    </row>
    <row r="53" spans="1:15" s="170" customFormat="1" ht="120" customHeight="1">
      <c r="A53" s="164">
        <v>40</v>
      </c>
      <c r="B53" s="203" t="s">
        <v>2271</v>
      </c>
      <c r="C53" s="203" t="s">
        <v>15</v>
      </c>
      <c r="D53" s="203" t="s">
        <v>2270</v>
      </c>
      <c r="E53" s="211" t="s">
        <v>2269</v>
      </c>
      <c r="F53" s="204">
        <v>39827</v>
      </c>
      <c r="G53" s="203" t="s">
        <v>125</v>
      </c>
      <c r="H53" s="203" t="s">
        <v>2268</v>
      </c>
      <c r="I53" s="1048"/>
      <c r="J53" s="203">
        <v>12</v>
      </c>
      <c r="K53" s="203">
        <v>24</v>
      </c>
      <c r="L53" s="203">
        <v>5</v>
      </c>
      <c r="M53" s="203"/>
      <c r="N53" s="176" t="s">
        <v>2267</v>
      </c>
      <c r="O53" s="203"/>
    </row>
    <row r="54" spans="1:15" ht="120" customHeight="1">
      <c r="A54" s="164">
        <v>41</v>
      </c>
      <c r="B54" s="203" t="s">
        <v>2266</v>
      </c>
      <c r="C54" s="203" t="s">
        <v>15</v>
      </c>
      <c r="D54" s="203" t="s">
        <v>4231</v>
      </c>
      <c r="E54" s="211" t="s">
        <v>4232</v>
      </c>
      <c r="F54" s="204">
        <v>44182</v>
      </c>
      <c r="G54" s="204" t="s">
        <v>4233</v>
      </c>
      <c r="H54" s="203" t="s">
        <v>4234</v>
      </c>
      <c r="I54" s="1048"/>
      <c r="J54" s="203">
        <v>10</v>
      </c>
      <c r="K54" s="203">
        <v>21</v>
      </c>
      <c r="L54" s="203">
        <v>5</v>
      </c>
      <c r="M54" s="203"/>
      <c r="N54" s="176" t="s">
        <v>2265</v>
      </c>
      <c r="O54" s="203"/>
    </row>
    <row r="55" spans="1:15" ht="120" customHeight="1">
      <c r="A55" s="164">
        <v>42</v>
      </c>
      <c r="B55" s="203" t="s">
        <v>2264</v>
      </c>
      <c r="C55" s="203" t="s">
        <v>15</v>
      </c>
      <c r="D55" s="203" t="s">
        <v>2263</v>
      </c>
      <c r="E55" s="211" t="s">
        <v>2262</v>
      </c>
      <c r="F55" s="204">
        <v>38118</v>
      </c>
      <c r="G55" s="203" t="s">
        <v>125</v>
      </c>
      <c r="H55" s="203" t="s">
        <v>4235</v>
      </c>
      <c r="I55" s="1048"/>
      <c r="J55" s="203">
        <v>6</v>
      </c>
      <c r="K55" s="203">
        <v>18</v>
      </c>
      <c r="L55" s="203">
        <v>2</v>
      </c>
      <c r="M55" s="203"/>
      <c r="N55" s="176" t="s">
        <v>2261</v>
      </c>
      <c r="O55" s="203"/>
    </row>
    <row r="56" spans="1:15" ht="150">
      <c r="A56" s="164">
        <v>43</v>
      </c>
      <c r="B56" s="203" t="s">
        <v>4994</v>
      </c>
      <c r="C56" s="203" t="s">
        <v>15</v>
      </c>
      <c r="D56" s="203" t="s">
        <v>2260</v>
      </c>
      <c r="E56" s="211" t="s">
        <v>2259</v>
      </c>
      <c r="F56" s="204">
        <v>38432</v>
      </c>
      <c r="G56" s="204" t="s">
        <v>550</v>
      </c>
      <c r="H56" s="203" t="s">
        <v>10</v>
      </c>
      <c r="I56" s="1048"/>
      <c r="J56" s="203">
        <v>1</v>
      </c>
      <c r="K56" s="203">
        <v>6</v>
      </c>
      <c r="L56" s="203">
        <v>1</v>
      </c>
      <c r="M56" s="203"/>
      <c r="N56" s="176" t="s">
        <v>2258</v>
      </c>
      <c r="O56" s="203" t="s">
        <v>4236</v>
      </c>
    </row>
    <row r="57" spans="1:15" s="170" customFormat="1" ht="120" customHeight="1">
      <c r="A57" s="164">
        <v>44</v>
      </c>
      <c r="B57" s="203" t="s">
        <v>2257</v>
      </c>
      <c r="C57" s="203" t="s">
        <v>15</v>
      </c>
      <c r="D57" s="203" t="s">
        <v>2256</v>
      </c>
      <c r="E57" s="211" t="s">
        <v>2255</v>
      </c>
      <c r="F57" s="204">
        <v>39899</v>
      </c>
      <c r="G57" s="203" t="s">
        <v>869</v>
      </c>
      <c r="H57" s="203" t="s">
        <v>4176</v>
      </c>
      <c r="I57" s="1048"/>
      <c r="J57" s="203">
        <v>21</v>
      </c>
      <c r="K57" s="203">
        <v>30</v>
      </c>
      <c r="L57" s="203">
        <v>6</v>
      </c>
      <c r="M57" s="203"/>
      <c r="N57" s="176" t="s">
        <v>2254</v>
      </c>
      <c r="O57" s="203"/>
    </row>
    <row r="58" spans="1:15" s="170" customFormat="1" ht="120" customHeight="1">
      <c r="A58" s="164">
        <v>45</v>
      </c>
      <c r="B58" s="205" t="s">
        <v>2253</v>
      </c>
      <c r="C58" s="205" t="s">
        <v>15</v>
      </c>
      <c r="D58" s="205" t="s">
        <v>2252</v>
      </c>
      <c r="E58" s="220" t="s">
        <v>2251</v>
      </c>
      <c r="F58" s="206">
        <v>42536</v>
      </c>
      <c r="G58" s="206" t="s">
        <v>2250</v>
      </c>
      <c r="H58" s="205" t="s">
        <v>10</v>
      </c>
      <c r="I58" s="1049"/>
      <c r="J58" s="205">
        <v>4</v>
      </c>
      <c r="K58" s="205">
        <v>10</v>
      </c>
      <c r="L58" s="205">
        <v>1</v>
      </c>
      <c r="M58" s="205"/>
      <c r="N58" s="207" t="s">
        <v>2249</v>
      </c>
      <c r="O58" s="205"/>
    </row>
    <row r="59" spans="1:15" ht="120" customHeight="1">
      <c r="A59" s="164">
        <v>46</v>
      </c>
      <c r="B59" s="203" t="s">
        <v>2248</v>
      </c>
      <c r="C59" s="203" t="s">
        <v>15</v>
      </c>
      <c r="D59" s="203" t="s">
        <v>2247</v>
      </c>
      <c r="E59" s="211" t="s">
        <v>2246</v>
      </c>
      <c r="F59" s="204">
        <v>43893</v>
      </c>
      <c r="G59" s="204" t="s">
        <v>63</v>
      </c>
      <c r="H59" s="203" t="s">
        <v>10</v>
      </c>
      <c r="I59" s="1048"/>
      <c r="J59" s="203">
        <v>21</v>
      </c>
      <c r="K59" s="203">
        <v>50</v>
      </c>
      <c r="L59" s="203">
        <v>1</v>
      </c>
      <c r="M59" s="203"/>
      <c r="N59" s="176" t="s">
        <v>2245</v>
      </c>
      <c r="O59" s="203"/>
    </row>
    <row r="60" spans="1:15" ht="141.75" customHeight="1">
      <c r="A60" s="164">
        <v>47</v>
      </c>
      <c r="B60" s="203" t="s">
        <v>2244</v>
      </c>
      <c r="C60" s="203" t="s">
        <v>15</v>
      </c>
      <c r="D60" s="203" t="s">
        <v>2243</v>
      </c>
      <c r="E60" s="211" t="s">
        <v>2242</v>
      </c>
      <c r="F60" s="204">
        <v>41590</v>
      </c>
      <c r="G60" s="204" t="s">
        <v>356</v>
      </c>
      <c r="H60" s="203" t="s">
        <v>2241</v>
      </c>
      <c r="I60" s="1048"/>
      <c r="J60" s="203">
        <v>19</v>
      </c>
      <c r="K60" s="203">
        <v>36</v>
      </c>
      <c r="L60" s="203">
        <v>2</v>
      </c>
      <c r="M60" s="203"/>
      <c r="N60" s="176" t="s">
        <v>2240</v>
      </c>
      <c r="O60" s="203"/>
    </row>
    <row r="61" spans="1:15" s="170" customFormat="1" ht="180.75" customHeight="1">
      <c r="A61" s="164">
        <v>48</v>
      </c>
      <c r="B61" s="203" t="s">
        <v>2239</v>
      </c>
      <c r="C61" s="203" t="s">
        <v>15</v>
      </c>
      <c r="D61" s="203" t="s">
        <v>2238</v>
      </c>
      <c r="E61" s="211" t="s">
        <v>2237</v>
      </c>
      <c r="F61" s="204">
        <v>43419</v>
      </c>
      <c r="G61" s="204" t="s">
        <v>63</v>
      </c>
      <c r="H61" s="203" t="s">
        <v>10</v>
      </c>
      <c r="I61" s="1048"/>
      <c r="J61" s="203">
        <v>16</v>
      </c>
      <c r="K61" s="203">
        <v>20</v>
      </c>
      <c r="L61" s="203">
        <v>1</v>
      </c>
      <c r="M61" s="203"/>
      <c r="N61" s="176" t="s">
        <v>2236</v>
      </c>
      <c r="O61" s="203"/>
    </row>
    <row r="62" spans="1:15" ht="168" customHeight="1">
      <c r="A62" s="164">
        <v>49</v>
      </c>
      <c r="B62" s="205" t="s">
        <v>2235</v>
      </c>
      <c r="C62" s="205" t="s">
        <v>15</v>
      </c>
      <c r="D62" s="205" t="s">
        <v>2234</v>
      </c>
      <c r="E62" s="220" t="s">
        <v>2233</v>
      </c>
      <c r="F62" s="206">
        <v>43033</v>
      </c>
      <c r="G62" s="206" t="s">
        <v>495</v>
      </c>
      <c r="H62" s="205" t="s">
        <v>10</v>
      </c>
      <c r="I62" s="1049"/>
      <c r="J62" s="205">
        <v>1</v>
      </c>
      <c r="K62" s="205">
        <v>4</v>
      </c>
      <c r="L62" s="205">
        <v>1</v>
      </c>
      <c r="M62" s="205"/>
      <c r="N62" s="207" t="s">
        <v>2232</v>
      </c>
      <c r="O62" s="205"/>
    </row>
    <row r="63" spans="1:15" ht="165.75" customHeight="1">
      <c r="A63" s="164">
        <v>50</v>
      </c>
      <c r="B63" s="203" t="s">
        <v>2231</v>
      </c>
      <c r="C63" s="203" t="s">
        <v>15</v>
      </c>
      <c r="D63" s="203" t="s">
        <v>2230</v>
      </c>
      <c r="E63" s="211" t="s">
        <v>2229</v>
      </c>
      <c r="F63" s="204">
        <v>42964</v>
      </c>
      <c r="G63" s="203" t="s">
        <v>2228</v>
      </c>
      <c r="H63" s="203" t="s">
        <v>2227</v>
      </c>
      <c r="I63" s="1048"/>
      <c r="J63" s="203">
        <v>9</v>
      </c>
      <c r="K63" s="203">
        <v>38</v>
      </c>
      <c r="L63" s="203">
        <v>4</v>
      </c>
      <c r="M63" s="203"/>
      <c r="N63" s="176" t="s">
        <v>2226</v>
      </c>
      <c r="O63" s="203"/>
    </row>
    <row r="64" spans="1:15" ht="167.25" customHeight="1">
      <c r="A64" s="164">
        <v>51</v>
      </c>
      <c r="B64" s="208" t="s">
        <v>2225</v>
      </c>
      <c r="C64" s="208" t="s">
        <v>15</v>
      </c>
      <c r="D64" s="208" t="s">
        <v>2221</v>
      </c>
      <c r="E64" s="218" t="s">
        <v>2220</v>
      </c>
      <c r="F64" s="209">
        <v>39170</v>
      </c>
      <c r="G64" s="208" t="s">
        <v>2219</v>
      </c>
      <c r="H64" s="208" t="s">
        <v>10</v>
      </c>
      <c r="I64" s="1050"/>
      <c r="J64" s="208">
        <v>1</v>
      </c>
      <c r="K64" s="208">
        <v>4</v>
      </c>
      <c r="L64" s="208">
        <v>1</v>
      </c>
      <c r="M64" s="208"/>
      <c r="N64" s="210" t="s">
        <v>2224</v>
      </c>
      <c r="O64" s="208"/>
    </row>
    <row r="65" spans="1:15" s="170" customFormat="1" ht="182.25" customHeight="1">
      <c r="A65" s="164">
        <v>52</v>
      </c>
      <c r="B65" s="208" t="s">
        <v>2223</v>
      </c>
      <c r="C65" s="208" t="s">
        <v>15</v>
      </c>
      <c r="D65" s="208" t="s">
        <v>2221</v>
      </c>
      <c r="E65" s="218" t="s">
        <v>2220</v>
      </c>
      <c r="F65" s="209">
        <v>39170</v>
      </c>
      <c r="G65" s="208" t="s">
        <v>2219</v>
      </c>
      <c r="H65" s="208" t="s">
        <v>10</v>
      </c>
      <c r="I65" s="1050"/>
      <c r="J65" s="208">
        <v>1</v>
      </c>
      <c r="K65" s="208">
        <v>4</v>
      </c>
      <c r="L65" s="208">
        <v>1</v>
      </c>
      <c r="M65" s="208"/>
      <c r="N65" s="210" t="s">
        <v>2222</v>
      </c>
      <c r="O65" s="208"/>
    </row>
    <row r="66" spans="1:15" ht="120" customHeight="1">
      <c r="A66" s="164">
        <v>53</v>
      </c>
      <c r="B66" s="203" t="s">
        <v>4995</v>
      </c>
      <c r="C66" s="203" t="s">
        <v>15</v>
      </c>
      <c r="D66" s="203" t="s">
        <v>2221</v>
      </c>
      <c r="E66" s="211" t="s">
        <v>2220</v>
      </c>
      <c r="F66" s="204">
        <v>39170</v>
      </c>
      <c r="G66" s="203" t="s">
        <v>2219</v>
      </c>
      <c r="H66" s="203" t="s">
        <v>4996</v>
      </c>
      <c r="I66" s="1048"/>
      <c r="J66" s="203">
        <v>6</v>
      </c>
      <c r="K66" s="203">
        <v>24</v>
      </c>
      <c r="L66" s="203">
        <v>1</v>
      </c>
      <c r="M66" s="203"/>
      <c r="N66" s="176" t="s">
        <v>2218</v>
      </c>
      <c r="O66" s="203"/>
    </row>
    <row r="67" spans="1:15" ht="143.25" customHeight="1">
      <c r="A67" s="164">
        <v>54</v>
      </c>
      <c r="B67" s="221" t="s">
        <v>2217</v>
      </c>
      <c r="C67" s="221" t="s">
        <v>15</v>
      </c>
      <c r="D67" s="221" t="s">
        <v>2211</v>
      </c>
      <c r="E67" s="222" t="s">
        <v>2210</v>
      </c>
      <c r="F67" s="223">
        <v>41234</v>
      </c>
      <c r="G67" s="223" t="s">
        <v>356</v>
      </c>
      <c r="H67" s="221"/>
      <c r="I67" s="1056"/>
      <c r="J67" s="221">
        <v>1</v>
      </c>
      <c r="K67" s="221">
        <v>4</v>
      </c>
      <c r="L67" s="221">
        <v>1</v>
      </c>
      <c r="M67" s="221"/>
      <c r="N67" s="224" t="s">
        <v>2216</v>
      </c>
      <c r="O67" s="221"/>
    </row>
    <row r="68" spans="1:15" ht="204.75" customHeight="1">
      <c r="A68" s="164">
        <v>55</v>
      </c>
      <c r="B68" s="225" t="s">
        <v>2215</v>
      </c>
      <c r="C68" s="225" t="s">
        <v>15</v>
      </c>
      <c r="D68" s="225" t="s">
        <v>2211</v>
      </c>
      <c r="E68" s="226" t="s">
        <v>2210</v>
      </c>
      <c r="F68" s="227">
        <v>41234</v>
      </c>
      <c r="G68" s="227" t="s">
        <v>356</v>
      </c>
      <c r="H68" s="225"/>
      <c r="I68" s="1057"/>
      <c r="J68" s="225">
        <v>1</v>
      </c>
      <c r="K68" s="225">
        <v>4</v>
      </c>
      <c r="L68" s="225">
        <v>1</v>
      </c>
      <c r="M68" s="225"/>
      <c r="N68" s="228"/>
      <c r="O68" s="225"/>
    </row>
    <row r="69" spans="1:15" s="170" customFormat="1" ht="165.75" customHeight="1">
      <c r="A69" s="164">
        <v>56</v>
      </c>
      <c r="B69" s="225" t="s">
        <v>2214</v>
      </c>
      <c r="C69" s="225" t="s">
        <v>15</v>
      </c>
      <c r="D69" s="225" t="s">
        <v>2211</v>
      </c>
      <c r="E69" s="226" t="s">
        <v>2210</v>
      </c>
      <c r="F69" s="227">
        <v>41234</v>
      </c>
      <c r="G69" s="227" t="s">
        <v>356</v>
      </c>
      <c r="H69" s="225"/>
      <c r="I69" s="1057"/>
      <c r="J69" s="225">
        <v>1</v>
      </c>
      <c r="K69" s="225">
        <v>4</v>
      </c>
      <c r="L69" s="225">
        <v>1</v>
      </c>
      <c r="M69" s="225"/>
      <c r="N69" s="228"/>
      <c r="O69" s="225"/>
    </row>
    <row r="70" spans="1:15" ht="168" customHeight="1">
      <c r="A70" s="164">
        <v>57</v>
      </c>
      <c r="B70" s="225" t="s">
        <v>2213</v>
      </c>
      <c r="C70" s="225" t="s">
        <v>15</v>
      </c>
      <c r="D70" s="225" t="s">
        <v>2211</v>
      </c>
      <c r="E70" s="226" t="s">
        <v>2210</v>
      </c>
      <c r="F70" s="227">
        <v>41234</v>
      </c>
      <c r="G70" s="227" t="s">
        <v>356</v>
      </c>
      <c r="H70" s="225"/>
      <c r="I70" s="1057"/>
      <c r="J70" s="225">
        <v>1</v>
      </c>
      <c r="K70" s="225">
        <v>4</v>
      </c>
      <c r="L70" s="225">
        <v>1</v>
      </c>
      <c r="M70" s="225"/>
      <c r="N70" s="228"/>
      <c r="O70" s="225"/>
    </row>
    <row r="71" spans="1:15" s="170" customFormat="1" ht="182.25" customHeight="1">
      <c r="A71" s="164">
        <v>58</v>
      </c>
      <c r="B71" s="225" t="s">
        <v>2212</v>
      </c>
      <c r="C71" s="225" t="s">
        <v>15</v>
      </c>
      <c r="D71" s="225" t="s">
        <v>2211</v>
      </c>
      <c r="E71" s="226" t="s">
        <v>2210</v>
      </c>
      <c r="F71" s="227">
        <v>41234</v>
      </c>
      <c r="G71" s="227" t="s">
        <v>356</v>
      </c>
      <c r="H71" s="225"/>
      <c r="I71" s="1057"/>
      <c r="J71" s="225">
        <v>1</v>
      </c>
      <c r="K71" s="225">
        <v>4</v>
      </c>
      <c r="L71" s="225">
        <v>1</v>
      </c>
      <c r="M71" s="225"/>
      <c r="N71" s="228"/>
      <c r="O71" s="225"/>
    </row>
    <row r="72" spans="1:15" s="170" customFormat="1" ht="162" customHeight="1">
      <c r="A72" s="164">
        <v>59</v>
      </c>
      <c r="B72" s="171" t="s">
        <v>2209</v>
      </c>
      <c r="C72" s="171" t="s">
        <v>15</v>
      </c>
      <c r="D72" s="171" t="s">
        <v>2208</v>
      </c>
      <c r="E72" s="172" t="s">
        <v>2207</v>
      </c>
      <c r="F72" s="171">
        <v>41771</v>
      </c>
      <c r="G72" s="171" t="s">
        <v>142</v>
      </c>
      <c r="H72" s="171"/>
      <c r="I72" s="171"/>
      <c r="J72" s="172">
        <v>1</v>
      </c>
      <c r="K72" s="172">
        <v>4</v>
      </c>
      <c r="L72" s="173">
        <v>1</v>
      </c>
      <c r="M72" s="171"/>
      <c r="N72" s="174" t="s">
        <v>2206</v>
      </c>
      <c r="O72" s="171"/>
    </row>
    <row r="73" spans="1:15" ht="267" customHeight="1">
      <c r="A73" s="164">
        <v>60</v>
      </c>
      <c r="B73" s="203" t="s">
        <v>4237</v>
      </c>
      <c r="C73" s="203" t="s">
        <v>15</v>
      </c>
      <c r="D73" s="203" t="s">
        <v>2205</v>
      </c>
      <c r="E73" s="211" t="s">
        <v>2204</v>
      </c>
      <c r="F73" s="204">
        <v>44602</v>
      </c>
      <c r="G73" s="204" t="s">
        <v>63</v>
      </c>
      <c r="H73" s="203" t="s">
        <v>2203</v>
      </c>
      <c r="I73" s="1048"/>
      <c r="J73" s="211" t="s">
        <v>1491</v>
      </c>
      <c r="K73" s="211" t="s">
        <v>1428</v>
      </c>
      <c r="L73" s="203">
        <v>1</v>
      </c>
      <c r="M73" s="203"/>
      <c r="N73" s="176" t="s">
        <v>2202</v>
      </c>
      <c r="O73" s="203"/>
    </row>
    <row r="74" spans="1:15" s="170" customFormat="1" ht="180.75" customHeight="1">
      <c r="A74" s="164">
        <v>61</v>
      </c>
      <c r="B74" s="208" t="s">
        <v>4238</v>
      </c>
      <c r="C74" s="208" t="s">
        <v>60</v>
      </c>
      <c r="D74" s="208" t="s">
        <v>4239</v>
      </c>
      <c r="E74" s="218" t="s">
        <v>4240</v>
      </c>
      <c r="F74" s="209">
        <v>34689</v>
      </c>
      <c r="G74" s="208" t="s">
        <v>1148</v>
      </c>
      <c r="H74" s="208" t="s">
        <v>10</v>
      </c>
      <c r="I74" s="1050"/>
      <c r="J74" s="218">
        <v>1</v>
      </c>
      <c r="K74" s="218">
        <v>4</v>
      </c>
      <c r="L74" s="208">
        <v>1</v>
      </c>
      <c r="M74" s="208"/>
      <c r="N74" s="210" t="s">
        <v>2201</v>
      </c>
      <c r="O74" s="208"/>
    </row>
    <row r="75" spans="1:15" ht="139.5" customHeight="1">
      <c r="A75" s="164">
        <v>62</v>
      </c>
      <c r="B75" s="203" t="s">
        <v>4241</v>
      </c>
      <c r="C75" s="203" t="s">
        <v>15</v>
      </c>
      <c r="D75" s="203" t="s">
        <v>2200</v>
      </c>
      <c r="E75" s="211" t="s">
        <v>2199</v>
      </c>
      <c r="F75" s="204">
        <v>44526</v>
      </c>
      <c r="G75" s="204" t="s">
        <v>63</v>
      </c>
      <c r="H75" s="203" t="s">
        <v>2198</v>
      </c>
      <c r="I75" s="1048"/>
      <c r="J75" s="211" t="s">
        <v>1069</v>
      </c>
      <c r="K75" s="211" t="s">
        <v>1141</v>
      </c>
      <c r="L75" s="203">
        <v>1</v>
      </c>
      <c r="M75" s="203"/>
      <c r="N75" s="176" t="s">
        <v>2197</v>
      </c>
      <c r="O75" s="203"/>
    </row>
    <row r="76" spans="1:15" ht="178.5" customHeight="1">
      <c r="A76" s="164">
        <v>63</v>
      </c>
      <c r="B76" s="203" t="s">
        <v>4242</v>
      </c>
      <c r="C76" s="203" t="s">
        <v>15</v>
      </c>
      <c r="D76" s="203" t="s">
        <v>1470</v>
      </c>
      <c r="E76" s="211" t="s">
        <v>1469</v>
      </c>
      <c r="F76" s="204">
        <v>44481</v>
      </c>
      <c r="G76" s="204" t="s">
        <v>63</v>
      </c>
      <c r="H76" s="203" t="s">
        <v>4243</v>
      </c>
      <c r="I76" s="1048"/>
      <c r="J76" s="211">
        <v>8</v>
      </c>
      <c r="K76" s="211" t="s">
        <v>1464</v>
      </c>
      <c r="L76" s="203">
        <v>1</v>
      </c>
      <c r="M76" s="203"/>
      <c r="N76" s="203" t="s">
        <v>2196</v>
      </c>
      <c r="O76" s="203"/>
    </row>
    <row r="77" spans="1:15" ht="241.5" customHeight="1">
      <c r="A77" s="164">
        <v>64</v>
      </c>
      <c r="B77" s="203" t="s">
        <v>2195</v>
      </c>
      <c r="C77" s="203" t="s">
        <v>15</v>
      </c>
      <c r="D77" s="203" t="s">
        <v>2191</v>
      </c>
      <c r="E77" s="211" t="s">
        <v>2190</v>
      </c>
      <c r="F77" s="204">
        <v>44475</v>
      </c>
      <c r="G77" s="204" t="s">
        <v>63</v>
      </c>
      <c r="H77" s="203" t="s">
        <v>10</v>
      </c>
      <c r="I77" s="1048"/>
      <c r="J77" s="211" t="s">
        <v>975</v>
      </c>
      <c r="K77" s="211" t="s">
        <v>965</v>
      </c>
      <c r="L77" s="203">
        <v>1</v>
      </c>
      <c r="M77" s="203"/>
      <c r="N77" s="203"/>
      <c r="O77" s="203"/>
    </row>
    <row r="78" spans="1:15" ht="241.5" customHeight="1">
      <c r="A78" s="164">
        <v>65</v>
      </c>
      <c r="B78" s="203" t="s">
        <v>2194</v>
      </c>
      <c r="C78" s="203" t="s">
        <v>15</v>
      </c>
      <c r="D78" s="203" t="s">
        <v>2191</v>
      </c>
      <c r="E78" s="211" t="s">
        <v>2190</v>
      </c>
      <c r="F78" s="204">
        <v>44475</v>
      </c>
      <c r="G78" s="204" t="s">
        <v>63</v>
      </c>
      <c r="H78" s="203" t="s">
        <v>10</v>
      </c>
      <c r="I78" s="1048"/>
      <c r="J78" s="211" t="s">
        <v>975</v>
      </c>
      <c r="K78" s="211" t="s">
        <v>965</v>
      </c>
      <c r="L78" s="203">
        <v>1</v>
      </c>
      <c r="M78" s="203"/>
      <c r="N78" s="203"/>
      <c r="O78" s="203"/>
    </row>
    <row r="79" spans="1:15" ht="195.75" customHeight="1">
      <c r="A79" s="164">
        <v>66</v>
      </c>
      <c r="B79" s="203" t="s">
        <v>2193</v>
      </c>
      <c r="C79" s="203" t="s">
        <v>15</v>
      </c>
      <c r="D79" s="203" t="s">
        <v>2191</v>
      </c>
      <c r="E79" s="211" t="s">
        <v>2190</v>
      </c>
      <c r="F79" s="204">
        <v>44475</v>
      </c>
      <c r="G79" s="204" t="s">
        <v>63</v>
      </c>
      <c r="H79" s="203" t="s">
        <v>10</v>
      </c>
      <c r="I79" s="1048"/>
      <c r="J79" s="211" t="s">
        <v>975</v>
      </c>
      <c r="K79" s="211" t="s">
        <v>965</v>
      </c>
      <c r="L79" s="203">
        <v>1</v>
      </c>
      <c r="M79" s="203"/>
      <c r="N79" s="203"/>
      <c r="O79" s="203"/>
    </row>
    <row r="80" spans="1:15" s="57" customFormat="1" ht="186" customHeight="1">
      <c r="A80" s="164">
        <v>67</v>
      </c>
      <c r="B80" s="203" t="s">
        <v>2192</v>
      </c>
      <c r="C80" s="203" t="s">
        <v>15</v>
      </c>
      <c r="D80" s="203" t="s">
        <v>2191</v>
      </c>
      <c r="E80" s="211" t="s">
        <v>2190</v>
      </c>
      <c r="F80" s="204">
        <v>44475</v>
      </c>
      <c r="G80" s="204" t="s">
        <v>63</v>
      </c>
      <c r="H80" s="203" t="s">
        <v>10</v>
      </c>
      <c r="I80" s="1048"/>
      <c r="J80" s="211" t="s">
        <v>975</v>
      </c>
      <c r="K80" s="211" t="s">
        <v>965</v>
      </c>
      <c r="L80" s="203">
        <v>1</v>
      </c>
      <c r="M80" s="203"/>
      <c r="N80" s="203"/>
      <c r="O80" s="203"/>
    </row>
    <row r="81" spans="1:15" s="175" customFormat="1" ht="148.5" customHeight="1">
      <c r="A81" s="164">
        <v>68</v>
      </c>
      <c r="B81" s="203" t="s">
        <v>2189</v>
      </c>
      <c r="C81" s="203" t="s">
        <v>511</v>
      </c>
      <c r="D81" s="203" t="s">
        <v>2187</v>
      </c>
      <c r="E81" s="211" t="s">
        <v>2186</v>
      </c>
      <c r="F81" s="204">
        <v>44132</v>
      </c>
      <c r="G81" s="204"/>
      <c r="H81" s="203" t="s">
        <v>10</v>
      </c>
      <c r="I81" s="1048"/>
      <c r="J81" s="211">
        <v>5</v>
      </c>
      <c r="K81" s="211">
        <v>20</v>
      </c>
      <c r="L81" s="203">
        <v>0</v>
      </c>
      <c r="M81" s="203"/>
      <c r="N81" s="176" t="s">
        <v>2188</v>
      </c>
      <c r="O81" s="203"/>
    </row>
    <row r="82" spans="1:15" ht="120" customHeight="1">
      <c r="A82" s="164">
        <v>69</v>
      </c>
      <c r="B82" s="203" t="s">
        <v>2185</v>
      </c>
      <c r="C82" s="203" t="s">
        <v>511</v>
      </c>
      <c r="D82" s="203" t="s">
        <v>2184</v>
      </c>
      <c r="E82" s="211" t="s">
        <v>2183</v>
      </c>
      <c r="F82" s="204">
        <v>44015</v>
      </c>
      <c r="G82" s="204"/>
      <c r="H82" s="203" t="s">
        <v>10</v>
      </c>
      <c r="I82" s="1048"/>
      <c r="J82" s="211">
        <v>3</v>
      </c>
      <c r="K82" s="211" t="s">
        <v>1176</v>
      </c>
      <c r="L82" s="203">
        <v>0</v>
      </c>
      <c r="M82" s="203"/>
      <c r="N82" s="176" t="s">
        <v>2182</v>
      </c>
      <c r="O82" s="215" t="s">
        <v>4244</v>
      </c>
    </row>
    <row r="83" spans="1:15" s="170" customFormat="1" ht="120" customHeight="1">
      <c r="A83" s="164">
        <v>70</v>
      </c>
      <c r="B83" s="203" t="s">
        <v>2181</v>
      </c>
      <c r="C83" s="203" t="s">
        <v>511</v>
      </c>
      <c r="D83" s="203" t="s">
        <v>2180</v>
      </c>
      <c r="E83" s="211" t="s">
        <v>2179</v>
      </c>
      <c r="F83" s="204">
        <v>44225</v>
      </c>
      <c r="G83" s="204"/>
      <c r="H83" s="203" t="s">
        <v>10</v>
      </c>
      <c r="I83" s="1048"/>
      <c r="J83" s="211">
        <v>3</v>
      </c>
      <c r="K83" s="211">
        <v>4</v>
      </c>
      <c r="L83" s="203">
        <v>0</v>
      </c>
      <c r="M83" s="203"/>
      <c r="N83" s="176" t="s">
        <v>2178</v>
      </c>
      <c r="O83" s="215" t="s">
        <v>4245</v>
      </c>
    </row>
    <row r="84" spans="1:15" ht="120" customHeight="1">
      <c r="A84" s="164">
        <v>71</v>
      </c>
      <c r="B84" s="203" t="s">
        <v>2177</v>
      </c>
      <c r="C84" s="203" t="s">
        <v>511</v>
      </c>
      <c r="D84" s="203" t="s">
        <v>2176</v>
      </c>
      <c r="E84" s="211" t="s">
        <v>2175</v>
      </c>
      <c r="F84" s="204">
        <v>44213</v>
      </c>
      <c r="G84" s="204"/>
      <c r="H84" s="203" t="s">
        <v>10</v>
      </c>
      <c r="I84" s="1048"/>
      <c r="J84" s="211">
        <v>1</v>
      </c>
      <c r="K84" s="211" t="s">
        <v>965</v>
      </c>
      <c r="L84" s="203">
        <v>0</v>
      </c>
      <c r="M84" s="203"/>
      <c r="N84" s="176" t="s">
        <v>2174</v>
      </c>
      <c r="O84" s="215"/>
    </row>
    <row r="85" spans="1:15" ht="120" customHeight="1">
      <c r="A85" s="164">
        <v>72</v>
      </c>
      <c r="B85" s="203" t="s">
        <v>2173</v>
      </c>
      <c r="C85" s="203" t="s">
        <v>511</v>
      </c>
      <c r="D85" s="203" t="s">
        <v>2172</v>
      </c>
      <c r="E85" s="211" t="s">
        <v>2171</v>
      </c>
      <c r="F85" s="204">
        <v>44207</v>
      </c>
      <c r="G85" s="204"/>
      <c r="H85" s="203" t="s">
        <v>10</v>
      </c>
      <c r="I85" s="1048"/>
      <c r="J85" s="211">
        <v>1</v>
      </c>
      <c r="K85" s="211" t="s">
        <v>965</v>
      </c>
      <c r="L85" s="203">
        <v>0</v>
      </c>
      <c r="M85" s="203"/>
      <c r="N85" s="213" t="s">
        <v>2170</v>
      </c>
      <c r="O85" s="203"/>
    </row>
    <row r="86" spans="1:15" ht="120" customHeight="1">
      <c r="A86" s="164">
        <v>73</v>
      </c>
      <c r="B86" s="203" t="s">
        <v>2169</v>
      </c>
      <c r="C86" s="203" t="s">
        <v>511</v>
      </c>
      <c r="D86" s="203" t="s">
        <v>2166</v>
      </c>
      <c r="E86" s="211" t="s">
        <v>2165</v>
      </c>
      <c r="F86" s="219">
        <v>44721</v>
      </c>
      <c r="G86" s="204"/>
      <c r="H86" s="203" t="s">
        <v>10</v>
      </c>
      <c r="I86" s="1048"/>
      <c r="J86" s="211">
        <v>1</v>
      </c>
      <c r="K86" s="211" t="s">
        <v>965</v>
      </c>
      <c r="L86" s="203">
        <v>0</v>
      </c>
      <c r="M86" s="203"/>
      <c r="N86" s="176" t="s">
        <v>2168</v>
      </c>
      <c r="O86" s="203"/>
    </row>
    <row r="87" spans="1:15" ht="120" customHeight="1">
      <c r="A87" s="164">
        <v>74</v>
      </c>
      <c r="B87" s="203" t="s">
        <v>2167</v>
      </c>
      <c r="C87" s="203" t="s">
        <v>511</v>
      </c>
      <c r="D87" s="203" t="s">
        <v>2166</v>
      </c>
      <c r="E87" s="211" t="s">
        <v>2165</v>
      </c>
      <c r="F87" s="204">
        <v>44216</v>
      </c>
      <c r="G87" s="204"/>
      <c r="H87" s="203" t="s">
        <v>10</v>
      </c>
      <c r="I87" s="1048"/>
      <c r="J87" s="211" t="s">
        <v>975</v>
      </c>
      <c r="K87" s="211" t="s">
        <v>965</v>
      </c>
      <c r="L87" s="203">
        <v>0</v>
      </c>
      <c r="M87" s="203"/>
      <c r="N87" s="203"/>
      <c r="O87" s="203"/>
    </row>
    <row r="88" spans="1:15" ht="120" customHeight="1">
      <c r="A88" s="164">
        <v>75</v>
      </c>
      <c r="B88" s="203" t="s">
        <v>2164</v>
      </c>
      <c r="C88" s="203" t="s">
        <v>511</v>
      </c>
      <c r="D88" s="203" t="s">
        <v>2163</v>
      </c>
      <c r="E88" s="211" t="s">
        <v>2162</v>
      </c>
      <c r="F88" s="204">
        <v>44348</v>
      </c>
      <c r="G88" s="204"/>
      <c r="H88" s="203" t="s">
        <v>10</v>
      </c>
      <c r="I88" s="1048"/>
      <c r="J88" s="211" t="s">
        <v>975</v>
      </c>
      <c r="K88" s="211" t="s">
        <v>965</v>
      </c>
      <c r="L88" s="203">
        <v>0</v>
      </c>
      <c r="M88" s="203"/>
      <c r="N88" s="203"/>
      <c r="O88" s="215"/>
    </row>
    <row r="89" spans="1:15" ht="120" customHeight="1">
      <c r="A89" s="164">
        <v>76</v>
      </c>
      <c r="B89" s="203" t="s">
        <v>2161</v>
      </c>
      <c r="C89" s="203" t="s">
        <v>511</v>
      </c>
      <c r="D89" s="203" t="s">
        <v>2160</v>
      </c>
      <c r="E89" s="211" t="s">
        <v>2159</v>
      </c>
      <c r="F89" s="204">
        <v>44341</v>
      </c>
      <c r="G89" s="204"/>
      <c r="H89" s="203" t="s">
        <v>10</v>
      </c>
      <c r="I89" s="1048"/>
      <c r="J89" s="211" t="s">
        <v>975</v>
      </c>
      <c r="K89" s="211" t="s">
        <v>965</v>
      </c>
      <c r="L89" s="203">
        <v>0</v>
      </c>
      <c r="M89" s="203"/>
      <c r="N89" s="203"/>
      <c r="O89" s="215"/>
    </row>
    <row r="90" spans="1:15" ht="120" customHeight="1">
      <c r="A90" s="164">
        <v>77</v>
      </c>
      <c r="B90" s="203" t="s">
        <v>2158</v>
      </c>
      <c r="C90" s="203" t="s">
        <v>511</v>
      </c>
      <c r="D90" s="203" t="s">
        <v>2157</v>
      </c>
      <c r="E90" s="211" t="s">
        <v>2156</v>
      </c>
      <c r="F90" s="204">
        <v>44297</v>
      </c>
      <c r="G90" s="204"/>
      <c r="H90" s="203" t="s">
        <v>10</v>
      </c>
      <c r="I90" s="1048"/>
      <c r="J90" s="211">
        <v>1</v>
      </c>
      <c r="K90" s="211" t="s">
        <v>965</v>
      </c>
      <c r="L90" s="203">
        <v>0</v>
      </c>
      <c r="M90" s="203"/>
      <c r="N90" s="176" t="s">
        <v>2155</v>
      </c>
      <c r="O90" s="215"/>
    </row>
    <row r="91" spans="1:15" ht="120" customHeight="1">
      <c r="A91" s="164">
        <v>78</v>
      </c>
      <c r="B91" s="229" t="s">
        <v>2154</v>
      </c>
      <c r="C91" s="203" t="s">
        <v>511</v>
      </c>
      <c r="D91" s="203" t="s">
        <v>2153</v>
      </c>
      <c r="E91" s="211" t="s">
        <v>2152</v>
      </c>
      <c r="F91" s="204">
        <v>44372</v>
      </c>
      <c r="G91" s="204"/>
      <c r="H91" s="203" t="s">
        <v>10</v>
      </c>
      <c r="I91" s="1048"/>
      <c r="J91" s="211">
        <v>1</v>
      </c>
      <c r="K91" s="211" t="s">
        <v>965</v>
      </c>
      <c r="L91" s="203">
        <v>0</v>
      </c>
      <c r="M91" s="203"/>
      <c r="N91" s="176" t="s">
        <v>2151</v>
      </c>
      <c r="O91" s="203"/>
    </row>
    <row r="92" spans="1:15" ht="96" customHeight="1">
      <c r="A92" s="164">
        <v>79</v>
      </c>
      <c r="B92" s="205" t="s">
        <v>4246</v>
      </c>
      <c r="C92" s="203" t="s">
        <v>27</v>
      </c>
      <c r="D92" s="203" t="s">
        <v>2150</v>
      </c>
      <c r="E92" s="211" t="s">
        <v>2149</v>
      </c>
      <c r="F92" s="204">
        <v>44705</v>
      </c>
      <c r="G92" s="203"/>
      <c r="H92" s="230"/>
      <c r="I92" s="1058"/>
      <c r="J92" s="211">
        <v>1</v>
      </c>
      <c r="K92" s="211" t="s">
        <v>965</v>
      </c>
      <c r="L92" s="231">
        <v>0</v>
      </c>
      <c r="M92" s="231"/>
      <c r="N92" s="232" t="s">
        <v>2148</v>
      </c>
      <c r="O92" s="233"/>
    </row>
    <row r="93" spans="1:15" ht="120" customHeight="1">
      <c r="A93" s="164">
        <v>80</v>
      </c>
      <c r="B93" s="203" t="s">
        <v>2147</v>
      </c>
      <c r="C93" s="203" t="s">
        <v>15</v>
      </c>
      <c r="D93" s="203" t="s">
        <v>2146</v>
      </c>
      <c r="E93" s="211" t="s">
        <v>2145</v>
      </c>
      <c r="F93" s="204">
        <v>44782</v>
      </c>
      <c r="G93" s="204" t="s">
        <v>2144</v>
      </c>
      <c r="H93" s="203" t="s">
        <v>2143</v>
      </c>
      <c r="I93" s="1048"/>
      <c r="J93" s="203">
        <v>24</v>
      </c>
      <c r="K93" s="203">
        <v>47</v>
      </c>
      <c r="L93" s="203">
        <v>1</v>
      </c>
      <c r="M93" s="203" t="s">
        <v>10</v>
      </c>
      <c r="N93" s="203" t="s">
        <v>2142</v>
      </c>
      <c r="O93" s="203" t="s">
        <v>4247</v>
      </c>
    </row>
    <row r="94" spans="1:15" ht="120" customHeight="1">
      <c r="A94" s="164">
        <v>81</v>
      </c>
      <c r="B94" s="203" t="s">
        <v>2141</v>
      </c>
      <c r="C94" s="203" t="s">
        <v>15</v>
      </c>
      <c r="D94" s="203" t="s">
        <v>1778</v>
      </c>
      <c r="E94" s="211" t="s">
        <v>1779</v>
      </c>
      <c r="F94" s="204">
        <v>44098</v>
      </c>
      <c r="G94" s="204" t="s">
        <v>1780</v>
      </c>
      <c r="H94" s="203" t="s">
        <v>2140</v>
      </c>
      <c r="I94" s="1048"/>
      <c r="J94" s="203">
        <v>4</v>
      </c>
      <c r="K94" s="203">
        <v>11</v>
      </c>
      <c r="L94" s="203">
        <v>1</v>
      </c>
      <c r="M94" s="203" t="s">
        <v>10</v>
      </c>
      <c r="N94" s="203" t="s">
        <v>2139</v>
      </c>
      <c r="O94" s="203" t="s">
        <v>4248</v>
      </c>
    </row>
    <row r="95" spans="1:15" ht="170.25" customHeight="1">
      <c r="A95" s="164">
        <v>82</v>
      </c>
      <c r="B95" s="203" t="s">
        <v>4249</v>
      </c>
      <c r="C95" s="203" t="s">
        <v>15</v>
      </c>
      <c r="D95" s="936" t="s">
        <v>2138</v>
      </c>
      <c r="E95" s="211" t="s">
        <v>2137</v>
      </c>
      <c r="F95" s="204">
        <v>44592</v>
      </c>
      <c r="G95" s="204" t="s">
        <v>2136</v>
      </c>
      <c r="H95" s="176"/>
      <c r="I95" s="1059"/>
      <c r="J95" s="203">
        <v>3</v>
      </c>
      <c r="K95" s="203">
        <v>8</v>
      </c>
      <c r="L95" s="203">
        <v>1</v>
      </c>
      <c r="M95" s="176"/>
      <c r="N95" s="203" t="s">
        <v>2135</v>
      </c>
      <c r="O95" s="203" t="s">
        <v>2134</v>
      </c>
    </row>
    <row r="96" spans="1:15" ht="153" customHeight="1">
      <c r="A96" s="164">
        <v>83</v>
      </c>
      <c r="B96" s="166" t="s">
        <v>4250</v>
      </c>
      <c r="C96" s="166" t="s">
        <v>15</v>
      </c>
      <c r="D96" s="166" t="s">
        <v>2133</v>
      </c>
      <c r="E96" s="167" t="s">
        <v>2132</v>
      </c>
      <c r="F96" s="168">
        <v>39910</v>
      </c>
      <c r="G96" s="168" t="s">
        <v>395</v>
      </c>
      <c r="H96" s="166" t="s">
        <v>4179</v>
      </c>
      <c r="I96" s="1060"/>
      <c r="J96" s="166">
        <v>2</v>
      </c>
      <c r="K96" s="166">
        <v>14</v>
      </c>
      <c r="L96" s="166">
        <v>1</v>
      </c>
      <c r="M96" s="166"/>
      <c r="N96" s="166" t="s">
        <v>2131</v>
      </c>
      <c r="O96" s="166" t="s">
        <v>2130</v>
      </c>
    </row>
    <row r="97" spans="1:15" ht="198" customHeight="1">
      <c r="A97" s="164">
        <v>84</v>
      </c>
      <c r="B97" s="212" t="s">
        <v>4251</v>
      </c>
      <c r="C97" s="166" t="s">
        <v>15</v>
      </c>
      <c r="D97" s="166" t="s">
        <v>2129</v>
      </c>
      <c r="E97" s="167" t="s">
        <v>2128</v>
      </c>
      <c r="F97" s="168">
        <v>38684</v>
      </c>
      <c r="G97" s="168" t="s">
        <v>1056</v>
      </c>
      <c r="H97" s="166" t="s">
        <v>10</v>
      </c>
      <c r="I97" s="1060"/>
      <c r="J97" s="166">
        <v>2</v>
      </c>
      <c r="K97" s="166">
        <v>2</v>
      </c>
      <c r="L97" s="166">
        <v>1</v>
      </c>
      <c r="M97" s="166"/>
      <c r="N97" s="166"/>
      <c r="O97" s="166"/>
    </row>
    <row r="98" spans="1:15" ht="120" customHeight="1">
      <c r="A98" s="164">
        <v>85</v>
      </c>
      <c r="B98" s="166" t="s">
        <v>2127</v>
      </c>
      <c r="C98" s="166" t="s">
        <v>15</v>
      </c>
      <c r="D98" s="166" t="s">
        <v>4158</v>
      </c>
      <c r="E98" s="167" t="s">
        <v>4159</v>
      </c>
      <c r="F98" s="168"/>
      <c r="G98" s="168" t="s">
        <v>20</v>
      </c>
      <c r="H98" s="937" t="s">
        <v>4160</v>
      </c>
      <c r="I98" s="1061"/>
      <c r="J98" s="166">
        <v>4</v>
      </c>
      <c r="K98" s="166">
        <v>14</v>
      </c>
      <c r="L98" s="166"/>
      <c r="M98" s="166"/>
      <c r="N98" s="166"/>
      <c r="O98" s="166"/>
    </row>
    <row r="99" spans="1:15" ht="120" customHeight="1">
      <c r="A99" s="164">
        <v>86</v>
      </c>
      <c r="B99" s="166" t="s">
        <v>4180</v>
      </c>
      <c r="C99" s="166" t="s">
        <v>179</v>
      </c>
      <c r="D99" s="166" t="s">
        <v>4252</v>
      </c>
      <c r="E99" s="167" t="s">
        <v>4181</v>
      </c>
      <c r="F99" s="168"/>
      <c r="G99" s="234" t="s">
        <v>63</v>
      </c>
      <c r="H99" s="235" t="s">
        <v>4182</v>
      </c>
      <c r="I99" s="1062"/>
      <c r="J99" s="166">
        <v>7</v>
      </c>
      <c r="K99" s="166">
        <v>29</v>
      </c>
      <c r="L99" s="166"/>
      <c r="M99" s="166"/>
      <c r="N99" s="166"/>
      <c r="O99" s="166"/>
    </row>
    <row r="100" spans="1:15" ht="120" customHeight="1">
      <c r="A100" s="164">
        <v>87</v>
      </c>
      <c r="B100" s="166" t="s">
        <v>4253</v>
      </c>
      <c r="C100" s="166" t="s">
        <v>60</v>
      </c>
      <c r="D100" s="166" t="s">
        <v>4254</v>
      </c>
      <c r="E100" s="167" t="s">
        <v>4181</v>
      </c>
      <c r="F100" s="168">
        <v>44648</v>
      </c>
      <c r="G100" s="168" t="s">
        <v>4255</v>
      </c>
      <c r="H100" s="203" t="s">
        <v>4256</v>
      </c>
      <c r="I100" s="1048"/>
      <c r="J100" s="166">
        <v>7</v>
      </c>
      <c r="K100" s="166">
        <v>16</v>
      </c>
      <c r="L100" s="166"/>
      <c r="M100" s="166"/>
      <c r="N100" s="166"/>
      <c r="O100" s="166"/>
    </row>
    <row r="101" spans="1:15" ht="120" customHeight="1">
      <c r="A101" s="164">
        <v>88</v>
      </c>
      <c r="B101" s="213" t="s">
        <v>2126</v>
      </c>
      <c r="C101" s="166" t="s">
        <v>179</v>
      </c>
      <c r="D101" s="166" t="s">
        <v>2125</v>
      </c>
      <c r="E101" s="167" t="s">
        <v>2124</v>
      </c>
      <c r="F101" s="168">
        <v>44438</v>
      </c>
      <c r="G101" s="168" t="s">
        <v>527</v>
      </c>
      <c r="H101" s="214" t="s">
        <v>4257</v>
      </c>
      <c r="I101" s="1063"/>
      <c r="J101" s="166">
        <v>44</v>
      </c>
      <c r="K101" s="166">
        <v>48</v>
      </c>
      <c r="L101" s="166"/>
      <c r="M101" s="166"/>
      <c r="N101" s="166"/>
      <c r="O101" s="166"/>
    </row>
    <row r="102" spans="1:15" ht="120" customHeight="1">
      <c r="A102" s="164">
        <v>89</v>
      </c>
      <c r="B102" s="205" t="s">
        <v>4258</v>
      </c>
      <c r="C102" s="217" t="s">
        <v>53</v>
      </c>
      <c r="D102" s="217" t="s">
        <v>2116</v>
      </c>
      <c r="E102" s="236" t="s">
        <v>2115</v>
      </c>
      <c r="F102" s="217" t="s">
        <v>2114</v>
      </c>
      <c r="G102" s="217"/>
      <c r="H102" s="217"/>
      <c r="I102" s="1055"/>
      <c r="J102" s="169">
        <v>1</v>
      </c>
      <c r="K102" s="217">
        <v>4</v>
      </c>
      <c r="L102" s="237"/>
      <c r="M102" s="237"/>
      <c r="N102" s="217" t="s">
        <v>2113</v>
      </c>
      <c r="O102" s="217" t="s">
        <v>645</v>
      </c>
    </row>
    <row r="103" spans="1:15" ht="120" customHeight="1">
      <c r="A103" s="164">
        <v>90</v>
      </c>
      <c r="B103" s="215" t="s">
        <v>4259</v>
      </c>
      <c r="C103" s="217"/>
      <c r="D103" s="215" t="s">
        <v>4260</v>
      </c>
      <c r="E103" s="220" t="s">
        <v>4183</v>
      </c>
      <c r="F103" s="219">
        <v>37601</v>
      </c>
      <c r="G103" s="215" t="s">
        <v>4261</v>
      </c>
      <c r="H103" s="205" t="s">
        <v>4184</v>
      </c>
      <c r="I103" s="1049"/>
      <c r="J103" s="238">
        <v>6</v>
      </c>
      <c r="K103" s="217">
        <v>12</v>
      </c>
      <c r="L103" s="237"/>
      <c r="M103" s="237"/>
      <c r="N103" s="217"/>
      <c r="O103" s="217"/>
    </row>
    <row r="104" spans="1:15" ht="120" customHeight="1">
      <c r="A104" s="164">
        <v>91</v>
      </c>
      <c r="B104" s="217" t="s">
        <v>2118</v>
      </c>
      <c r="C104" s="217" t="s">
        <v>53</v>
      </c>
      <c r="D104" s="217" t="s">
        <v>2116</v>
      </c>
      <c r="E104" s="236" t="s">
        <v>2115</v>
      </c>
      <c r="F104" s="217" t="s">
        <v>2114</v>
      </c>
      <c r="G104" s="217"/>
      <c r="H104" s="203"/>
      <c r="I104" s="1048"/>
      <c r="J104" s="169">
        <v>1</v>
      </c>
      <c r="K104" s="217">
        <v>4</v>
      </c>
      <c r="L104" s="237"/>
      <c r="M104" s="237"/>
      <c r="N104" s="217" t="s">
        <v>2117</v>
      </c>
      <c r="O104" s="217" t="s">
        <v>645</v>
      </c>
    </row>
    <row r="105" spans="1:15" ht="45">
      <c r="A105" s="164">
        <v>92</v>
      </c>
      <c r="B105" s="166" t="s">
        <v>2123</v>
      </c>
      <c r="C105" s="166" t="s">
        <v>15</v>
      </c>
      <c r="D105" s="166"/>
      <c r="E105" s="167"/>
      <c r="F105" s="168"/>
      <c r="G105" s="168"/>
      <c r="H105" s="166"/>
      <c r="I105" s="1060"/>
      <c r="J105" s="166">
        <v>1</v>
      </c>
      <c r="K105" s="166">
        <v>9</v>
      </c>
      <c r="L105" s="166"/>
      <c r="M105" s="166"/>
      <c r="N105" s="166"/>
      <c r="O105" s="203"/>
    </row>
    <row r="106" spans="1:15" ht="90">
      <c r="A106" s="164">
        <v>93</v>
      </c>
      <c r="B106" s="166" t="s">
        <v>4262</v>
      </c>
      <c r="C106" s="166" t="s">
        <v>179</v>
      </c>
      <c r="D106" s="203" t="s">
        <v>4263</v>
      </c>
      <c r="E106" s="167" t="s">
        <v>4264</v>
      </c>
      <c r="F106" s="168"/>
      <c r="G106" s="168" t="s">
        <v>1056</v>
      </c>
      <c r="H106" s="166"/>
      <c r="I106" s="1060"/>
      <c r="J106" s="166">
        <v>3</v>
      </c>
      <c r="K106" s="166">
        <v>6</v>
      </c>
      <c r="L106" s="166"/>
      <c r="M106" s="166"/>
      <c r="N106" s="166"/>
      <c r="O106" s="217"/>
    </row>
    <row r="107" spans="1:15" s="170" customFormat="1" ht="150">
      <c r="A107" s="164">
        <v>94</v>
      </c>
      <c r="B107" s="166" t="s">
        <v>4265</v>
      </c>
      <c r="C107" s="166" t="s">
        <v>15</v>
      </c>
      <c r="D107" s="166" t="s">
        <v>4266</v>
      </c>
      <c r="E107" s="167" t="s">
        <v>4267</v>
      </c>
      <c r="F107" s="168"/>
      <c r="G107" s="168"/>
      <c r="H107" s="166" t="s">
        <v>4268</v>
      </c>
      <c r="I107" s="1060"/>
      <c r="J107" s="166">
        <v>5</v>
      </c>
      <c r="K107" s="166">
        <v>24</v>
      </c>
      <c r="L107" s="166"/>
      <c r="M107" s="166"/>
      <c r="N107" s="166"/>
      <c r="O107" s="203"/>
    </row>
    <row r="108" spans="1:15" ht="30">
      <c r="A108" s="164">
        <v>95</v>
      </c>
      <c r="B108" s="166" t="s">
        <v>4269</v>
      </c>
      <c r="C108" s="166"/>
      <c r="D108" s="166"/>
      <c r="E108" s="167"/>
      <c r="F108" s="168"/>
      <c r="G108" s="168"/>
      <c r="H108" s="166"/>
      <c r="I108" s="1060"/>
      <c r="J108" s="166"/>
      <c r="K108" s="166"/>
      <c r="L108" s="166"/>
      <c r="M108" s="166"/>
      <c r="N108" s="166"/>
      <c r="O108" s="217"/>
    </row>
    <row r="109" spans="1:15" ht="53.25" customHeight="1">
      <c r="A109" s="164">
        <v>96</v>
      </c>
      <c r="B109" s="166" t="s">
        <v>4270</v>
      </c>
      <c r="C109" s="166"/>
      <c r="D109" s="166"/>
      <c r="E109" s="167"/>
      <c r="F109" s="168"/>
      <c r="G109" s="168"/>
      <c r="H109" s="166"/>
      <c r="I109" s="1060"/>
      <c r="J109" s="166">
        <v>1</v>
      </c>
      <c r="K109" s="166">
        <v>4</v>
      </c>
      <c r="L109" s="166"/>
      <c r="M109" s="166"/>
      <c r="N109" s="166"/>
      <c r="O109" s="217"/>
    </row>
    <row r="110" spans="1:15" ht="78" customHeight="1">
      <c r="A110" s="164">
        <v>97</v>
      </c>
      <c r="B110" s="166" t="s">
        <v>4271</v>
      </c>
      <c r="C110" s="166"/>
      <c r="D110" s="166"/>
      <c r="E110" s="167"/>
      <c r="F110" s="168"/>
      <c r="G110" s="168"/>
      <c r="H110" s="166"/>
      <c r="I110" s="1060"/>
      <c r="J110" s="166">
        <v>1</v>
      </c>
      <c r="K110" s="166">
        <v>4</v>
      </c>
      <c r="L110" s="166"/>
      <c r="M110" s="166"/>
      <c r="N110" s="166"/>
      <c r="O110" s="217"/>
    </row>
    <row r="111" spans="1:15" ht="175.5" customHeight="1">
      <c r="A111" s="164">
        <v>98</v>
      </c>
      <c r="B111" s="166" t="s">
        <v>4272</v>
      </c>
      <c r="C111" s="166"/>
      <c r="D111" s="166"/>
      <c r="E111" s="167"/>
      <c r="F111" s="168"/>
      <c r="G111" s="168"/>
      <c r="H111" s="166"/>
      <c r="I111" s="1060"/>
      <c r="J111" s="166">
        <v>1</v>
      </c>
      <c r="K111" s="166">
        <v>4</v>
      </c>
      <c r="L111" s="166"/>
      <c r="M111" s="166"/>
      <c r="N111" s="166"/>
      <c r="O111" s="217"/>
    </row>
    <row r="112" spans="1:15" ht="30">
      <c r="A112" s="164">
        <v>99</v>
      </c>
      <c r="B112" s="166" t="s">
        <v>4273</v>
      </c>
      <c r="C112" s="166"/>
      <c r="D112" s="166"/>
      <c r="E112" s="167"/>
      <c r="F112" s="168"/>
      <c r="G112" s="168"/>
      <c r="H112" s="166"/>
      <c r="I112" s="1060"/>
      <c r="J112" s="166">
        <v>1</v>
      </c>
      <c r="K112" s="166">
        <v>4</v>
      </c>
      <c r="L112" s="166"/>
      <c r="M112" s="166"/>
      <c r="N112" s="166"/>
      <c r="O112" s="217"/>
    </row>
    <row r="113" spans="1:15" ht="82.5" customHeight="1">
      <c r="A113" s="164">
        <v>100</v>
      </c>
      <c r="B113" s="166" t="s">
        <v>4274</v>
      </c>
      <c r="C113" s="166"/>
      <c r="D113" s="166"/>
      <c r="E113" s="167"/>
      <c r="F113" s="168"/>
      <c r="G113" s="168"/>
      <c r="H113" s="166"/>
      <c r="I113" s="1060"/>
      <c r="J113" s="166">
        <v>1</v>
      </c>
      <c r="K113" s="166">
        <v>4</v>
      </c>
      <c r="L113" s="166"/>
      <c r="M113" s="166"/>
      <c r="N113" s="166"/>
      <c r="O113" s="217"/>
    </row>
    <row r="114" spans="1:15" s="165" customFormat="1" ht="163.5" customHeight="1">
      <c r="A114" s="164">
        <v>101</v>
      </c>
      <c r="B114" s="166" t="s">
        <v>4275</v>
      </c>
      <c r="C114" s="166"/>
      <c r="D114" s="166"/>
      <c r="E114" s="167"/>
      <c r="F114" s="168"/>
      <c r="G114" s="168"/>
      <c r="H114" s="166"/>
      <c r="I114" s="1060"/>
      <c r="J114" s="166">
        <v>3</v>
      </c>
      <c r="K114" s="166">
        <v>6</v>
      </c>
      <c r="L114" s="166"/>
      <c r="M114" s="166"/>
      <c r="N114" s="166"/>
      <c r="O114" s="217"/>
    </row>
    <row r="115" spans="1:15" s="165" customFormat="1" ht="163.5" customHeight="1">
      <c r="A115" s="164">
        <v>102</v>
      </c>
      <c r="B115" s="166" t="s">
        <v>4276</v>
      </c>
      <c r="C115" s="166" t="s">
        <v>179</v>
      </c>
      <c r="D115" s="166" t="s">
        <v>4277</v>
      </c>
      <c r="E115" s="167" t="s">
        <v>4278</v>
      </c>
      <c r="F115" s="168">
        <v>39029</v>
      </c>
      <c r="G115" s="168" t="s">
        <v>4279</v>
      </c>
      <c r="H115" s="166"/>
      <c r="I115" s="1060"/>
      <c r="J115" s="166">
        <v>3</v>
      </c>
      <c r="K115" s="166">
        <v>6</v>
      </c>
      <c r="L115" s="166"/>
      <c r="M115" s="166"/>
      <c r="N115" s="166"/>
      <c r="O115" s="217"/>
    </row>
    <row r="116" spans="1:15" s="165" customFormat="1" ht="166.5" customHeight="1">
      <c r="A116" s="164">
        <v>103</v>
      </c>
      <c r="B116" s="176" t="s">
        <v>4280</v>
      </c>
      <c r="C116" s="166" t="s">
        <v>4281</v>
      </c>
      <c r="D116" s="176" t="s">
        <v>4282</v>
      </c>
      <c r="E116" s="239" t="s">
        <v>1678</v>
      </c>
      <c r="F116" s="168"/>
      <c r="G116" s="168"/>
      <c r="H116" s="166" t="s">
        <v>4283</v>
      </c>
      <c r="I116" s="1060"/>
      <c r="J116" s="166"/>
      <c r="K116" s="166"/>
      <c r="L116" s="166"/>
      <c r="M116" s="166"/>
      <c r="N116" s="166"/>
      <c r="O116" s="166"/>
    </row>
    <row r="117" spans="1:15" ht="57.75" customHeight="1">
      <c r="A117" s="164">
        <v>104</v>
      </c>
      <c r="B117" s="1139" t="s">
        <v>16</v>
      </c>
      <c r="C117" s="1140"/>
      <c r="D117" s="1140"/>
      <c r="E117" s="1140"/>
      <c r="F117" s="1140"/>
      <c r="G117" s="1140"/>
      <c r="H117" s="1140"/>
      <c r="I117" s="1141"/>
      <c r="J117" s="1140"/>
      <c r="K117" s="1140"/>
      <c r="L117" s="1140"/>
      <c r="M117" s="1140"/>
      <c r="N117" s="1140"/>
      <c r="O117" s="1142"/>
    </row>
    <row r="118" spans="1:15" ht="152.25" customHeight="1">
      <c r="A118" s="90"/>
      <c r="B118" s="240" t="s">
        <v>2122</v>
      </c>
      <c r="C118" s="56" t="s">
        <v>53</v>
      </c>
      <c r="D118" s="203" t="s">
        <v>2121</v>
      </c>
      <c r="E118" s="211" t="s">
        <v>2120</v>
      </c>
      <c r="F118" s="203"/>
      <c r="G118" s="203"/>
      <c r="H118" s="203"/>
      <c r="I118" s="1048"/>
      <c r="J118" s="230"/>
      <c r="K118" s="203"/>
      <c r="L118" s="176"/>
      <c r="M118" s="176"/>
      <c r="N118" s="176" t="s">
        <v>2119</v>
      </c>
      <c r="O118" s="203" t="s">
        <v>645</v>
      </c>
    </row>
    <row r="119" spans="1:15" ht="33" customHeight="1">
      <c r="A119" s="243">
        <f>A118+1</f>
        <v>1</v>
      </c>
      <c r="B119" s="1139" t="s">
        <v>2112</v>
      </c>
      <c r="C119" s="1140"/>
      <c r="D119" s="1140"/>
      <c r="E119" s="1140"/>
      <c r="F119" s="1140"/>
      <c r="G119" s="1140"/>
      <c r="H119" s="1140"/>
      <c r="I119" s="1141"/>
      <c r="J119" s="1140"/>
      <c r="K119" s="1140"/>
      <c r="L119" s="1140"/>
      <c r="M119" s="1140"/>
      <c r="N119" s="1140"/>
      <c r="O119" s="1142"/>
    </row>
    <row r="120" spans="1:15" ht="30">
      <c r="A120" s="90"/>
      <c r="B120" s="241" t="s">
        <v>2111</v>
      </c>
      <c r="C120" s="242"/>
      <c r="D120" s="203"/>
      <c r="E120" s="211"/>
      <c r="F120" s="203"/>
      <c r="G120" s="203"/>
      <c r="H120" s="203"/>
      <c r="I120" s="1048"/>
      <c r="J120" s="230"/>
      <c r="K120" s="203"/>
      <c r="L120" s="176"/>
      <c r="M120" s="176"/>
      <c r="N120" s="176"/>
      <c r="O120" s="203"/>
    </row>
    <row r="121" spans="1:15">
      <c r="A121" s="59">
        <v>1</v>
      </c>
      <c r="B121" s="241" t="s">
        <v>4174</v>
      </c>
      <c r="C121" s="203"/>
      <c r="D121" s="203"/>
      <c r="E121" s="203"/>
      <c r="F121" s="204"/>
      <c r="G121" s="204"/>
      <c r="H121" s="203"/>
      <c r="I121" s="1048"/>
      <c r="J121" s="203"/>
      <c r="K121" s="203"/>
      <c r="L121" s="203"/>
      <c r="M121" s="203"/>
      <c r="N121" s="203"/>
      <c r="O121" s="203"/>
    </row>
    <row r="122" spans="1:15">
      <c r="F122" s="57"/>
      <c r="G122" s="57"/>
    </row>
    <row r="123" spans="1:15">
      <c r="F123" s="57"/>
      <c r="G123" s="57"/>
    </row>
    <row r="124" spans="1:15">
      <c r="F124" s="57"/>
      <c r="G124" s="57"/>
    </row>
    <row r="125" spans="1:15">
      <c r="F125" s="57"/>
      <c r="G125" s="57"/>
    </row>
    <row r="126" spans="1:15">
      <c r="F126" s="57"/>
      <c r="G126" s="57"/>
    </row>
    <row r="127" spans="1:15">
      <c r="F127" s="57"/>
      <c r="G127" s="57"/>
    </row>
    <row r="128" spans="1:15">
      <c r="F128" s="57"/>
      <c r="G128" s="57"/>
    </row>
    <row r="129" spans="6:7">
      <c r="F129" s="57"/>
      <c r="G129" s="57"/>
    </row>
    <row r="130" spans="6:7">
      <c r="F130" s="57"/>
      <c r="G130" s="57"/>
    </row>
    <row r="131" spans="6:7">
      <c r="F131" s="57"/>
      <c r="G131" s="57"/>
    </row>
    <row r="132" spans="6:7">
      <c r="F132" s="57"/>
      <c r="G132" s="57"/>
    </row>
    <row r="133" spans="6:7">
      <c r="F133" s="57"/>
      <c r="G133" s="57"/>
    </row>
    <row r="134" spans="6:7">
      <c r="F134" s="57"/>
      <c r="G134" s="57"/>
    </row>
    <row r="135" spans="6:7">
      <c r="F135" s="57"/>
      <c r="G135" s="57"/>
    </row>
    <row r="136" spans="6:7">
      <c r="F136" s="57"/>
      <c r="G136" s="57"/>
    </row>
    <row r="137" spans="6:7">
      <c r="F137" s="57"/>
      <c r="G137" s="57"/>
    </row>
    <row r="138" spans="6:7">
      <c r="F138" s="57"/>
      <c r="G138" s="57"/>
    </row>
    <row r="139" spans="6:7">
      <c r="F139" s="57"/>
      <c r="G139" s="57"/>
    </row>
    <row r="140" spans="6:7">
      <c r="F140" s="57"/>
      <c r="G140" s="57"/>
    </row>
    <row r="141" spans="6:7">
      <c r="F141" s="57"/>
      <c r="G141" s="57"/>
    </row>
    <row r="142" spans="6:7">
      <c r="F142" s="57"/>
      <c r="G142" s="57"/>
    </row>
    <row r="143" spans="6:7">
      <c r="F143" s="57"/>
      <c r="G143" s="57"/>
    </row>
    <row r="144" spans="6:7">
      <c r="F144" s="57"/>
      <c r="G144" s="57"/>
    </row>
    <row r="145" spans="6:7">
      <c r="F145" s="57"/>
      <c r="G145" s="57"/>
    </row>
    <row r="146" spans="6:7">
      <c r="F146" s="57"/>
      <c r="G146" s="57"/>
    </row>
    <row r="147" spans="6:7">
      <c r="F147" s="57"/>
      <c r="G147" s="57"/>
    </row>
    <row r="148" spans="6:7">
      <c r="F148" s="57"/>
      <c r="G148" s="57"/>
    </row>
    <row r="149" spans="6:7">
      <c r="F149" s="57"/>
      <c r="G149" s="57"/>
    </row>
    <row r="150" spans="6:7">
      <c r="F150" s="57"/>
      <c r="G150" s="57"/>
    </row>
    <row r="151" spans="6:7">
      <c r="F151" s="57"/>
      <c r="G151" s="57"/>
    </row>
    <row r="152" spans="6:7">
      <c r="F152" s="57"/>
      <c r="G152" s="57"/>
    </row>
    <row r="153" spans="6:7">
      <c r="F153" s="57"/>
      <c r="G153" s="57"/>
    </row>
    <row r="154" spans="6:7">
      <c r="F154" s="57"/>
      <c r="G154" s="57"/>
    </row>
    <row r="155" spans="6:7">
      <c r="F155" s="57"/>
      <c r="G155" s="57"/>
    </row>
    <row r="156" spans="6:7">
      <c r="F156" s="57"/>
      <c r="G156" s="57"/>
    </row>
    <row r="157" spans="6:7">
      <c r="F157" s="57"/>
      <c r="G157" s="57"/>
    </row>
    <row r="158" spans="6:7">
      <c r="F158" s="57"/>
      <c r="G158" s="57"/>
    </row>
    <row r="159" spans="6:7">
      <c r="F159" s="57"/>
      <c r="G159" s="57"/>
    </row>
    <row r="160" spans="6:7">
      <c r="F160" s="57"/>
      <c r="G160" s="57"/>
    </row>
    <row r="161" spans="6:7">
      <c r="F161" s="57"/>
      <c r="G161" s="57"/>
    </row>
    <row r="162" spans="6:7">
      <c r="F162" s="57"/>
      <c r="G162" s="57"/>
    </row>
    <row r="163" spans="6:7">
      <c r="F163" s="57"/>
      <c r="G163" s="57"/>
    </row>
    <row r="164" spans="6:7">
      <c r="F164" s="57"/>
      <c r="G164" s="57"/>
    </row>
    <row r="165" spans="6:7">
      <c r="F165" s="57"/>
      <c r="G165" s="57"/>
    </row>
    <row r="166" spans="6:7">
      <c r="F166" s="57"/>
      <c r="G166" s="57"/>
    </row>
    <row r="167" spans="6:7">
      <c r="F167" s="57"/>
      <c r="G167" s="57"/>
    </row>
    <row r="168" spans="6:7">
      <c r="F168" s="57"/>
      <c r="G168" s="57"/>
    </row>
    <row r="169" spans="6:7">
      <c r="F169" s="57"/>
      <c r="G169" s="57"/>
    </row>
    <row r="170" spans="6:7">
      <c r="F170" s="57"/>
      <c r="G170" s="57"/>
    </row>
    <row r="171" spans="6:7">
      <c r="F171" s="57"/>
      <c r="G171" s="57"/>
    </row>
    <row r="172" spans="6:7">
      <c r="F172" s="57"/>
      <c r="G172" s="57"/>
    </row>
    <row r="173" spans="6:7">
      <c r="F173" s="57"/>
      <c r="G173" s="57"/>
    </row>
    <row r="174" spans="6:7">
      <c r="F174" s="57"/>
      <c r="G174" s="57"/>
    </row>
    <row r="175" spans="6:7">
      <c r="F175" s="57"/>
      <c r="G175" s="57"/>
    </row>
    <row r="176" spans="6:7">
      <c r="F176" s="57"/>
      <c r="G176" s="57"/>
    </row>
    <row r="177" spans="6:7">
      <c r="F177" s="57"/>
      <c r="G177" s="57"/>
    </row>
    <row r="178" spans="6:7">
      <c r="F178" s="57"/>
      <c r="G178" s="57"/>
    </row>
    <row r="179" spans="6:7">
      <c r="F179" s="57"/>
      <c r="G179" s="57"/>
    </row>
    <row r="180" spans="6:7">
      <c r="F180" s="57"/>
      <c r="G180" s="57"/>
    </row>
    <row r="181" spans="6:7">
      <c r="F181" s="57"/>
      <c r="G181" s="57"/>
    </row>
    <row r="182" spans="6:7">
      <c r="F182" s="57"/>
      <c r="G182" s="57"/>
    </row>
    <row r="183" spans="6:7">
      <c r="F183" s="57"/>
      <c r="G183" s="57"/>
    </row>
    <row r="184" spans="6:7">
      <c r="F184" s="57"/>
      <c r="G184" s="57"/>
    </row>
    <row r="185" spans="6:7">
      <c r="F185" s="57"/>
      <c r="G185" s="57"/>
    </row>
    <row r="186" spans="6:7">
      <c r="F186" s="57"/>
      <c r="G186" s="57"/>
    </row>
    <row r="187" spans="6:7">
      <c r="F187" s="57"/>
      <c r="G187" s="57"/>
    </row>
    <row r="188" spans="6:7">
      <c r="F188" s="57"/>
      <c r="G188" s="57"/>
    </row>
    <row r="189" spans="6:7">
      <c r="F189" s="57"/>
      <c r="G189" s="57"/>
    </row>
    <row r="190" spans="6:7">
      <c r="F190" s="57"/>
      <c r="G190" s="57"/>
    </row>
    <row r="191" spans="6:7">
      <c r="F191" s="57"/>
      <c r="G191" s="57"/>
    </row>
    <row r="192" spans="6:7">
      <c r="F192" s="57"/>
      <c r="G192" s="57"/>
    </row>
    <row r="193" spans="6:7">
      <c r="F193" s="57"/>
      <c r="G193" s="57"/>
    </row>
    <row r="194" spans="6:7">
      <c r="F194" s="57"/>
      <c r="G194" s="57"/>
    </row>
    <row r="195" spans="6:7">
      <c r="F195" s="57"/>
      <c r="G195" s="57"/>
    </row>
    <row r="196" spans="6:7">
      <c r="F196" s="57"/>
      <c r="G196" s="57"/>
    </row>
    <row r="197" spans="6:7">
      <c r="F197" s="57"/>
      <c r="G197" s="57"/>
    </row>
    <row r="198" spans="6:7">
      <c r="F198" s="57"/>
      <c r="G198" s="57"/>
    </row>
    <row r="199" spans="6:7">
      <c r="F199" s="57"/>
      <c r="G199" s="57"/>
    </row>
    <row r="200" spans="6:7">
      <c r="F200" s="57"/>
      <c r="G200" s="57"/>
    </row>
    <row r="201" spans="6:7">
      <c r="F201" s="57"/>
      <c r="G201" s="57"/>
    </row>
    <row r="202" spans="6:7">
      <c r="F202" s="57"/>
      <c r="G202" s="57"/>
    </row>
    <row r="203" spans="6:7">
      <c r="F203" s="57"/>
      <c r="G203" s="57"/>
    </row>
    <row r="204" spans="6:7">
      <c r="F204" s="57"/>
      <c r="G204" s="57"/>
    </row>
    <row r="205" spans="6:7">
      <c r="F205" s="57"/>
      <c r="G205" s="57"/>
    </row>
    <row r="206" spans="6:7">
      <c r="F206" s="57"/>
      <c r="G206" s="57"/>
    </row>
    <row r="207" spans="6:7">
      <c r="F207" s="57"/>
      <c r="G207" s="57"/>
    </row>
    <row r="208" spans="6:7">
      <c r="F208" s="57"/>
      <c r="G208" s="57"/>
    </row>
    <row r="209" spans="6:7">
      <c r="F209" s="57"/>
      <c r="G209" s="57"/>
    </row>
    <row r="210" spans="6:7">
      <c r="F210" s="57"/>
      <c r="G210" s="57"/>
    </row>
    <row r="211" spans="6:7">
      <c r="F211" s="57"/>
      <c r="G211" s="57"/>
    </row>
    <row r="212" spans="6:7">
      <c r="F212" s="57"/>
      <c r="G212" s="57"/>
    </row>
    <row r="213" spans="6:7">
      <c r="F213" s="57"/>
      <c r="G213" s="57"/>
    </row>
    <row r="214" spans="6:7">
      <c r="F214" s="57"/>
      <c r="G214" s="57"/>
    </row>
    <row r="215" spans="6:7">
      <c r="F215" s="57"/>
      <c r="G215" s="57"/>
    </row>
    <row r="216" spans="6:7">
      <c r="F216" s="57"/>
      <c r="G216" s="57"/>
    </row>
    <row r="217" spans="6:7">
      <c r="F217" s="57"/>
      <c r="G217" s="57"/>
    </row>
    <row r="218" spans="6:7">
      <c r="F218" s="57"/>
      <c r="G218" s="57"/>
    </row>
    <row r="219" spans="6:7">
      <c r="F219" s="57"/>
      <c r="G219" s="57"/>
    </row>
    <row r="220" spans="6:7">
      <c r="F220" s="57"/>
      <c r="G220" s="57"/>
    </row>
    <row r="221" spans="6:7">
      <c r="F221" s="57"/>
      <c r="G221" s="57"/>
    </row>
    <row r="222" spans="6:7">
      <c r="F222" s="57"/>
      <c r="G222" s="57"/>
    </row>
    <row r="223" spans="6:7">
      <c r="F223" s="57"/>
      <c r="G223" s="57"/>
    </row>
    <row r="224" spans="6:7">
      <c r="F224" s="57"/>
      <c r="G224" s="57"/>
    </row>
    <row r="225" spans="6:7">
      <c r="F225" s="57"/>
      <c r="G225" s="57"/>
    </row>
    <row r="226" spans="6:7">
      <c r="F226" s="57"/>
      <c r="G226" s="57"/>
    </row>
    <row r="227" spans="6:7">
      <c r="F227" s="57"/>
      <c r="G227" s="57"/>
    </row>
    <row r="228" spans="6:7">
      <c r="F228" s="57"/>
      <c r="G228" s="57"/>
    </row>
    <row r="229" spans="6:7">
      <c r="F229" s="57"/>
      <c r="G229" s="57"/>
    </row>
    <row r="230" spans="6:7">
      <c r="F230" s="57"/>
      <c r="G230" s="57"/>
    </row>
    <row r="231" spans="6:7">
      <c r="F231" s="57"/>
      <c r="G231" s="57"/>
    </row>
    <row r="232" spans="6:7">
      <c r="F232" s="57"/>
      <c r="G232" s="57"/>
    </row>
    <row r="233" spans="6:7">
      <c r="F233" s="57"/>
      <c r="G233" s="57"/>
    </row>
    <row r="234" spans="6:7">
      <c r="F234" s="57"/>
      <c r="G234" s="57"/>
    </row>
    <row r="235" spans="6:7">
      <c r="F235" s="57"/>
      <c r="G235" s="57"/>
    </row>
    <row r="236" spans="6:7">
      <c r="F236" s="57"/>
      <c r="G236" s="57"/>
    </row>
    <row r="237" spans="6:7">
      <c r="F237" s="57"/>
      <c r="G237" s="57"/>
    </row>
    <row r="238" spans="6:7">
      <c r="F238" s="57"/>
      <c r="G238" s="57"/>
    </row>
    <row r="239" spans="6:7">
      <c r="F239" s="57"/>
      <c r="G239" s="57"/>
    </row>
    <row r="240" spans="6:7">
      <c r="F240" s="57"/>
      <c r="G240" s="57"/>
    </row>
    <row r="241" spans="6:7">
      <c r="F241" s="57"/>
      <c r="G241" s="57"/>
    </row>
    <row r="242" spans="6:7">
      <c r="F242" s="57"/>
      <c r="G242" s="57"/>
    </row>
    <row r="243" spans="6:7">
      <c r="F243" s="57"/>
      <c r="G243" s="57"/>
    </row>
    <row r="244" spans="6:7">
      <c r="F244" s="57"/>
      <c r="G244" s="57"/>
    </row>
    <row r="245" spans="6:7">
      <c r="F245" s="57"/>
      <c r="G245" s="57"/>
    </row>
    <row r="246" spans="6:7">
      <c r="F246" s="57"/>
      <c r="G246" s="57"/>
    </row>
    <row r="247" spans="6:7">
      <c r="F247" s="57"/>
      <c r="G247" s="57"/>
    </row>
    <row r="248" spans="6:7">
      <c r="F248" s="57"/>
      <c r="G248" s="57"/>
    </row>
    <row r="249" spans="6:7">
      <c r="F249" s="57"/>
      <c r="G249" s="57"/>
    </row>
    <row r="250" spans="6:7">
      <c r="F250" s="57"/>
      <c r="G250" s="57"/>
    </row>
    <row r="251" spans="6:7">
      <c r="F251" s="57"/>
      <c r="G251" s="57"/>
    </row>
    <row r="252" spans="6:7">
      <c r="F252" s="57"/>
      <c r="G252" s="57"/>
    </row>
    <row r="253" spans="6:7">
      <c r="F253" s="57"/>
      <c r="G253" s="57"/>
    </row>
    <row r="254" spans="6:7">
      <c r="F254" s="57"/>
      <c r="G254" s="57"/>
    </row>
    <row r="255" spans="6:7">
      <c r="F255" s="57"/>
      <c r="G255" s="57"/>
    </row>
    <row r="256" spans="6:7">
      <c r="F256" s="57"/>
      <c r="G256" s="57"/>
    </row>
    <row r="257" spans="6:7">
      <c r="F257" s="57"/>
      <c r="G257" s="57"/>
    </row>
    <row r="258" spans="6:7">
      <c r="F258" s="57"/>
      <c r="G258" s="57"/>
    </row>
    <row r="259" spans="6:7">
      <c r="F259" s="57"/>
      <c r="G259" s="57"/>
    </row>
    <row r="260" spans="6:7">
      <c r="F260" s="57"/>
      <c r="G260" s="57"/>
    </row>
    <row r="261" spans="6:7">
      <c r="F261" s="57"/>
      <c r="G261" s="57"/>
    </row>
    <row r="262" spans="6:7">
      <c r="F262" s="57"/>
      <c r="G262" s="57"/>
    </row>
    <row r="263" spans="6:7">
      <c r="F263" s="57"/>
      <c r="G263" s="57"/>
    </row>
    <row r="264" spans="6:7">
      <c r="F264" s="57"/>
      <c r="G264" s="57"/>
    </row>
    <row r="265" spans="6:7">
      <c r="F265" s="57"/>
      <c r="G265" s="57"/>
    </row>
    <row r="266" spans="6:7">
      <c r="F266" s="57"/>
      <c r="G266" s="57"/>
    </row>
    <row r="267" spans="6:7">
      <c r="F267" s="57"/>
      <c r="G267" s="57"/>
    </row>
    <row r="268" spans="6:7">
      <c r="F268" s="57"/>
      <c r="G268" s="57"/>
    </row>
    <row r="269" spans="6:7">
      <c r="F269" s="57"/>
      <c r="G269" s="57"/>
    </row>
    <row r="270" spans="6:7">
      <c r="F270" s="57"/>
      <c r="G270" s="57"/>
    </row>
    <row r="271" spans="6:7">
      <c r="F271" s="57"/>
      <c r="G271" s="57"/>
    </row>
    <row r="272" spans="6:7">
      <c r="F272" s="57"/>
      <c r="G272" s="57"/>
    </row>
    <row r="273" spans="6:7">
      <c r="F273" s="57"/>
      <c r="G273" s="57"/>
    </row>
    <row r="274" spans="6:7">
      <c r="F274" s="57"/>
      <c r="G274" s="57"/>
    </row>
    <row r="275" spans="6:7">
      <c r="F275" s="57"/>
      <c r="G275" s="57"/>
    </row>
    <row r="276" spans="6:7">
      <c r="F276" s="57"/>
      <c r="G276" s="57"/>
    </row>
    <row r="277" spans="6:7">
      <c r="F277" s="57"/>
      <c r="G277" s="57"/>
    </row>
    <row r="278" spans="6:7">
      <c r="F278" s="57"/>
      <c r="G278" s="57"/>
    </row>
    <row r="279" spans="6:7">
      <c r="F279" s="57"/>
      <c r="G279" s="57"/>
    </row>
    <row r="280" spans="6:7">
      <c r="F280" s="57"/>
      <c r="G280" s="57"/>
    </row>
    <row r="281" spans="6:7">
      <c r="F281" s="57"/>
      <c r="G281" s="57"/>
    </row>
    <row r="282" spans="6:7">
      <c r="F282" s="57"/>
      <c r="G282" s="57"/>
    </row>
    <row r="283" spans="6:7">
      <c r="F283" s="57"/>
      <c r="G283" s="57"/>
    </row>
    <row r="284" spans="6:7">
      <c r="F284" s="57"/>
      <c r="G284" s="57"/>
    </row>
    <row r="285" spans="6:7">
      <c r="F285" s="57"/>
      <c r="G285" s="57"/>
    </row>
    <row r="286" spans="6:7">
      <c r="F286" s="57"/>
      <c r="G286" s="57"/>
    </row>
    <row r="287" spans="6:7">
      <c r="F287" s="57"/>
      <c r="G287" s="57"/>
    </row>
    <row r="288" spans="6:7">
      <c r="F288" s="57"/>
      <c r="G288" s="57"/>
    </row>
    <row r="289" spans="6:7">
      <c r="F289" s="57"/>
      <c r="G289" s="57"/>
    </row>
    <row r="290" spans="6:7">
      <c r="F290" s="57"/>
      <c r="G290" s="57"/>
    </row>
    <row r="291" spans="6:7">
      <c r="F291" s="57"/>
      <c r="G291" s="57"/>
    </row>
    <row r="292" spans="6:7">
      <c r="F292" s="57"/>
      <c r="G292" s="57"/>
    </row>
    <row r="293" spans="6:7">
      <c r="F293" s="57"/>
      <c r="G293" s="57"/>
    </row>
    <row r="294" spans="6:7">
      <c r="F294" s="57"/>
      <c r="G294" s="57"/>
    </row>
    <row r="295" spans="6:7">
      <c r="F295" s="57"/>
      <c r="G295" s="57"/>
    </row>
    <row r="296" spans="6:7">
      <c r="F296" s="57"/>
      <c r="G296" s="57"/>
    </row>
    <row r="297" spans="6:7">
      <c r="F297" s="57"/>
      <c r="G297" s="57"/>
    </row>
    <row r="298" spans="6:7">
      <c r="F298" s="57"/>
      <c r="G298" s="57"/>
    </row>
    <row r="299" spans="6:7">
      <c r="F299" s="57"/>
      <c r="G299" s="57"/>
    </row>
    <row r="300" spans="6:7">
      <c r="F300" s="57"/>
      <c r="G300" s="57"/>
    </row>
    <row r="301" spans="6:7">
      <c r="F301" s="57"/>
      <c r="G301" s="57"/>
    </row>
    <row r="302" spans="6:7">
      <c r="F302" s="57"/>
      <c r="G302" s="57"/>
    </row>
    <row r="303" spans="6:7">
      <c r="F303" s="57"/>
      <c r="G303" s="57"/>
    </row>
    <row r="304" spans="6:7">
      <c r="F304" s="57"/>
      <c r="G304" s="57"/>
    </row>
    <row r="305" spans="6:7">
      <c r="F305" s="57"/>
      <c r="G305" s="57"/>
    </row>
    <row r="306" spans="6:7">
      <c r="F306" s="57"/>
      <c r="G306" s="57"/>
    </row>
    <row r="307" spans="6:7">
      <c r="F307" s="57"/>
      <c r="G307" s="57"/>
    </row>
    <row r="308" spans="6:7">
      <c r="F308" s="57"/>
      <c r="G308" s="57"/>
    </row>
    <row r="309" spans="6:7">
      <c r="F309" s="57"/>
      <c r="G309" s="57"/>
    </row>
    <row r="310" spans="6:7">
      <c r="F310" s="57"/>
      <c r="G310" s="57"/>
    </row>
    <row r="311" spans="6:7">
      <c r="F311" s="57"/>
      <c r="G311" s="57"/>
    </row>
    <row r="312" spans="6:7">
      <c r="F312" s="57"/>
      <c r="G312" s="57"/>
    </row>
    <row r="313" spans="6:7">
      <c r="F313" s="57"/>
      <c r="G313" s="57"/>
    </row>
    <row r="314" spans="6:7">
      <c r="F314" s="57"/>
      <c r="G314" s="57"/>
    </row>
    <row r="315" spans="6:7">
      <c r="F315" s="57"/>
      <c r="G315" s="57"/>
    </row>
    <row r="316" spans="6:7">
      <c r="F316" s="57"/>
      <c r="G316" s="57"/>
    </row>
    <row r="317" spans="6:7">
      <c r="F317" s="57"/>
      <c r="G317" s="57"/>
    </row>
    <row r="318" spans="6:7">
      <c r="F318" s="57"/>
      <c r="G318" s="57"/>
    </row>
    <row r="319" spans="6:7">
      <c r="F319" s="57"/>
      <c r="G319" s="57"/>
    </row>
    <row r="320" spans="6:7">
      <c r="F320" s="57"/>
      <c r="G320" s="57"/>
    </row>
    <row r="321" spans="6:7">
      <c r="F321" s="57"/>
      <c r="G321" s="57"/>
    </row>
    <row r="322" spans="6:7">
      <c r="F322" s="57"/>
      <c r="G322" s="57"/>
    </row>
    <row r="323" spans="6:7">
      <c r="F323" s="57"/>
      <c r="G323" s="57"/>
    </row>
    <row r="324" spans="6:7">
      <c r="F324" s="57"/>
      <c r="G324" s="57"/>
    </row>
    <row r="325" spans="6:7">
      <c r="F325" s="57"/>
      <c r="G325" s="57"/>
    </row>
    <row r="326" spans="6:7">
      <c r="F326" s="57"/>
      <c r="G326" s="57"/>
    </row>
    <row r="327" spans="6:7">
      <c r="F327" s="57"/>
      <c r="G327" s="57"/>
    </row>
    <row r="328" spans="6:7">
      <c r="F328" s="57"/>
      <c r="G328" s="57"/>
    </row>
    <row r="329" spans="6:7">
      <c r="F329" s="57"/>
      <c r="G329" s="57"/>
    </row>
    <row r="330" spans="6:7">
      <c r="F330" s="57"/>
      <c r="G330" s="57"/>
    </row>
    <row r="331" spans="6:7">
      <c r="F331" s="57"/>
      <c r="G331" s="57"/>
    </row>
    <row r="332" spans="6:7">
      <c r="F332" s="57"/>
      <c r="G332" s="57"/>
    </row>
    <row r="333" spans="6:7">
      <c r="F333" s="57"/>
      <c r="G333" s="57"/>
    </row>
    <row r="334" spans="6:7">
      <c r="F334" s="57"/>
      <c r="G334" s="57"/>
    </row>
    <row r="335" spans="6:7">
      <c r="F335" s="57"/>
      <c r="G335" s="57"/>
    </row>
    <row r="336" spans="6:7">
      <c r="F336" s="57"/>
      <c r="G336" s="57"/>
    </row>
    <row r="337" spans="6:7">
      <c r="F337" s="57"/>
      <c r="G337" s="57"/>
    </row>
    <row r="338" spans="6:7">
      <c r="F338" s="57"/>
      <c r="G338" s="57"/>
    </row>
    <row r="339" spans="6:7">
      <c r="F339" s="57"/>
      <c r="G339" s="57"/>
    </row>
    <row r="340" spans="6:7">
      <c r="F340" s="57"/>
      <c r="G340" s="57"/>
    </row>
    <row r="341" spans="6:7">
      <c r="F341" s="57"/>
      <c r="G341" s="57"/>
    </row>
    <row r="342" spans="6:7">
      <c r="F342" s="57"/>
      <c r="G342" s="57"/>
    </row>
    <row r="343" spans="6:7">
      <c r="F343" s="57"/>
      <c r="G343" s="57"/>
    </row>
    <row r="344" spans="6:7">
      <c r="F344" s="57"/>
      <c r="G344" s="57"/>
    </row>
    <row r="345" spans="6:7">
      <c r="F345" s="57"/>
      <c r="G345" s="57"/>
    </row>
    <row r="346" spans="6:7">
      <c r="F346" s="57"/>
      <c r="G346" s="57"/>
    </row>
    <row r="347" spans="6:7">
      <c r="F347" s="57"/>
      <c r="G347" s="57"/>
    </row>
    <row r="348" spans="6:7">
      <c r="F348" s="57"/>
      <c r="G348" s="57"/>
    </row>
    <row r="349" spans="6:7">
      <c r="F349" s="57"/>
      <c r="G349" s="57"/>
    </row>
    <row r="350" spans="6:7">
      <c r="F350" s="57"/>
      <c r="G350" s="57"/>
    </row>
    <row r="351" spans="6:7">
      <c r="F351" s="57"/>
      <c r="G351" s="57"/>
    </row>
    <row r="352" spans="6:7">
      <c r="F352" s="57"/>
      <c r="G352" s="57"/>
    </row>
    <row r="353" spans="6:7">
      <c r="F353" s="57"/>
      <c r="G353" s="57"/>
    </row>
    <row r="354" spans="6:7">
      <c r="F354" s="57"/>
      <c r="G354" s="57"/>
    </row>
    <row r="355" spans="6:7">
      <c r="F355" s="57"/>
      <c r="G355" s="57"/>
    </row>
    <row r="356" spans="6:7">
      <c r="F356" s="57"/>
      <c r="G356" s="57"/>
    </row>
    <row r="357" spans="6:7">
      <c r="F357" s="57"/>
      <c r="G357" s="57"/>
    </row>
    <row r="358" spans="6:7">
      <c r="F358" s="57"/>
      <c r="G358" s="57"/>
    </row>
    <row r="359" spans="6:7">
      <c r="F359" s="57"/>
      <c r="G359" s="57"/>
    </row>
    <row r="360" spans="6:7">
      <c r="F360" s="57"/>
      <c r="G360" s="57"/>
    </row>
    <row r="361" spans="6:7">
      <c r="F361" s="57"/>
      <c r="G361" s="57"/>
    </row>
    <row r="362" spans="6:7">
      <c r="F362" s="57"/>
      <c r="G362" s="57"/>
    </row>
    <row r="363" spans="6:7">
      <c r="F363" s="57"/>
      <c r="G363" s="57"/>
    </row>
    <row r="364" spans="6:7">
      <c r="F364" s="57"/>
      <c r="G364" s="57"/>
    </row>
    <row r="365" spans="6:7">
      <c r="F365" s="57"/>
      <c r="G365" s="57"/>
    </row>
    <row r="366" spans="6:7">
      <c r="F366" s="57"/>
      <c r="G366" s="57"/>
    </row>
    <row r="367" spans="6:7">
      <c r="F367" s="57"/>
      <c r="G367" s="57"/>
    </row>
    <row r="368" spans="6:7">
      <c r="F368" s="57"/>
      <c r="G368" s="57"/>
    </row>
    <row r="369" spans="6:7">
      <c r="F369" s="57"/>
      <c r="G369" s="57"/>
    </row>
    <row r="370" spans="6:7">
      <c r="F370" s="57"/>
      <c r="G370" s="57"/>
    </row>
    <row r="371" spans="6:7">
      <c r="F371" s="57"/>
      <c r="G371" s="57"/>
    </row>
    <row r="372" spans="6:7">
      <c r="F372" s="57"/>
      <c r="G372" s="57"/>
    </row>
    <row r="373" spans="6:7">
      <c r="F373" s="57"/>
      <c r="G373" s="57"/>
    </row>
    <row r="374" spans="6:7">
      <c r="F374" s="57"/>
      <c r="G374" s="57"/>
    </row>
    <row r="375" spans="6:7">
      <c r="F375" s="57"/>
      <c r="G375" s="57"/>
    </row>
    <row r="376" spans="6:7">
      <c r="F376" s="57"/>
      <c r="G376" s="57"/>
    </row>
    <row r="377" spans="6:7">
      <c r="F377" s="57"/>
      <c r="G377" s="57"/>
    </row>
    <row r="378" spans="6:7">
      <c r="F378" s="57"/>
      <c r="G378" s="57"/>
    </row>
    <row r="379" spans="6:7">
      <c r="F379" s="57"/>
      <c r="G379" s="57"/>
    </row>
    <row r="380" spans="6:7">
      <c r="F380" s="57"/>
      <c r="G380" s="57"/>
    </row>
    <row r="381" spans="6:7">
      <c r="F381" s="57"/>
      <c r="G381" s="57"/>
    </row>
    <row r="382" spans="6:7">
      <c r="F382" s="57"/>
      <c r="G382" s="57"/>
    </row>
    <row r="383" spans="6:7">
      <c r="F383" s="57"/>
      <c r="G383" s="57"/>
    </row>
    <row r="384" spans="6:7">
      <c r="F384" s="57"/>
      <c r="G384" s="57"/>
    </row>
    <row r="385" spans="6:7">
      <c r="F385" s="57"/>
      <c r="G385" s="57"/>
    </row>
    <row r="386" spans="6:7">
      <c r="F386" s="57"/>
      <c r="G386" s="57"/>
    </row>
    <row r="387" spans="6:7">
      <c r="F387" s="57"/>
      <c r="G387" s="57"/>
    </row>
    <row r="388" spans="6:7">
      <c r="F388" s="57"/>
      <c r="G388" s="57"/>
    </row>
    <row r="389" spans="6:7">
      <c r="F389" s="57"/>
      <c r="G389" s="57"/>
    </row>
    <row r="390" spans="6:7">
      <c r="F390" s="57"/>
      <c r="G390" s="57"/>
    </row>
    <row r="391" spans="6:7">
      <c r="F391" s="57"/>
      <c r="G391" s="57"/>
    </row>
    <row r="392" spans="6:7">
      <c r="F392" s="57"/>
      <c r="G392" s="57"/>
    </row>
    <row r="393" spans="6:7">
      <c r="F393" s="57"/>
      <c r="G393" s="57"/>
    </row>
    <row r="394" spans="6:7">
      <c r="F394" s="57"/>
      <c r="G394" s="57"/>
    </row>
    <row r="395" spans="6:7">
      <c r="F395" s="57"/>
      <c r="G395" s="57"/>
    </row>
    <row r="396" spans="6:7">
      <c r="F396" s="57"/>
      <c r="G396" s="57"/>
    </row>
    <row r="397" spans="6:7">
      <c r="F397" s="57"/>
      <c r="G397" s="57"/>
    </row>
    <row r="398" spans="6:7">
      <c r="F398" s="57"/>
      <c r="G398" s="57"/>
    </row>
  </sheetData>
  <autoFilter ref="A13:O121"/>
  <mergeCells count="6">
    <mergeCell ref="B119:O119"/>
    <mergeCell ref="A1:N1"/>
    <mergeCell ref="B9:O9"/>
    <mergeCell ref="B11:O11"/>
    <mergeCell ref="B12:O12"/>
    <mergeCell ref="B117:O117"/>
  </mergeCells>
  <hyperlinks>
    <hyperlink ref="H98" r:id="rId1"/>
  </hyperlinks>
  <pageMargins left="0.7" right="0.7" top="0.75" bottom="0.75" header="0.3" footer="0.3"/>
  <pageSetup paperSize="9" orientation="portrait" r:id="rId2"/>
</worksheet>
</file>

<file path=xl/worksheets/sheet5.xml><?xml version="1.0" encoding="utf-8"?>
<worksheet xmlns="http://schemas.openxmlformats.org/spreadsheetml/2006/main" xmlns:r="http://schemas.openxmlformats.org/officeDocument/2006/relationships">
  <sheetPr>
    <tabColor theme="0"/>
    <pageSetUpPr fitToPage="1"/>
  </sheetPr>
  <dimension ref="A1:Q34"/>
  <sheetViews>
    <sheetView topLeftCell="C4" zoomScaleNormal="100" workbookViewId="0">
      <selection activeCell="H11" sqref="H11"/>
    </sheetView>
  </sheetViews>
  <sheetFormatPr defaultColWidth="9.140625" defaultRowHeight="15"/>
  <cols>
    <col min="1" max="1" width="6.140625" style="86" customWidth="1"/>
    <col min="2" max="2" width="23.28515625" style="86" customWidth="1"/>
    <col min="3" max="3" width="11.140625" style="86" customWidth="1"/>
    <col min="4" max="4" width="18.7109375" style="86" customWidth="1"/>
    <col min="5" max="5" width="17.42578125" style="88" customWidth="1"/>
    <col min="6" max="6" width="15.140625" style="86" customWidth="1"/>
    <col min="7" max="7" width="20.7109375" style="86" customWidth="1"/>
    <col min="8" max="9" width="18.28515625" style="86" customWidth="1"/>
    <col min="10" max="10" width="11.5703125" style="86" customWidth="1"/>
    <col min="11" max="11" width="11.140625" style="86" customWidth="1"/>
    <col min="12" max="12" width="11.42578125" style="86" customWidth="1"/>
    <col min="13" max="13" width="12.85546875" style="86" customWidth="1"/>
    <col min="14" max="14" width="18.42578125" style="86" customWidth="1"/>
    <col min="15" max="15" width="18.85546875" style="86" customWidth="1"/>
    <col min="16" max="16" width="20.5703125" style="86" customWidth="1"/>
    <col min="17" max="17" width="20.5703125" style="89" customWidth="1"/>
    <col min="18" max="16384" width="9.140625" style="86"/>
  </cols>
  <sheetData>
    <row r="1" spans="1:17" s="245" customFormat="1" ht="31.5" customHeight="1">
      <c r="A1" s="1150" t="s">
        <v>4037</v>
      </c>
      <c r="B1" s="1150"/>
      <c r="C1" s="1150"/>
      <c r="D1" s="1150"/>
      <c r="E1" s="1150"/>
      <c r="F1" s="1150"/>
      <c r="G1" s="1150"/>
      <c r="H1" s="1150"/>
      <c r="I1" s="1150"/>
      <c r="J1" s="1150"/>
      <c r="K1" s="1150"/>
      <c r="L1" s="1150"/>
      <c r="M1" s="1150"/>
      <c r="N1" s="1150"/>
      <c r="O1" s="1150"/>
    </row>
    <row r="2" spans="1:17" s="245" customFormat="1" ht="79.5" customHeight="1">
      <c r="A2" s="246" t="s">
        <v>173</v>
      </c>
      <c r="B2" s="247" t="s">
        <v>186</v>
      </c>
      <c r="C2" s="247" t="s">
        <v>184</v>
      </c>
      <c r="E2" s="247" t="s">
        <v>185</v>
      </c>
      <c r="F2" s="247" t="s">
        <v>184</v>
      </c>
      <c r="H2" s="248"/>
      <c r="I2" s="248"/>
      <c r="K2" s="248"/>
      <c r="L2" s="248"/>
      <c r="M2" s="248"/>
      <c r="N2" s="248"/>
      <c r="O2" s="248"/>
      <c r="P2" s="248"/>
    </row>
    <row r="3" spans="1:17" s="245" customFormat="1" ht="36" customHeight="1">
      <c r="A3" s="249"/>
      <c r="B3" s="247" t="s">
        <v>183</v>
      </c>
      <c r="C3" s="246">
        <f>SUM(C4:C5)</f>
        <v>19</v>
      </c>
      <c r="E3" s="247" t="s">
        <v>182</v>
      </c>
      <c r="F3" s="247">
        <f>SUM(F4:F6)</f>
        <v>19</v>
      </c>
      <c r="H3" s="248"/>
      <c r="I3" s="248"/>
      <c r="K3" s="248"/>
      <c r="L3" s="248"/>
      <c r="M3" s="248"/>
      <c r="N3" s="248"/>
      <c r="O3" s="248"/>
      <c r="P3" s="248"/>
    </row>
    <row r="4" spans="1:17" s="245" customFormat="1" ht="37.5" customHeight="1">
      <c r="A4" s="249" t="s">
        <v>181</v>
      </c>
      <c r="B4" s="251" t="s">
        <v>180</v>
      </c>
      <c r="C4" s="251">
        <v>19</v>
      </c>
      <c r="E4" s="251" t="s">
        <v>179</v>
      </c>
      <c r="F4" s="251">
        <v>3</v>
      </c>
      <c r="H4" s="248"/>
      <c r="I4" s="248"/>
      <c r="K4" s="248"/>
      <c r="L4" s="248"/>
      <c r="M4" s="248"/>
      <c r="N4" s="248"/>
      <c r="O4" s="248"/>
      <c r="P4" s="248"/>
    </row>
    <row r="5" spans="1:17" s="245" customFormat="1" ht="33" customHeight="1">
      <c r="A5" s="249" t="s">
        <v>178</v>
      </c>
      <c r="B5" s="251" t="s">
        <v>177</v>
      </c>
      <c r="C5" s="251">
        <v>0</v>
      </c>
      <c r="E5" s="251" t="s">
        <v>15</v>
      </c>
      <c r="F5" s="251">
        <v>12</v>
      </c>
      <c r="H5" s="248"/>
      <c r="I5" s="248"/>
      <c r="K5" s="248"/>
      <c r="L5" s="248"/>
      <c r="M5" s="248"/>
      <c r="N5" s="248"/>
      <c r="O5" s="248"/>
      <c r="P5" s="248"/>
    </row>
    <row r="6" spans="1:17" s="245" customFormat="1" ht="23.25" customHeight="1">
      <c r="A6" s="253"/>
      <c r="E6" s="251" t="s">
        <v>27</v>
      </c>
      <c r="F6" s="251">
        <v>4</v>
      </c>
      <c r="G6" s="245" t="s">
        <v>4199</v>
      </c>
      <c r="H6" s="248">
        <f>SUM(J17+J18+J21+J28+J30)</f>
        <v>136</v>
      </c>
      <c r="I6" s="248"/>
      <c r="K6" s="248"/>
      <c r="L6" s="248"/>
      <c r="M6" s="248"/>
      <c r="N6" s="248"/>
      <c r="O6" s="248"/>
      <c r="P6" s="248"/>
    </row>
    <row r="7" spans="1:17" s="245" customFormat="1" ht="51" customHeight="1">
      <c r="A7" s="253"/>
      <c r="E7" s="251" t="s">
        <v>176</v>
      </c>
      <c r="F7" s="251">
        <v>0</v>
      </c>
      <c r="H7" s="248"/>
      <c r="I7" s="248"/>
      <c r="K7" s="248"/>
      <c r="L7" s="248"/>
      <c r="M7" s="248"/>
      <c r="N7" s="248"/>
      <c r="O7" s="248"/>
      <c r="P7" s="248"/>
    </row>
    <row r="8" spans="1:17" s="245" customFormat="1" ht="62.25" customHeight="1">
      <c r="A8" s="253"/>
      <c r="E8" s="1151" t="s">
        <v>175</v>
      </c>
      <c r="F8" s="1152"/>
      <c r="H8" s="358">
        <v>5</v>
      </c>
      <c r="I8" s="1066"/>
      <c r="J8" s="358">
        <f>SUM(J15:J33)</f>
        <v>184</v>
      </c>
      <c r="K8" s="358">
        <f>SUM(K15:K33)</f>
        <v>451</v>
      </c>
      <c r="L8" s="248"/>
      <c r="M8" s="248"/>
      <c r="N8" s="248"/>
      <c r="O8" s="248"/>
      <c r="P8" s="248"/>
    </row>
    <row r="9" spans="1:17" s="391" customFormat="1" ht="14.25" customHeight="1">
      <c r="B9" s="391">
        <v>8</v>
      </c>
      <c r="E9" s="392"/>
      <c r="Q9" s="274"/>
    </row>
    <row r="10" spans="1:17" s="391" customFormat="1" ht="15.75">
      <c r="A10" s="393"/>
      <c r="B10" s="1153" t="s">
        <v>174</v>
      </c>
      <c r="C10" s="1153"/>
      <c r="D10" s="1153"/>
      <c r="E10" s="1153"/>
      <c r="F10" s="1153"/>
      <c r="G10" s="1153"/>
      <c r="H10" s="1154"/>
      <c r="I10" s="1155"/>
      <c r="J10" s="1154"/>
      <c r="K10" s="1154"/>
      <c r="L10" s="1154"/>
      <c r="M10" s="1154"/>
      <c r="N10" s="1154"/>
      <c r="O10" s="1154"/>
      <c r="P10" s="1154"/>
      <c r="Q10" s="1154"/>
    </row>
    <row r="11" spans="1:17" s="391" customFormat="1" ht="132.75" customHeight="1">
      <c r="A11" s="394" t="s">
        <v>173</v>
      </c>
      <c r="B11" s="394" t="s">
        <v>172</v>
      </c>
      <c r="C11" s="394" t="s">
        <v>171</v>
      </c>
      <c r="D11" s="251" t="s">
        <v>170</v>
      </c>
      <c r="E11" s="249" t="s">
        <v>169</v>
      </c>
      <c r="F11" s="251" t="s">
        <v>168</v>
      </c>
      <c r="G11" s="251" t="s">
        <v>167</v>
      </c>
      <c r="H11" s="1064" t="s">
        <v>5073</v>
      </c>
      <c r="I11" s="1065" t="s">
        <v>5074</v>
      </c>
      <c r="J11" s="394" t="s">
        <v>166</v>
      </c>
      <c r="K11" s="394" t="s">
        <v>165</v>
      </c>
      <c r="L11" s="394" t="s">
        <v>164</v>
      </c>
      <c r="M11" s="251" t="s">
        <v>163</v>
      </c>
      <c r="N11" s="834" t="s">
        <v>162</v>
      </c>
      <c r="O11" s="394" t="s">
        <v>161</v>
      </c>
      <c r="P11" s="394" t="s">
        <v>160</v>
      </c>
      <c r="Q11" s="394" t="s">
        <v>159</v>
      </c>
    </row>
    <row r="12" spans="1:17" s="391" customFormat="1" ht="15.75">
      <c r="A12" s="393"/>
      <c r="B12" s="1154" t="s">
        <v>4038</v>
      </c>
      <c r="C12" s="1154"/>
      <c r="D12" s="1154"/>
      <c r="E12" s="1154"/>
      <c r="F12" s="1154"/>
      <c r="G12" s="1154"/>
      <c r="H12" s="1154"/>
      <c r="I12" s="1155"/>
      <c r="J12" s="1154"/>
      <c r="K12" s="1154"/>
      <c r="L12" s="1154"/>
      <c r="M12" s="1154"/>
      <c r="N12" s="1154"/>
      <c r="O12" s="1154"/>
      <c r="P12" s="1154"/>
      <c r="Q12" s="1154"/>
    </row>
    <row r="13" spans="1:17" s="391" customFormat="1" ht="15.75">
      <c r="A13" s="393"/>
      <c r="B13" s="1154" t="s">
        <v>157</v>
      </c>
      <c r="C13" s="1154"/>
      <c r="D13" s="1154"/>
      <c r="E13" s="1154"/>
      <c r="F13" s="1154"/>
      <c r="G13" s="1154"/>
      <c r="H13" s="1154"/>
      <c r="I13" s="1155"/>
      <c r="J13" s="1154"/>
      <c r="K13" s="1154"/>
      <c r="L13" s="1154"/>
      <c r="M13" s="1154"/>
      <c r="N13" s="1154"/>
      <c r="O13" s="1154"/>
      <c r="P13" s="1154"/>
      <c r="Q13" s="1154"/>
    </row>
    <row r="14" spans="1:17" s="391" customFormat="1" ht="15.75">
      <c r="A14" s="393">
        <v>1</v>
      </c>
      <c r="B14" s="393">
        <v>2</v>
      </c>
      <c r="C14" s="393">
        <v>3</v>
      </c>
      <c r="D14" s="393">
        <v>4</v>
      </c>
      <c r="E14" s="395">
        <v>5</v>
      </c>
      <c r="F14" s="393">
        <v>6</v>
      </c>
      <c r="G14" s="393">
        <v>7</v>
      </c>
      <c r="H14" s="393">
        <v>8</v>
      </c>
      <c r="I14" s="1067"/>
      <c r="J14" s="393">
        <v>9</v>
      </c>
      <c r="K14" s="393">
        <v>10</v>
      </c>
      <c r="L14" s="393">
        <v>11</v>
      </c>
      <c r="M14" s="393"/>
      <c r="N14" s="393"/>
      <c r="O14" s="393">
        <v>12</v>
      </c>
      <c r="P14" s="393">
        <v>13</v>
      </c>
      <c r="Q14" s="394">
        <v>14</v>
      </c>
    </row>
    <row r="15" spans="1:17" s="391" customFormat="1" ht="120" customHeight="1">
      <c r="A15" s="393">
        <v>1</v>
      </c>
      <c r="B15" s="368" t="s">
        <v>4041</v>
      </c>
      <c r="C15" s="368" t="s">
        <v>511</v>
      </c>
      <c r="D15" s="368" t="s">
        <v>4042</v>
      </c>
      <c r="E15" s="388" t="s">
        <v>4043</v>
      </c>
      <c r="F15" s="389">
        <v>44441</v>
      </c>
      <c r="G15" s="389"/>
      <c r="H15" s="390" t="s">
        <v>10</v>
      </c>
      <c r="I15" s="1067"/>
      <c r="J15" s="390">
        <v>1</v>
      </c>
      <c r="K15" s="390">
        <v>9</v>
      </c>
      <c r="L15" s="390">
        <v>1</v>
      </c>
      <c r="M15" s="390"/>
      <c r="N15" s="390" t="s">
        <v>10</v>
      </c>
      <c r="O15" s="368" t="s">
        <v>4044</v>
      </c>
      <c r="P15" s="390"/>
      <c r="Q15" s="368"/>
    </row>
    <row r="16" spans="1:17" s="391" customFormat="1" ht="120" customHeight="1">
      <c r="A16" s="393">
        <f>A15+1</f>
        <v>2</v>
      </c>
      <c r="B16" s="368" t="s">
        <v>4045</v>
      </c>
      <c r="C16" s="368" t="s">
        <v>511</v>
      </c>
      <c r="D16" s="368" t="s">
        <v>4363</v>
      </c>
      <c r="E16" s="388" t="s">
        <v>4364</v>
      </c>
      <c r="F16" s="389">
        <v>44648</v>
      </c>
      <c r="G16" s="376" t="s">
        <v>4365</v>
      </c>
      <c r="H16" s="390" t="s">
        <v>10</v>
      </c>
      <c r="I16" s="1067"/>
      <c r="J16" s="390">
        <v>1</v>
      </c>
      <c r="K16" s="390">
        <v>9</v>
      </c>
      <c r="L16" s="390">
        <v>1</v>
      </c>
      <c r="M16" s="390"/>
      <c r="N16" s="390" t="s">
        <v>10</v>
      </c>
      <c r="O16" s="368" t="s">
        <v>4044</v>
      </c>
      <c r="P16" s="390"/>
      <c r="Q16" s="368"/>
    </row>
    <row r="17" spans="1:17" s="391" customFormat="1" ht="120" customHeight="1">
      <c r="A17" s="393">
        <f t="shared" ref="A17:A33" si="0">A16+1</f>
        <v>3</v>
      </c>
      <c r="B17" s="368" t="s">
        <v>4046</v>
      </c>
      <c r="C17" s="390" t="s">
        <v>15</v>
      </c>
      <c r="D17" s="368" t="s">
        <v>4047</v>
      </c>
      <c r="E17" s="388" t="s">
        <v>4048</v>
      </c>
      <c r="F17" s="389">
        <v>40149</v>
      </c>
      <c r="G17" s="268" t="s">
        <v>63</v>
      </c>
      <c r="H17" s="368" t="s">
        <v>4049</v>
      </c>
      <c r="I17" s="1068"/>
      <c r="J17" s="390">
        <v>30</v>
      </c>
      <c r="K17" s="390">
        <v>46</v>
      </c>
      <c r="L17" s="390"/>
      <c r="M17" s="390"/>
      <c r="N17" s="390"/>
      <c r="O17" s="368" t="s">
        <v>4050</v>
      </c>
      <c r="P17" s="390"/>
      <c r="Q17" s="368"/>
    </row>
    <row r="18" spans="1:17" s="391" customFormat="1" ht="120" customHeight="1">
      <c r="A18" s="393">
        <f t="shared" si="0"/>
        <v>4</v>
      </c>
      <c r="B18" s="368" t="s">
        <v>4051</v>
      </c>
      <c r="C18" s="368" t="s">
        <v>15</v>
      </c>
      <c r="D18" s="368" t="s">
        <v>4052</v>
      </c>
      <c r="E18" s="388" t="s">
        <v>4053</v>
      </c>
      <c r="F18" s="389">
        <v>36537</v>
      </c>
      <c r="G18" s="268" t="s">
        <v>63</v>
      </c>
      <c r="H18" s="368" t="s">
        <v>4054</v>
      </c>
      <c r="I18" s="1068"/>
      <c r="J18" s="390">
        <v>21</v>
      </c>
      <c r="K18" s="390">
        <v>34</v>
      </c>
      <c r="L18" s="390"/>
      <c r="M18" s="390"/>
      <c r="N18" s="390"/>
      <c r="O18" s="368" t="s">
        <v>4055</v>
      </c>
      <c r="P18" s="390"/>
      <c r="Q18" s="368"/>
    </row>
    <row r="19" spans="1:17" s="391" customFormat="1" ht="120" customHeight="1">
      <c r="A19" s="393">
        <f t="shared" si="0"/>
        <v>5</v>
      </c>
      <c r="B19" s="368" t="s">
        <v>4056</v>
      </c>
      <c r="C19" s="368" t="s">
        <v>15</v>
      </c>
      <c r="D19" s="368" t="s">
        <v>4057</v>
      </c>
      <c r="E19" s="388" t="s">
        <v>4058</v>
      </c>
      <c r="F19" s="389">
        <v>43097</v>
      </c>
      <c r="G19" s="268" t="s">
        <v>63</v>
      </c>
      <c r="H19" s="390" t="s">
        <v>10</v>
      </c>
      <c r="I19" s="1067"/>
      <c r="J19" s="390">
        <v>4</v>
      </c>
      <c r="K19" s="390">
        <v>10</v>
      </c>
      <c r="L19" s="390"/>
      <c r="M19" s="390"/>
      <c r="N19" s="390"/>
      <c r="O19" s="368" t="s">
        <v>4059</v>
      </c>
      <c r="P19" s="390"/>
      <c r="Q19" s="368"/>
    </row>
    <row r="20" spans="1:17" s="391" customFormat="1" ht="120" customHeight="1">
      <c r="A20" s="393">
        <f t="shared" si="0"/>
        <v>6</v>
      </c>
      <c r="B20" s="368" t="s">
        <v>4060</v>
      </c>
      <c r="C20" s="368" t="s">
        <v>15</v>
      </c>
      <c r="D20" s="368" t="s">
        <v>4061</v>
      </c>
      <c r="E20" s="388" t="s">
        <v>4062</v>
      </c>
      <c r="F20" s="389">
        <v>40346</v>
      </c>
      <c r="G20" s="252" t="s">
        <v>125</v>
      </c>
      <c r="H20" s="390" t="s">
        <v>10</v>
      </c>
      <c r="I20" s="1067"/>
      <c r="J20" s="390">
        <v>10</v>
      </c>
      <c r="K20" s="390">
        <v>26</v>
      </c>
      <c r="L20" s="390"/>
      <c r="M20" s="390"/>
      <c r="N20" s="390"/>
      <c r="O20" s="368" t="s">
        <v>4063</v>
      </c>
      <c r="P20" s="390"/>
      <c r="Q20" s="368"/>
    </row>
    <row r="21" spans="1:17" s="391" customFormat="1" ht="153" customHeight="1">
      <c r="A21" s="393">
        <f t="shared" si="0"/>
        <v>7</v>
      </c>
      <c r="B21" s="368" t="s">
        <v>4064</v>
      </c>
      <c r="C21" s="368" t="s">
        <v>15</v>
      </c>
      <c r="D21" s="368" t="s">
        <v>4065</v>
      </c>
      <c r="E21" s="388" t="s">
        <v>4066</v>
      </c>
      <c r="F21" s="389">
        <v>42408</v>
      </c>
      <c r="G21" s="252" t="s">
        <v>4366</v>
      </c>
      <c r="H21" s="252" t="s">
        <v>4067</v>
      </c>
      <c r="I21" s="787"/>
      <c r="J21" s="390">
        <v>48</v>
      </c>
      <c r="K21" s="390">
        <v>98</v>
      </c>
      <c r="L21" s="390"/>
      <c r="M21" s="390"/>
      <c r="N21" s="390"/>
      <c r="O21" s="368" t="s">
        <v>4068</v>
      </c>
      <c r="P21" s="390"/>
      <c r="Q21" s="368"/>
    </row>
    <row r="22" spans="1:17" s="391" customFormat="1" ht="120" customHeight="1">
      <c r="A22" s="393">
        <f t="shared" si="0"/>
        <v>8</v>
      </c>
      <c r="B22" s="368" t="s">
        <v>4202</v>
      </c>
      <c r="C22" s="368" t="s">
        <v>15</v>
      </c>
      <c r="D22" s="368" t="s">
        <v>4069</v>
      </c>
      <c r="E22" s="388" t="s">
        <v>4070</v>
      </c>
      <c r="F22" s="389">
        <v>44497</v>
      </c>
      <c r="G22" s="252" t="s">
        <v>2388</v>
      </c>
      <c r="H22" s="390" t="s">
        <v>10</v>
      </c>
      <c r="I22" s="1067"/>
      <c r="J22" s="390">
        <v>1</v>
      </c>
      <c r="K22" s="390">
        <v>4</v>
      </c>
      <c r="L22" s="390"/>
      <c r="M22" s="390"/>
      <c r="N22" s="390"/>
      <c r="O22" s="368"/>
      <c r="P22" s="390"/>
      <c r="Q22" s="368"/>
    </row>
    <row r="23" spans="1:17" s="391" customFormat="1" ht="120" customHeight="1">
      <c r="A23" s="393">
        <f t="shared" si="0"/>
        <v>9</v>
      </c>
      <c r="B23" s="368" t="s">
        <v>4071</v>
      </c>
      <c r="C23" s="368" t="s">
        <v>15</v>
      </c>
      <c r="D23" s="368" t="s">
        <v>4069</v>
      </c>
      <c r="E23" s="388" t="s">
        <v>4070</v>
      </c>
      <c r="F23" s="389">
        <v>44497</v>
      </c>
      <c r="G23" s="252" t="s">
        <v>2388</v>
      </c>
      <c r="H23" s="390" t="s">
        <v>10</v>
      </c>
      <c r="I23" s="1067"/>
      <c r="J23" s="390">
        <v>1</v>
      </c>
      <c r="K23" s="390">
        <v>4</v>
      </c>
      <c r="L23" s="390"/>
      <c r="M23" s="390"/>
      <c r="N23" s="390"/>
      <c r="O23" s="368"/>
      <c r="P23" s="390"/>
      <c r="Q23" s="368"/>
    </row>
    <row r="24" spans="1:17" s="391" customFormat="1" ht="120" customHeight="1">
      <c r="A24" s="393">
        <f t="shared" si="0"/>
        <v>10</v>
      </c>
      <c r="B24" s="368" t="s">
        <v>4072</v>
      </c>
      <c r="C24" s="368" t="s">
        <v>15</v>
      </c>
      <c r="D24" s="368" t="s">
        <v>4069</v>
      </c>
      <c r="E24" s="388" t="s">
        <v>4070</v>
      </c>
      <c r="F24" s="389">
        <v>44497</v>
      </c>
      <c r="G24" s="252" t="s">
        <v>2388</v>
      </c>
      <c r="H24" s="390" t="s">
        <v>10</v>
      </c>
      <c r="I24" s="1067"/>
      <c r="J24" s="390">
        <v>3</v>
      </c>
      <c r="K24" s="390">
        <v>6</v>
      </c>
      <c r="L24" s="390"/>
      <c r="M24" s="390"/>
      <c r="N24" s="390"/>
      <c r="O24" s="390"/>
      <c r="P24" s="390"/>
      <c r="Q24" s="368"/>
    </row>
    <row r="25" spans="1:17" s="391" customFormat="1" ht="120" customHeight="1">
      <c r="A25" s="393">
        <f t="shared" si="0"/>
        <v>11</v>
      </c>
      <c r="B25" s="368" t="s">
        <v>4073</v>
      </c>
      <c r="C25" s="368" t="s">
        <v>15</v>
      </c>
      <c r="D25" s="368" t="s">
        <v>4074</v>
      </c>
      <c r="E25" s="388" t="s">
        <v>4075</v>
      </c>
      <c r="F25" s="389">
        <v>41222</v>
      </c>
      <c r="G25" s="376" t="s">
        <v>926</v>
      </c>
      <c r="H25" s="390" t="s">
        <v>10</v>
      </c>
      <c r="I25" s="1067"/>
      <c r="J25" s="390">
        <v>3</v>
      </c>
      <c r="K25" s="390">
        <v>8</v>
      </c>
      <c r="L25" s="390"/>
      <c r="M25" s="390"/>
      <c r="N25" s="390"/>
      <c r="O25" s="390"/>
      <c r="P25" s="390"/>
      <c r="Q25" s="368"/>
    </row>
    <row r="26" spans="1:17" s="391" customFormat="1" ht="120" customHeight="1">
      <c r="A26" s="393">
        <f t="shared" si="0"/>
        <v>12</v>
      </c>
      <c r="B26" s="368" t="s">
        <v>4076</v>
      </c>
      <c r="C26" s="368" t="s">
        <v>15</v>
      </c>
      <c r="D26" s="368" t="s">
        <v>4074</v>
      </c>
      <c r="E26" s="388" t="s">
        <v>4075</v>
      </c>
      <c r="F26" s="389">
        <v>41222</v>
      </c>
      <c r="G26" s="376" t="s">
        <v>926</v>
      </c>
      <c r="H26" s="390" t="s">
        <v>10</v>
      </c>
      <c r="I26" s="1067"/>
      <c r="J26" s="390">
        <v>2</v>
      </c>
      <c r="K26" s="390">
        <v>6</v>
      </c>
      <c r="L26" s="390"/>
      <c r="M26" s="390"/>
      <c r="N26" s="390"/>
      <c r="O26" s="390"/>
      <c r="P26" s="390"/>
      <c r="Q26" s="368"/>
    </row>
    <row r="27" spans="1:17" s="391" customFormat="1" ht="120" customHeight="1">
      <c r="A27" s="393">
        <f t="shared" si="0"/>
        <v>13</v>
      </c>
      <c r="B27" s="368" t="s">
        <v>4039</v>
      </c>
      <c r="C27" s="368" t="s">
        <v>15</v>
      </c>
      <c r="D27" s="368" t="s">
        <v>4077</v>
      </c>
      <c r="E27" s="388" t="s">
        <v>4078</v>
      </c>
      <c r="F27" s="389">
        <v>40994</v>
      </c>
      <c r="G27" s="376" t="s">
        <v>611</v>
      </c>
      <c r="H27" s="390" t="s">
        <v>10</v>
      </c>
      <c r="I27" s="1067"/>
      <c r="J27" s="390">
        <v>3</v>
      </c>
      <c r="K27" s="390">
        <v>20</v>
      </c>
      <c r="L27" s="390">
        <v>0</v>
      </c>
      <c r="M27" s="390"/>
      <c r="N27" s="390"/>
      <c r="O27" s="368" t="s">
        <v>4040</v>
      </c>
      <c r="P27" s="390"/>
      <c r="Q27" s="368"/>
    </row>
    <row r="28" spans="1:17" s="391" customFormat="1" ht="163.5" customHeight="1">
      <c r="A28" s="393">
        <f t="shared" si="0"/>
        <v>14</v>
      </c>
      <c r="B28" s="368" t="s">
        <v>4079</v>
      </c>
      <c r="C28" s="368" t="s">
        <v>179</v>
      </c>
      <c r="D28" s="368" t="s">
        <v>4080</v>
      </c>
      <c r="E28" s="388" t="s">
        <v>4081</v>
      </c>
      <c r="F28" s="389">
        <v>43949</v>
      </c>
      <c r="G28" s="268" t="s">
        <v>63</v>
      </c>
      <c r="H28" s="368" t="s">
        <v>4082</v>
      </c>
      <c r="I28" s="1068"/>
      <c r="J28" s="390">
        <v>30</v>
      </c>
      <c r="K28" s="390">
        <v>100</v>
      </c>
      <c r="L28" s="390"/>
      <c r="M28" s="390"/>
      <c r="N28" s="390"/>
      <c r="O28" s="368" t="s">
        <v>4083</v>
      </c>
      <c r="P28" s="390"/>
      <c r="Q28" s="368"/>
    </row>
    <row r="29" spans="1:17" s="391" customFormat="1" ht="120" customHeight="1">
      <c r="A29" s="393">
        <f t="shared" si="0"/>
        <v>15</v>
      </c>
      <c r="B29" s="368" t="s">
        <v>4084</v>
      </c>
      <c r="C29" s="368" t="s">
        <v>179</v>
      </c>
      <c r="D29" s="368" t="s">
        <v>4085</v>
      </c>
      <c r="E29" s="388" t="s">
        <v>4086</v>
      </c>
      <c r="F29" s="389">
        <v>43405</v>
      </c>
      <c r="G29" s="252" t="s">
        <v>125</v>
      </c>
      <c r="H29" s="390" t="s">
        <v>10</v>
      </c>
      <c r="I29" s="1067"/>
      <c r="J29" s="390">
        <v>10</v>
      </c>
      <c r="K29" s="390">
        <v>34</v>
      </c>
      <c r="L29" s="390"/>
      <c r="M29" s="390"/>
      <c r="N29" s="390"/>
      <c r="O29" s="368" t="s">
        <v>4087</v>
      </c>
      <c r="P29" s="390"/>
      <c r="Q29" s="368"/>
    </row>
    <row r="30" spans="1:17" s="391" customFormat="1" ht="141.75">
      <c r="A30" s="393">
        <f t="shared" si="0"/>
        <v>16</v>
      </c>
      <c r="B30" s="368" t="s">
        <v>4088</v>
      </c>
      <c r="C30" s="390" t="s">
        <v>179</v>
      </c>
      <c r="D30" s="368" t="s">
        <v>4089</v>
      </c>
      <c r="E30" s="388" t="s">
        <v>4090</v>
      </c>
      <c r="F30" s="389">
        <v>37614</v>
      </c>
      <c r="G30" s="252" t="s">
        <v>4367</v>
      </c>
      <c r="H30" s="252" t="s">
        <v>4091</v>
      </c>
      <c r="I30" s="787"/>
      <c r="J30" s="390">
        <v>7</v>
      </c>
      <c r="K30" s="390">
        <v>19</v>
      </c>
      <c r="L30" s="390"/>
      <c r="M30" s="390">
        <v>2021</v>
      </c>
      <c r="N30" s="390"/>
      <c r="O30" s="390"/>
      <c r="P30" s="390"/>
      <c r="Q30" s="368"/>
    </row>
    <row r="31" spans="1:17" s="274" customFormat="1" ht="120" customHeight="1">
      <c r="A31" s="393">
        <f t="shared" si="0"/>
        <v>17</v>
      </c>
      <c r="B31" s="368" t="s">
        <v>4092</v>
      </c>
      <c r="C31" s="368" t="s">
        <v>27</v>
      </c>
      <c r="D31" s="368" t="s">
        <v>4093</v>
      </c>
      <c r="E31" s="368">
        <v>51703909107</v>
      </c>
      <c r="F31" s="376">
        <v>44776</v>
      </c>
      <c r="G31" s="376"/>
      <c r="H31" s="368" t="s">
        <v>10</v>
      </c>
      <c r="I31" s="1068"/>
      <c r="J31" s="368">
        <v>7</v>
      </c>
      <c r="K31" s="368">
        <v>10</v>
      </c>
      <c r="L31" s="368">
        <v>1</v>
      </c>
      <c r="M31" s="368"/>
      <c r="N31" s="368"/>
      <c r="O31" s="368"/>
      <c r="P31" s="368"/>
      <c r="Q31" s="368"/>
    </row>
    <row r="32" spans="1:17" s="274" customFormat="1" ht="102.75" customHeight="1">
      <c r="A32" s="393">
        <f t="shared" si="0"/>
        <v>18</v>
      </c>
      <c r="B32" s="368" t="s">
        <v>4094</v>
      </c>
      <c r="C32" s="368" t="s">
        <v>15</v>
      </c>
      <c r="D32" s="368" t="s">
        <v>4095</v>
      </c>
      <c r="E32" s="368" t="s">
        <v>4096</v>
      </c>
      <c r="F32" s="376">
        <v>44481</v>
      </c>
      <c r="G32" s="376" t="s">
        <v>926</v>
      </c>
      <c r="H32" s="368" t="s">
        <v>10</v>
      </c>
      <c r="I32" s="1068"/>
      <c r="J32" s="368">
        <v>1</v>
      </c>
      <c r="K32" s="368">
        <v>4</v>
      </c>
      <c r="L32" s="368"/>
      <c r="M32" s="368"/>
      <c r="N32" s="368"/>
      <c r="O32" s="368"/>
      <c r="P32" s="368"/>
      <c r="Q32" s="396"/>
    </row>
    <row r="33" spans="1:17" s="274" customFormat="1" ht="111.75" customHeight="1">
      <c r="A33" s="393">
        <f t="shared" si="0"/>
        <v>19</v>
      </c>
      <c r="B33" s="368" t="s">
        <v>4097</v>
      </c>
      <c r="C33" s="368" t="s">
        <v>27</v>
      </c>
      <c r="D33" s="368" t="s">
        <v>4098</v>
      </c>
      <c r="E33" s="368">
        <v>100400701846</v>
      </c>
      <c r="F33" s="376">
        <v>44272</v>
      </c>
      <c r="G33" s="376"/>
      <c r="H33" s="368" t="s">
        <v>10</v>
      </c>
      <c r="I33" s="1068"/>
      <c r="J33" s="368">
        <v>1</v>
      </c>
      <c r="K33" s="368">
        <v>4</v>
      </c>
      <c r="L33" s="368"/>
      <c r="M33" s="368"/>
      <c r="N33" s="368"/>
      <c r="O33" s="368"/>
      <c r="P33" s="368"/>
      <c r="Q33" s="396"/>
    </row>
    <row r="34" spans="1:17" s="391" customFormat="1" ht="15.75">
      <c r="A34" s="393"/>
      <c r="B34" s="1146" t="s">
        <v>503</v>
      </c>
      <c r="C34" s="1147"/>
      <c r="D34" s="1147"/>
      <c r="E34" s="1147"/>
      <c r="F34" s="1147"/>
      <c r="G34" s="1147"/>
      <c r="H34" s="1147"/>
      <c r="I34" s="1148"/>
      <c r="J34" s="1147"/>
      <c r="K34" s="1147"/>
      <c r="L34" s="1147"/>
      <c r="M34" s="1147"/>
      <c r="N34" s="1147"/>
      <c r="O34" s="1147"/>
      <c r="P34" s="1147"/>
      <c r="Q34" s="1149"/>
    </row>
  </sheetData>
  <autoFilter ref="A14:Q34"/>
  <mergeCells count="6">
    <mergeCell ref="B34:Q34"/>
    <mergeCell ref="A1:O1"/>
    <mergeCell ref="E8:F8"/>
    <mergeCell ref="B10:Q10"/>
    <mergeCell ref="B12:Q12"/>
    <mergeCell ref="B13:Q13"/>
  </mergeCells>
  <pageMargins left="0.7" right="0.7" top="0.75" bottom="0.75" header="0.3" footer="0.3"/>
  <pageSetup paperSize="9" scale="51" fitToHeight="0" orientation="landscape" r:id="rId1"/>
</worksheet>
</file>

<file path=xl/worksheets/sheet6.xml><?xml version="1.0" encoding="utf-8"?>
<worksheet xmlns="http://schemas.openxmlformats.org/spreadsheetml/2006/main" xmlns:r="http://schemas.openxmlformats.org/officeDocument/2006/relationships">
  <sheetPr>
    <tabColor theme="0"/>
    <pageSetUpPr fitToPage="1"/>
  </sheetPr>
  <dimension ref="A1:AP85"/>
  <sheetViews>
    <sheetView zoomScaleNormal="100" workbookViewId="0">
      <selection activeCell="H10" sqref="H10"/>
    </sheetView>
  </sheetViews>
  <sheetFormatPr defaultColWidth="9.140625" defaultRowHeight="15"/>
  <cols>
    <col min="1" max="1" width="5.85546875" style="50" customWidth="1"/>
    <col min="2" max="2" width="17.28515625" style="47" customWidth="1"/>
    <col min="3" max="3" width="12.42578125" style="47" customWidth="1"/>
    <col min="4" max="4" width="16.5703125" style="47" customWidth="1"/>
    <col min="5" max="5" width="16.140625" style="50" customWidth="1"/>
    <col min="6" max="6" width="15" style="51" customWidth="1"/>
    <col min="7" max="7" width="20" style="50" customWidth="1"/>
    <col min="8" max="9" width="15.140625" style="47" customWidth="1"/>
    <col min="10" max="10" width="11.7109375" style="49" customWidth="1"/>
    <col min="11" max="11" width="11.5703125" style="47" customWidth="1"/>
    <col min="12" max="12" width="9.28515625" style="48" customWidth="1"/>
    <col min="13" max="13" width="11.42578125" style="48" customWidth="1"/>
    <col min="14" max="14" width="16.42578125" style="48" customWidth="1"/>
    <col min="15" max="15" width="16.42578125" style="47" customWidth="1"/>
    <col min="16" max="16" width="13" style="47" customWidth="1"/>
    <col min="17" max="17" width="16.85546875" style="47" customWidth="1"/>
    <col min="18" max="16384" width="9.140625" style="47"/>
  </cols>
  <sheetData>
    <row r="1" spans="1:18" ht="31.5" customHeight="1">
      <c r="A1" s="293"/>
      <c r="B1" s="1158" t="s">
        <v>2110</v>
      </c>
      <c r="C1" s="1158"/>
      <c r="D1" s="1158"/>
      <c r="E1" s="1158"/>
      <c r="F1" s="1158"/>
      <c r="G1" s="1158"/>
      <c r="H1" s="1158"/>
      <c r="I1" s="1158"/>
      <c r="J1" s="1158"/>
      <c r="K1" s="1158"/>
      <c r="L1" s="1158"/>
      <c r="M1" s="1158"/>
      <c r="N1" s="1158"/>
      <c r="O1" s="1158"/>
      <c r="P1" s="294"/>
      <c r="Q1" s="294"/>
    </row>
    <row r="2" spans="1:18" s="54" customFormat="1" ht="77.25" customHeight="1">
      <c r="A2" s="295" t="s">
        <v>173</v>
      </c>
      <c r="B2" s="296" t="s">
        <v>186</v>
      </c>
      <c r="C2" s="296" t="s">
        <v>184</v>
      </c>
      <c r="D2" s="297"/>
      <c r="E2" s="296" t="s">
        <v>185</v>
      </c>
      <c r="F2" s="298" t="s">
        <v>184</v>
      </c>
      <c r="G2" s="297"/>
      <c r="H2" s="299"/>
      <c r="I2" s="299"/>
      <c r="J2" s="300"/>
      <c r="K2" s="301"/>
      <c r="L2" s="301"/>
      <c r="M2" s="301"/>
      <c r="N2" s="299"/>
      <c r="O2" s="299"/>
      <c r="P2" s="299"/>
      <c r="Q2" s="297"/>
    </row>
    <row r="3" spans="1:18" s="54" customFormat="1" ht="45.75" customHeight="1">
      <c r="A3" s="291"/>
      <c r="B3" s="296" t="s">
        <v>183</v>
      </c>
      <c r="C3" s="296">
        <v>28</v>
      </c>
      <c r="D3" s="297"/>
      <c r="E3" s="296" t="s">
        <v>182</v>
      </c>
      <c r="F3" s="302">
        <v>28</v>
      </c>
      <c r="G3" s="297"/>
      <c r="H3" s="299"/>
      <c r="I3" s="299"/>
      <c r="J3" s="300"/>
      <c r="K3" s="303"/>
      <c r="L3" s="303"/>
      <c r="M3" s="303"/>
      <c r="N3" s="303"/>
      <c r="O3" s="299"/>
      <c r="P3" s="299"/>
      <c r="Q3" s="297"/>
    </row>
    <row r="4" spans="1:18" s="54" customFormat="1" ht="45" customHeight="1">
      <c r="A4" s="291" t="s">
        <v>181</v>
      </c>
      <c r="B4" s="304" t="s">
        <v>180</v>
      </c>
      <c r="C4" s="304">
        <v>28</v>
      </c>
      <c r="D4" s="297"/>
      <c r="E4" s="304" t="s">
        <v>179</v>
      </c>
      <c r="F4" s="302">
        <v>6</v>
      </c>
      <c r="G4" s="297"/>
      <c r="H4" s="299"/>
      <c r="I4" s="299"/>
      <c r="J4" s="300"/>
      <c r="K4" s="301"/>
      <c r="L4" s="301"/>
      <c r="M4" s="301"/>
      <c r="N4" s="299"/>
      <c r="O4" s="299"/>
      <c r="P4" s="299"/>
      <c r="Q4" s="297"/>
    </row>
    <row r="5" spans="1:18" s="54" customFormat="1" ht="44.25" customHeight="1">
      <c r="A5" s="291" t="s">
        <v>178</v>
      </c>
      <c r="B5" s="304" t="s">
        <v>177</v>
      </c>
      <c r="C5" s="305">
        <v>0</v>
      </c>
      <c r="D5" s="297"/>
      <c r="E5" s="304" t="s">
        <v>15</v>
      </c>
      <c r="F5" s="302">
        <v>15</v>
      </c>
      <c r="G5" s="297" t="s">
        <v>4199</v>
      </c>
      <c r="H5" s="299"/>
      <c r="I5" s="299"/>
      <c r="J5" s="306"/>
      <c r="K5" s="299"/>
      <c r="L5" s="299"/>
      <c r="M5" s="299"/>
      <c r="N5" s="299"/>
      <c r="O5" s="299"/>
      <c r="P5" s="299"/>
      <c r="Q5" s="297"/>
    </row>
    <row r="6" spans="1:18" s="54" customFormat="1" ht="23.25" customHeight="1">
      <c r="A6" s="293"/>
      <c r="B6" s="297"/>
      <c r="C6" s="297"/>
      <c r="D6" s="297"/>
      <c r="E6" s="304" t="s">
        <v>27</v>
      </c>
      <c r="F6" s="302">
        <v>7</v>
      </c>
      <c r="G6" s="297"/>
      <c r="H6" s="299"/>
      <c r="I6" s="299"/>
      <c r="J6" s="306"/>
      <c r="K6" s="307"/>
      <c r="L6" s="299"/>
      <c r="M6" s="299"/>
      <c r="N6" s="299"/>
      <c r="O6" s="299"/>
      <c r="P6" s="299"/>
      <c r="Q6" s="297"/>
    </row>
    <row r="7" spans="1:18" s="54" customFormat="1" ht="56.25" customHeight="1">
      <c r="A7" s="293"/>
      <c r="B7" s="297"/>
      <c r="C7" s="297"/>
      <c r="D7" s="297"/>
      <c r="E7" s="1156" t="s">
        <v>175</v>
      </c>
      <c r="F7" s="1157"/>
      <c r="G7" s="297"/>
      <c r="H7" s="308">
        <v>7</v>
      </c>
      <c r="I7" s="1069"/>
      <c r="J7" s="309">
        <v>196</v>
      </c>
      <c r="K7" s="302">
        <v>619</v>
      </c>
      <c r="L7" s="299"/>
      <c r="M7" s="299"/>
      <c r="N7" s="299"/>
      <c r="O7" s="299"/>
      <c r="P7" s="299"/>
      <c r="Q7" s="297"/>
      <c r="R7" s="55"/>
    </row>
    <row r="8" spans="1:18" ht="15.75">
      <c r="A8" s="293"/>
      <c r="B8" s="293">
        <v>7</v>
      </c>
      <c r="C8" s="294"/>
      <c r="D8" s="294"/>
      <c r="E8" s="293"/>
      <c r="F8" s="310"/>
      <c r="G8" s="293"/>
      <c r="H8" s="293"/>
      <c r="I8" s="293"/>
      <c r="J8" s="306"/>
      <c r="K8" s="294"/>
      <c r="L8" s="311"/>
      <c r="M8" s="311"/>
      <c r="N8" s="311"/>
      <c r="O8" s="294"/>
      <c r="P8" s="294"/>
      <c r="Q8" s="294"/>
    </row>
    <row r="9" spans="1:18" ht="18.75" customHeight="1">
      <c r="A9" s="291"/>
      <c r="B9" s="1159" t="s">
        <v>174</v>
      </c>
      <c r="C9" s="1160"/>
      <c r="D9" s="1160"/>
      <c r="E9" s="1160"/>
      <c r="F9" s="1160"/>
      <c r="G9" s="1160"/>
      <c r="H9" s="1160"/>
      <c r="I9" s="1161"/>
      <c r="J9" s="1160"/>
      <c r="K9" s="1160"/>
      <c r="L9" s="1160"/>
      <c r="M9" s="1160"/>
      <c r="N9" s="1160"/>
      <c r="O9" s="1160"/>
      <c r="P9" s="1160"/>
      <c r="Q9" s="1160"/>
    </row>
    <row r="10" spans="1:18" ht="123" customHeight="1">
      <c r="A10" s="291" t="s">
        <v>173</v>
      </c>
      <c r="B10" s="312" t="s">
        <v>172</v>
      </c>
      <c r="C10" s="312" t="s">
        <v>171</v>
      </c>
      <c r="D10" s="312" t="s">
        <v>170</v>
      </c>
      <c r="E10" s="291" t="s">
        <v>2109</v>
      </c>
      <c r="F10" s="313" t="s">
        <v>168</v>
      </c>
      <c r="G10" s="304" t="s">
        <v>167</v>
      </c>
      <c r="H10" s="1064" t="s">
        <v>5073</v>
      </c>
      <c r="I10" s="1065" t="s">
        <v>5074</v>
      </c>
      <c r="J10" s="314" t="s">
        <v>166</v>
      </c>
      <c r="K10" s="312" t="s">
        <v>165</v>
      </c>
      <c r="L10" s="305" t="s">
        <v>164</v>
      </c>
      <c r="M10" s="304" t="s">
        <v>163</v>
      </c>
      <c r="N10" s="1072" t="s">
        <v>162</v>
      </c>
      <c r="O10" s="312" t="s">
        <v>161</v>
      </c>
      <c r="P10" s="312" t="s">
        <v>160</v>
      </c>
      <c r="Q10" s="312" t="s">
        <v>159</v>
      </c>
    </row>
    <row r="11" spans="1:18" ht="15.75">
      <c r="A11" s="291"/>
      <c r="B11" s="1162" t="s">
        <v>2108</v>
      </c>
      <c r="C11" s="1162"/>
      <c r="D11" s="1162"/>
      <c r="E11" s="1162"/>
      <c r="F11" s="1162"/>
      <c r="G11" s="1162"/>
      <c r="H11" s="1162"/>
      <c r="I11" s="1163"/>
      <c r="J11" s="1162"/>
      <c r="K11" s="1162"/>
      <c r="L11" s="1162"/>
      <c r="M11" s="1162"/>
      <c r="N11" s="1162"/>
      <c r="O11" s="1162"/>
      <c r="P11" s="1162"/>
      <c r="Q11" s="1162"/>
    </row>
    <row r="12" spans="1:18" ht="15.75">
      <c r="A12" s="291"/>
      <c r="B12" s="1162" t="s">
        <v>157</v>
      </c>
      <c r="C12" s="1162"/>
      <c r="D12" s="1162"/>
      <c r="E12" s="1162"/>
      <c r="F12" s="1162"/>
      <c r="G12" s="1162"/>
      <c r="H12" s="1162"/>
      <c r="I12" s="1163"/>
      <c r="J12" s="1162"/>
      <c r="K12" s="1162"/>
      <c r="L12" s="1162"/>
      <c r="M12" s="1162"/>
      <c r="N12" s="1162"/>
      <c r="O12" s="1162"/>
      <c r="P12" s="1162"/>
      <c r="Q12" s="1162"/>
    </row>
    <row r="13" spans="1:18" ht="15.75">
      <c r="A13" s="304">
        <v>1</v>
      </c>
      <c r="B13" s="291">
        <v>2</v>
      </c>
      <c r="C13" s="304">
        <v>3</v>
      </c>
      <c r="D13" s="291">
        <v>4</v>
      </c>
      <c r="E13" s="304">
        <v>5</v>
      </c>
      <c r="F13" s="291">
        <v>6</v>
      </c>
      <c r="G13" s="304">
        <v>7</v>
      </c>
      <c r="H13" s="291">
        <v>8</v>
      </c>
      <c r="I13" s="1070"/>
      <c r="J13" s="314">
        <v>9</v>
      </c>
      <c r="K13" s="291">
        <v>10</v>
      </c>
      <c r="L13" s="305">
        <v>11</v>
      </c>
      <c r="M13" s="305"/>
      <c r="N13" s="305"/>
      <c r="O13" s="291">
        <v>12</v>
      </c>
      <c r="P13" s="304">
        <v>13</v>
      </c>
      <c r="Q13" s="291">
        <v>14</v>
      </c>
    </row>
    <row r="14" spans="1:18" s="194" customFormat="1" ht="120" customHeight="1">
      <c r="A14" s="291" t="s">
        <v>975</v>
      </c>
      <c r="B14" s="286" t="s">
        <v>4284</v>
      </c>
      <c r="C14" s="286" t="s">
        <v>4286</v>
      </c>
      <c r="D14" s="286" t="s">
        <v>2107</v>
      </c>
      <c r="E14" s="287" t="s">
        <v>2106</v>
      </c>
      <c r="F14" s="288">
        <v>44659</v>
      </c>
      <c r="G14" s="287"/>
      <c r="H14" s="286" t="s">
        <v>10</v>
      </c>
      <c r="I14" s="1071"/>
      <c r="J14" s="289">
        <v>2</v>
      </c>
      <c r="K14" s="292">
        <v>4</v>
      </c>
      <c r="L14" s="290">
        <v>1</v>
      </c>
      <c r="M14" s="290">
        <v>2019</v>
      </c>
      <c r="N14" s="290" t="s">
        <v>10</v>
      </c>
      <c r="O14" s="286" t="s">
        <v>196</v>
      </c>
      <c r="P14" s="286" t="s">
        <v>10</v>
      </c>
      <c r="Q14" s="286" t="s">
        <v>199</v>
      </c>
    </row>
    <row r="15" spans="1:18" s="194" customFormat="1" ht="120" customHeight="1">
      <c r="A15" s="291" t="s">
        <v>966</v>
      </c>
      <c r="B15" s="286" t="s">
        <v>4285</v>
      </c>
      <c r="C15" s="286" t="s">
        <v>4286</v>
      </c>
      <c r="D15" s="286" t="s">
        <v>2105</v>
      </c>
      <c r="E15" s="287" t="s">
        <v>2104</v>
      </c>
      <c r="F15" s="288">
        <v>44746</v>
      </c>
      <c r="G15" s="287"/>
      <c r="H15" s="286" t="s">
        <v>10</v>
      </c>
      <c r="I15" s="1071"/>
      <c r="J15" s="289" t="s">
        <v>975</v>
      </c>
      <c r="K15" s="292">
        <v>6</v>
      </c>
      <c r="L15" s="290">
        <v>1</v>
      </c>
      <c r="M15" s="290">
        <v>2020</v>
      </c>
      <c r="N15" s="290" t="s">
        <v>10</v>
      </c>
      <c r="O15" s="286" t="s">
        <v>199</v>
      </c>
      <c r="P15" s="286" t="s">
        <v>10</v>
      </c>
      <c r="Q15" s="286" t="s">
        <v>199</v>
      </c>
    </row>
    <row r="16" spans="1:18" s="194" customFormat="1" ht="120" customHeight="1">
      <c r="A16" s="291" t="s">
        <v>1233</v>
      </c>
      <c r="B16" s="286" t="s">
        <v>4287</v>
      </c>
      <c r="C16" s="286" t="s">
        <v>4286</v>
      </c>
      <c r="D16" s="286" t="s">
        <v>2103</v>
      </c>
      <c r="E16" s="287" t="s">
        <v>2102</v>
      </c>
      <c r="F16" s="288" t="s">
        <v>2101</v>
      </c>
      <c r="G16" s="287"/>
      <c r="H16" s="286" t="s">
        <v>10</v>
      </c>
      <c r="I16" s="1071"/>
      <c r="J16" s="289">
        <v>1</v>
      </c>
      <c r="K16" s="287">
        <v>5</v>
      </c>
      <c r="L16" s="290">
        <v>1</v>
      </c>
      <c r="M16" s="290">
        <v>2021</v>
      </c>
      <c r="N16" s="290" t="s">
        <v>10</v>
      </c>
      <c r="O16" s="286" t="s">
        <v>199</v>
      </c>
      <c r="P16" s="286" t="s">
        <v>10</v>
      </c>
      <c r="Q16" s="286" t="s">
        <v>199</v>
      </c>
    </row>
    <row r="17" spans="1:42" s="194" customFormat="1" ht="120" customHeight="1">
      <c r="A17" s="291" t="s">
        <v>965</v>
      </c>
      <c r="B17" s="286" t="s">
        <v>4288</v>
      </c>
      <c r="C17" s="286" t="s">
        <v>4286</v>
      </c>
      <c r="D17" s="286" t="s">
        <v>2100</v>
      </c>
      <c r="E17" s="287" t="s">
        <v>2099</v>
      </c>
      <c r="F17" s="288" t="s">
        <v>2098</v>
      </c>
      <c r="G17" s="287"/>
      <c r="H17" s="286" t="s">
        <v>10</v>
      </c>
      <c r="I17" s="1071"/>
      <c r="J17" s="289">
        <v>1</v>
      </c>
      <c r="K17" s="287">
        <v>5</v>
      </c>
      <c r="L17" s="290">
        <v>1</v>
      </c>
      <c r="M17" s="290">
        <v>2021</v>
      </c>
      <c r="N17" s="290" t="s">
        <v>10</v>
      </c>
      <c r="O17" s="286" t="s">
        <v>199</v>
      </c>
      <c r="P17" s="286" t="s">
        <v>10</v>
      </c>
      <c r="Q17" s="286" t="s">
        <v>199</v>
      </c>
    </row>
    <row r="18" spans="1:42" s="194" customFormat="1" ht="120" customHeight="1">
      <c r="A18" s="291" t="s">
        <v>1069</v>
      </c>
      <c r="B18" s="286" t="s">
        <v>4289</v>
      </c>
      <c r="C18" s="286" t="s">
        <v>4290</v>
      </c>
      <c r="D18" s="286" t="s">
        <v>2097</v>
      </c>
      <c r="E18" s="287" t="s">
        <v>2096</v>
      </c>
      <c r="F18" s="288">
        <v>44900</v>
      </c>
      <c r="G18" s="287"/>
      <c r="H18" s="286" t="s">
        <v>10</v>
      </c>
      <c r="I18" s="1071"/>
      <c r="J18" s="289">
        <v>1</v>
      </c>
      <c r="K18" s="287" t="s">
        <v>1521</v>
      </c>
      <c r="L18" s="290">
        <v>1</v>
      </c>
      <c r="M18" s="290">
        <v>2020</v>
      </c>
      <c r="N18" s="290" t="s">
        <v>10</v>
      </c>
      <c r="O18" s="286" t="s">
        <v>196</v>
      </c>
      <c r="P18" s="286" t="s">
        <v>10</v>
      </c>
      <c r="Q18" s="286" t="s">
        <v>199</v>
      </c>
    </row>
    <row r="19" spans="1:42" s="194" customFormat="1" ht="120" customHeight="1">
      <c r="A19" s="291" t="s">
        <v>1521</v>
      </c>
      <c r="B19" s="286" t="s">
        <v>4291</v>
      </c>
      <c r="C19" s="286" t="s">
        <v>4290</v>
      </c>
      <c r="D19" s="286" t="s">
        <v>2097</v>
      </c>
      <c r="E19" s="287" t="s">
        <v>2096</v>
      </c>
      <c r="F19" s="288">
        <v>44900</v>
      </c>
      <c r="G19" s="287"/>
      <c r="H19" s="286" t="s">
        <v>10</v>
      </c>
      <c r="I19" s="1071"/>
      <c r="J19" s="289">
        <v>1</v>
      </c>
      <c r="K19" s="287" t="s">
        <v>1521</v>
      </c>
      <c r="L19" s="290">
        <v>1</v>
      </c>
      <c r="M19" s="290">
        <v>2020</v>
      </c>
      <c r="N19" s="290" t="s">
        <v>10</v>
      </c>
      <c r="O19" s="286" t="s">
        <v>196</v>
      </c>
      <c r="P19" s="286" t="s">
        <v>10</v>
      </c>
      <c r="Q19" s="286" t="s">
        <v>199</v>
      </c>
    </row>
    <row r="20" spans="1:42" s="53" customFormat="1" ht="120" customHeight="1">
      <c r="A20" s="291" t="s">
        <v>1109</v>
      </c>
      <c r="B20" s="286" t="s">
        <v>4292</v>
      </c>
      <c r="C20" s="286" t="s">
        <v>15</v>
      </c>
      <c r="D20" s="286" t="s">
        <v>2095</v>
      </c>
      <c r="E20" s="287" t="s">
        <v>2094</v>
      </c>
      <c r="F20" s="288">
        <v>44698</v>
      </c>
      <c r="G20" s="288" t="s">
        <v>63</v>
      </c>
      <c r="H20" s="286" t="s">
        <v>2093</v>
      </c>
      <c r="I20" s="1071"/>
      <c r="J20" s="289">
        <v>5</v>
      </c>
      <c r="K20" s="292">
        <v>18</v>
      </c>
      <c r="L20" s="290">
        <v>1</v>
      </c>
      <c r="M20" s="290">
        <v>2017</v>
      </c>
      <c r="N20" s="290" t="s">
        <v>10</v>
      </c>
      <c r="O20" s="286" t="s">
        <v>199</v>
      </c>
      <c r="P20" s="286" t="s">
        <v>10</v>
      </c>
      <c r="Q20" s="286" t="s">
        <v>199</v>
      </c>
    </row>
    <row r="21" spans="1:42" s="194" customFormat="1" ht="120" customHeight="1">
      <c r="A21" s="291" t="s">
        <v>1042</v>
      </c>
      <c r="B21" s="286" t="s">
        <v>4293</v>
      </c>
      <c r="C21" s="286" t="s">
        <v>15</v>
      </c>
      <c r="D21" s="286" t="s">
        <v>2092</v>
      </c>
      <c r="E21" s="287" t="s">
        <v>2091</v>
      </c>
      <c r="F21" s="288" t="s">
        <v>2090</v>
      </c>
      <c r="G21" s="288" t="s">
        <v>63</v>
      </c>
      <c r="H21" s="286" t="s">
        <v>10</v>
      </c>
      <c r="I21" s="1071"/>
      <c r="J21" s="289">
        <v>7</v>
      </c>
      <c r="K21" s="292">
        <v>56</v>
      </c>
      <c r="L21" s="290">
        <v>1</v>
      </c>
      <c r="M21" s="290">
        <v>2015</v>
      </c>
      <c r="N21" s="290" t="s">
        <v>10</v>
      </c>
      <c r="O21" s="286" t="s">
        <v>196</v>
      </c>
      <c r="P21" s="286" t="s">
        <v>10</v>
      </c>
      <c r="Q21" s="286" t="s">
        <v>199</v>
      </c>
    </row>
    <row r="22" spans="1:42" s="194" customFormat="1" ht="120" customHeight="1">
      <c r="A22" s="291" t="s">
        <v>1176</v>
      </c>
      <c r="B22" s="286" t="s">
        <v>4294</v>
      </c>
      <c r="C22" s="286" t="s">
        <v>15</v>
      </c>
      <c r="D22" s="286" t="s">
        <v>2055</v>
      </c>
      <c r="E22" s="287" t="s">
        <v>2054</v>
      </c>
      <c r="F22" s="288">
        <v>45218</v>
      </c>
      <c r="G22" s="288" t="s">
        <v>63</v>
      </c>
      <c r="H22" s="286" t="s">
        <v>10</v>
      </c>
      <c r="I22" s="1071"/>
      <c r="J22" s="289">
        <v>10</v>
      </c>
      <c r="K22" s="292">
        <v>22</v>
      </c>
      <c r="L22" s="290" t="s">
        <v>1233</v>
      </c>
      <c r="M22" s="290">
        <v>2018</v>
      </c>
      <c r="N22" s="290" t="s">
        <v>10</v>
      </c>
      <c r="O22" s="286" t="s">
        <v>196</v>
      </c>
      <c r="P22" s="286" t="s">
        <v>10</v>
      </c>
      <c r="Q22" s="286" t="s">
        <v>199</v>
      </c>
    </row>
    <row r="23" spans="1:42" s="194" customFormat="1" ht="120" customHeight="1">
      <c r="A23" s="291" t="s">
        <v>1141</v>
      </c>
      <c r="B23" s="286" t="s">
        <v>4295</v>
      </c>
      <c r="C23" s="286" t="s">
        <v>15</v>
      </c>
      <c r="D23" s="286" t="s">
        <v>2089</v>
      </c>
      <c r="E23" s="287" t="s">
        <v>2088</v>
      </c>
      <c r="F23" s="288">
        <v>45063</v>
      </c>
      <c r="G23" s="288" t="s">
        <v>142</v>
      </c>
      <c r="H23" s="286" t="s">
        <v>10</v>
      </c>
      <c r="I23" s="1071"/>
      <c r="J23" s="289">
        <v>3</v>
      </c>
      <c r="K23" s="287" t="s">
        <v>1496</v>
      </c>
      <c r="L23" s="290">
        <v>1</v>
      </c>
      <c r="M23" s="290">
        <v>2021</v>
      </c>
      <c r="N23" s="290" t="s">
        <v>10</v>
      </c>
      <c r="O23" s="286"/>
      <c r="P23" s="286"/>
      <c r="Q23" s="286" t="s">
        <v>199</v>
      </c>
    </row>
    <row r="24" spans="1:42" s="194" customFormat="1" ht="120" customHeight="1">
      <c r="A24" s="291" t="s">
        <v>1008</v>
      </c>
      <c r="B24" s="286" t="s">
        <v>4296</v>
      </c>
      <c r="C24" s="286" t="s">
        <v>15</v>
      </c>
      <c r="D24" s="286" t="s">
        <v>2087</v>
      </c>
      <c r="E24" s="287" t="s">
        <v>2086</v>
      </c>
      <c r="F24" s="288" t="s">
        <v>2085</v>
      </c>
      <c r="G24" s="292" t="s">
        <v>125</v>
      </c>
      <c r="H24" s="286" t="s">
        <v>4297</v>
      </c>
      <c r="I24" s="1071"/>
      <c r="J24" s="289">
        <v>10</v>
      </c>
      <c r="K24" s="292">
        <v>30</v>
      </c>
      <c r="L24" s="290">
        <v>2</v>
      </c>
      <c r="M24" s="290">
        <v>2019</v>
      </c>
      <c r="N24" s="290" t="s">
        <v>10</v>
      </c>
      <c r="O24" s="286" t="s">
        <v>196</v>
      </c>
      <c r="P24" s="286" t="s">
        <v>10</v>
      </c>
      <c r="Q24" s="286" t="s">
        <v>199</v>
      </c>
    </row>
    <row r="25" spans="1:42" s="194" customFormat="1" ht="120" customHeight="1">
      <c r="A25" s="291" t="s">
        <v>1496</v>
      </c>
      <c r="B25" s="286" t="s">
        <v>4298</v>
      </c>
      <c r="C25" s="286" t="s">
        <v>15</v>
      </c>
      <c r="D25" s="286" t="s">
        <v>2084</v>
      </c>
      <c r="E25" s="287" t="s">
        <v>2083</v>
      </c>
      <c r="F25" s="288">
        <v>39891</v>
      </c>
      <c r="G25" s="288" t="s">
        <v>63</v>
      </c>
      <c r="H25" s="286" t="s">
        <v>4148</v>
      </c>
      <c r="I25" s="1071"/>
      <c r="J25" s="289">
        <v>45</v>
      </c>
      <c r="K25" s="292">
        <v>90</v>
      </c>
      <c r="L25" s="290" t="s">
        <v>1472</v>
      </c>
      <c r="M25" s="290">
        <v>2009</v>
      </c>
      <c r="N25" s="290" t="s">
        <v>1159</v>
      </c>
      <c r="O25" s="286" t="s">
        <v>199</v>
      </c>
      <c r="P25" s="286" t="s">
        <v>10</v>
      </c>
      <c r="Q25" s="286" t="s">
        <v>199</v>
      </c>
    </row>
    <row r="26" spans="1:42" s="194" customFormat="1" ht="120" customHeight="1">
      <c r="A26" s="291" t="s">
        <v>1167</v>
      </c>
      <c r="B26" s="286" t="s">
        <v>4299</v>
      </c>
      <c r="C26" s="286" t="s">
        <v>15</v>
      </c>
      <c r="D26" s="286" t="s">
        <v>2084</v>
      </c>
      <c r="E26" s="287" t="s">
        <v>2083</v>
      </c>
      <c r="F26" s="288">
        <v>39891</v>
      </c>
      <c r="G26" s="288" t="s">
        <v>63</v>
      </c>
      <c r="H26" s="286" t="s">
        <v>4149</v>
      </c>
      <c r="I26" s="1071"/>
      <c r="J26" s="289">
        <v>32</v>
      </c>
      <c r="K26" s="292">
        <v>136</v>
      </c>
      <c r="L26" s="290" t="s">
        <v>1141</v>
      </c>
      <c r="M26" s="290">
        <v>2009</v>
      </c>
      <c r="N26" s="290" t="s">
        <v>10</v>
      </c>
      <c r="O26" s="286" t="s">
        <v>199</v>
      </c>
      <c r="P26" s="286" t="s">
        <v>10</v>
      </c>
      <c r="Q26" s="286" t="s">
        <v>199</v>
      </c>
    </row>
    <row r="27" spans="1:42" s="194" customFormat="1" ht="120" customHeight="1">
      <c r="A27" s="291" t="s">
        <v>240</v>
      </c>
      <c r="B27" s="286" t="s">
        <v>4300</v>
      </c>
      <c r="C27" s="286" t="s">
        <v>15</v>
      </c>
      <c r="D27" s="286" t="s">
        <v>2082</v>
      </c>
      <c r="E27" s="287" t="s">
        <v>2081</v>
      </c>
      <c r="F27" s="288">
        <v>43629</v>
      </c>
      <c r="G27" s="288" t="s">
        <v>2080</v>
      </c>
      <c r="H27" s="286" t="s">
        <v>4301</v>
      </c>
      <c r="I27" s="1071"/>
      <c r="J27" s="289">
        <v>6</v>
      </c>
      <c r="K27" s="292">
        <v>24</v>
      </c>
      <c r="L27" s="290">
        <v>1</v>
      </c>
      <c r="M27" s="290">
        <v>2019</v>
      </c>
      <c r="N27" s="290" t="s">
        <v>10</v>
      </c>
      <c r="O27" s="286" t="s">
        <v>733</v>
      </c>
      <c r="P27" s="286" t="s">
        <v>10</v>
      </c>
      <c r="Q27" s="286" t="s">
        <v>199</v>
      </c>
    </row>
    <row r="28" spans="1:42" s="193" customFormat="1" ht="120" customHeight="1">
      <c r="A28" s="291" t="s">
        <v>1491</v>
      </c>
      <c r="B28" s="286" t="s">
        <v>4302</v>
      </c>
      <c r="C28" s="286" t="s">
        <v>15</v>
      </c>
      <c r="D28" s="286" t="s">
        <v>2079</v>
      </c>
      <c r="E28" s="287" t="s">
        <v>2078</v>
      </c>
      <c r="F28" s="288">
        <v>39930</v>
      </c>
      <c r="G28" s="292" t="s">
        <v>4099</v>
      </c>
      <c r="H28" s="286" t="s">
        <v>10</v>
      </c>
      <c r="I28" s="1071"/>
      <c r="J28" s="289">
        <v>5</v>
      </c>
      <c r="K28" s="292">
        <v>36</v>
      </c>
      <c r="L28" s="290">
        <v>1</v>
      </c>
      <c r="M28" s="290">
        <v>2019</v>
      </c>
      <c r="N28" s="290" t="s">
        <v>10</v>
      </c>
      <c r="O28" s="286" t="s">
        <v>196</v>
      </c>
      <c r="P28" s="286" t="s">
        <v>10</v>
      </c>
      <c r="Q28" s="286"/>
    </row>
    <row r="29" spans="1:42" s="134" customFormat="1" ht="120" customHeight="1">
      <c r="A29" s="291" t="s">
        <v>1487</v>
      </c>
      <c r="B29" s="286" t="s">
        <v>4303</v>
      </c>
      <c r="C29" s="286" t="s">
        <v>179</v>
      </c>
      <c r="D29" s="286" t="s">
        <v>4304</v>
      </c>
      <c r="E29" s="287" t="s">
        <v>2077</v>
      </c>
      <c r="F29" s="288" t="s">
        <v>2076</v>
      </c>
      <c r="G29" s="288" t="s">
        <v>63</v>
      </c>
      <c r="H29" s="286" t="s">
        <v>10</v>
      </c>
      <c r="I29" s="1071"/>
      <c r="J29" s="289">
        <v>28</v>
      </c>
      <c r="K29" s="292">
        <v>56</v>
      </c>
      <c r="L29" s="290" t="s">
        <v>1069</v>
      </c>
      <c r="M29" s="290">
        <v>2014</v>
      </c>
      <c r="N29" s="290" t="s">
        <v>10</v>
      </c>
      <c r="O29" s="286" t="s">
        <v>199</v>
      </c>
      <c r="P29" s="286" t="s">
        <v>10</v>
      </c>
      <c r="Q29" s="286" t="s">
        <v>199</v>
      </c>
      <c r="R29" s="193"/>
      <c r="S29" s="193"/>
      <c r="T29" s="193"/>
      <c r="U29" s="193"/>
      <c r="V29" s="193"/>
      <c r="W29" s="193"/>
      <c r="X29" s="193"/>
      <c r="Y29" s="193"/>
      <c r="Z29" s="193"/>
      <c r="AA29" s="193"/>
      <c r="AB29" s="193"/>
      <c r="AC29" s="193"/>
      <c r="AD29" s="193"/>
      <c r="AE29" s="193"/>
      <c r="AF29" s="193"/>
      <c r="AG29" s="193"/>
      <c r="AH29" s="193"/>
      <c r="AI29" s="193"/>
      <c r="AJ29" s="193"/>
      <c r="AK29" s="193"/>
      <c r="AL29" s="193"/>
      <c r="AM29" s="193"/>
      <c r="AN29" s="193"/>
      <c r="AO29" s="193"/>
      <c r="AP29" s="193"/>
    </row>
    <row r="30" spans="1:42" s="193" customFormat="1" ht="120" customHeight="1">
      <c r="A30" s="291" t="s">
        <v>1483</v>
      </c>
      <c r="B30" s="286" t="s">
        <v>4305</v>
      </c>
      <c r="C30" s="286" t="s">
        <v>179</v>
      </c>
      <c r="D30" s="286" t="s">
        <v>2075</v>
      </c>
      <c r="E30" s="287" t="s">
        <v>2074</v>
      </c>
      <c r="F30" s="288" t="s">
        <v>2073</v>
      </c>
      <c r="G30" s="288" t="s">
        <v>63</v>
      </c>
      <c r="H30" s="286" t="s">
        <v>4165</v>
      </c>
      <c r="I30" s="1071"/>
      <c r="J30" s="289">
        <v>5</v>
      </c>
      <c r="K30" s="292">
        <v>14</v>
      </c>
      <c r="L30" s="290">
        <v>1</v>
      </c>
      <c r="M30" s="290">
        <v>2017</v>
      </c>
      <c r="N30" s="290" t="s">
        <v>10</v>
      </c>
      <c r="O30" s="286" t="s">
        <v>199</v>
      </c>
      <c r="P30" s="286" t="s">
        <v>10</v>
      </c>
      <c r="Q30" s="286" t="s">
        <v>199</v>
      </c>
    </row>
    <row r="31" spans="1:42" s="53" customFormat="1" ht="120" customHeight="1">
      <c r="A31" s="291" t="s">
        <v>1478</v>
      </c>
      <c r="B31" s="286" t="s">
        <v>4306</v>
      </c>
      <c r="C31" s="286" t="s">
        <v>179</v>
      </c>
      <c r="D31" s="286" t="s">
        <v>2072</v>
      </c>
      <c r="E31" s="287" t="s">
        <v>2071</v>
      </c>
      <c r="F31" s="288" t="s">
        <v>2070</v>
      </c>
      <c r="G31" s="288" t="s">
        <v>926</v>
      </c>
      <c r="H31" s="286" t="s">
        <v>10</v>
      </c>
      <c r="I31" s="1071"/>
      <c r="J31" s="289">
        <v>8</v>
      </c>
      <c r="K31" s="292">
        <v>16</v>
      </c>
      <c r="L31" s="290">
        <v>1</v>
      </c>
      <c r="M31" s="290">
        <v>2004</v>
      </c>
      <c r="N31" s="290" t="s">
        <v>10</v>
      </c>
      <c r="O31" s="286" t="s">
        <v>199</v>
      </c>
      <c r="P31" s="286" t="s">
        <v>10</v>
      </c>
      <c r="Q31" s="286" t="s">
        <v>199</v>
      </c>
    </row>
    <row r="32" spans="1:42" s="53" customFormat="1" ht="120" customHeight="1">
      <c r="A32" s="291" t="s">
        <v>1476</v>
      </c>
      <c r="B32" s="286" t="s">
        <v>4307</v>
      </c>
      <c r="C32" s="286" t="s">
        <v>179</v>
      </c>
      <c r="D32" s="286" t="s">
        <v>2069</v>
      </c>
      <c r="E32" s="287" t="s">
        <v>2068</v>
      </c>
      <c r="F32" s="288" t="s">
        <v>2067</v>
      </c>
      <c r="G32" s="292" t="s">
        <v>4100</v>
      </c>
      <c r="H32" s="286" t="s">
        <v>2066</v>
      </c>
      <c r="I32" s="1071"/>
      <c r="J32" s="289">
        <v>4</v>
      </c>
      <c r="K32" s="292">
        <v>16</v>
      </c>
      <c r="L32" s="290">
        <v>1</v>
      </c>
      <c r="M32" s="290">
        <v>2017</v>
      </c>
      <c r="N32" s="290" t="s">
        <v>10</v>
      </c>
      <c r="O32" s="287" t="s">
        <v>733</v>
      </c>
      <c r="P32" s="286" t="s">
        <v>10</v>
      </c>
      <c r="Q32" s="286" t="s">
        <v>199</v>
      </c>
    </row>
    <row r="33" spans="1:42" s="53" customFormat="1" ht="120" customHeight="1">
      <c r="A33" s="291" t="s">
        <v>1472</v>
      </c>
      <c r="B33" s="286" t="s">
        <v>4308</v>
      </c>
      <c r="C33" s="286" t="s">
        <v>179</v>
      </c>
      <c r="D33" s="286" t="s">
        <v>2065</v>
      </c>
      <c r="E33" s="287" t="s">
        <v>2064</v>
      </c>
      <c r="F33" s="288" t="s">
        <v>2063</v>
      </c>
      <c r="G33" s="292" t="s">
        <v>125</v>
      </c>
      <c r="H33" s="286" t="s">
        <v>10</v>
      </c>
      <c r="I33" s="1071"/>
      <c r="J33" s="289">
        <v>8</v>
      </c>
      <c r="K33" s="287">
        <v>28</v>
      </c>
      <c r="L33" s="290">
        <v>1</v>
      </c>
      <c r="M33" s="290">
        <v>2020</v>
      </c>
      <c r="N33" s="290" t="s">
        <v>10</v>
      </c>
      <c r="O33" s="286" t="s">
        <v>733</v>
      </c>
      <c r="P33" s="286"/>
      <c r="Q33" s="286" t="s">
        <v>199</v>
      </c>
    </row>
    <row r="34" spans="1:42" s="193" customFormat="1" ht="120" customHeight="1">
      <c r="A34" s="291" t="s">
        <v>1277</v>
      </c>
      <c r="B34" s="286" t="s">
        <v>4309</v>
      </c>
      <c r="C34" s="286" t="s">
        <v>179</v>
      </c>
      <c r="D34" s="286" t="s">
        <v>2062</v>
      </c>
      <c r="E34" s="287">
        <v>1001205027</v>
      </c>
      <c r="F34" s="288">
        <v>39500</v>
      </c>
      <c r="G34" s="292" t="s">
        <v>4101</v>
      </c>
      <c r="H34" s="286" t="s">
        <v>2061</v>
      </c>
      <c r="I34" s="1071"/>
      <c r="J34" s="289">
        <v>3</v>
      </c>
      <c r="K34" s="292">
        <v>9</v>
      </c>
      <c r="L34" s="290">
        <v>1</v>
      </c>
      <c r="M34" s="290">
        <v>2020</v>
      </c>
      <c r="N34" s="290" t="s">
        <v>10</v>
      </c>
      <c r="O34" s="286"/>
      <c r="P34" s="286"/>
      <c r="Q34" s="286" t="s">
        <v>199</v>
      </c>
    </row>
    <row r="35" spans="1:42" s="193" customFormat="1" ht="120" customHeight="1">
      <c r="A35" s="291" t="s">
        <v>1464</v>
      </c>
      <c r="B35" s="286" t="s">
        <v>4310</v>
      </c>
      <c r="C35" s="286" t="s">
        <v>15</v>
      </c>
      <c r="D35" s="286" t="s">
        <v>2060</v>
      </c>
      <c r="E35" s="287" t="s">
        <v>2059</v>
      </c>
      <c r="F35" s="288">
        <v>44624</v>
      </c>
      <c r="G35" s="288" t="s">
        <v>2058</v>
      </c>
      <c r="H35" s="286" t="s">
        <v>10</v>
      </c>
      <c r="I35" s="1071"/>
      <c r="J35" s="289">
        <v>2</v>
      </c>
      <c r="K35" s="287" t="s">
        <v>1042</v>
      </c>
      <c r="L35" s="290">
        <v>1</v>
      </c>
      <c r="M35" s="290">
        <v>2023</v>
      </c>
      <c r="N35" s="290" t="s">
        <v>10</v>
      </c>
      <c r="O35" s="286"/>
      <c r="P35" s="286"/>
      <c r="Q35" s="286" t="s">
        <v>199</v>
      </c>
    </row>
    <row r="36" spans="1:42" s="53" customFormat="1" ht="120" customHeight="1">
      <c r="A36" s="291" t="s">
        <v>1160</v>
      </c>
      <c r="B36" s="286" t="s">
        <v>4311</v>
      </c>
      <c r="C36" s="286" t="s">
        <v>511</v>
      </c>
      <c r="D36" s="286" t="s">
        <v>2057</v>
      </c>
      <c r="E36" s="287" t="s">
        <v>2056</v>
      </c>
      <c r="F36" s="288">
        <v>41999</v>
      </c>
      <c r="G36" s="286"/>
      <c r="H36" s="286" t="s">
        <v>10</v>
      </c>
      <c r="I36" s="1071"/>
      <c r="J36" s="289">
        <v>2</v>
      </c>
      <c r="K36" s="287" t="s">
        <v>1496</v>
      </c>
      <c r="L36" s="290">
        <v>1</v>
      </c>
      <c r="M36" s="290">
        <v>2022</v>
      </c>
      <c r="N36" s="290" t="s">
        <v>10</v>
      </c>
      <c r="O36" s="286" t="s">
        <v>196</v>
      </c>
      <c r="P36" s="286"/>
      <c r="Q36" s="286" t="s">
        <v>199</v>
      </c>
    </row>
    <row r="37" spans="1:42" s="53" customFormat="1" ht="120" customHeight="1">
      <c r="A37" s="291" t="s">
        <v>1458</v>
      </c>
      <c r="B37" s="286" t="s">
        <v>4312</v>
      </c>
      <c r="C37" s="286" t="s">
        <v>15</v>
      </c>
      <c r="D37" s="286" t="s">
        <v>2055</v>
      </c>
      <c r="E37" s="287" t="s">
        <v>2054</v>
      </c>
      <c r="F37" s="288">
        <v>45218</v>
      </c>
      <c r="G37" s="288" t="s">
        <v>63</v>
      </c>
      <c r="H37" s="286" t="s">
        <v>10</v>
      </c>
      <c r="I37" s="1071"/>
      <c r="J37" s="289">
        <v>1</v>
      </c>
      <c r="K37" s="292">
        <v>30</v>
      </c>
      <c r="L37" s="290" t="s">
        <v>1233</v>
      </c>
      <c r="M37" s="290">
        <v>2018</v>
      </c>
      <c r="N37" s="290" t="s">
        <v>10</v>
      </c>
      <c r="O37" s="286" t="s">
        <v>196</v>
      </c>
      <c r="P37" s="286" t="s">
        <v>10</v>
      </c>
      <c r="Q37" s="286" t="s">
        <v>199</v>
      </c>
    </row>
    <row r="38" spans="1:42" s="53" customFormat="1" ht="120" customHeight="1">
      <c r="A38" s="291" t="s">
        <v>1454</v>
      </c>
      <c r="B38" s="286" t="s">
        <v>4313</v>
      </c>
      <c r="C38" s="286" t="s">
        <v>15</v>
      </c>
      <c r="D38" s="286" t="s">
        <v>4314</v>
      </c>
      <c r="E38" s="287" t="s">
        <v>4315</v>
      </c>
      <c r="F38" s="288">
        <v>40787</v>
      </c>
      <c r="G38" s="288" t="s">
        <v>926</v>
      </c>
      <c r="H38" s="286" t="s">
        <v>10</v>
      </c>
      <c r="I38" s="1071"/>
      <c r="J38" s="289">
        <v>1</v>
      </c>
      <c r="K38" s="287">
        <v>5</v>
      </c>
      <c r="L38" s="290">
        <v>1</v>
      </c>
      <c r="M38" s="290">
        <v>2024</v>
      </c>
      <c r="N38" s="290" t="s">
        <v>10</v>
      </c>
      <c r="O38" s="286" t="s">
        <v>733</v>
      </c>
      <c r="P38" s="286" t="s">
        <v>10</v>
      </c>
      <c r="Q38" s="286" t="s">
        <v>199</v>
      </c>
    </row>
    <row r="39" spans="1:42" s="193" customFormat="1" ht="120" customHeight="1">
      <c r="A39" s="291" t="s">
        <v>1450</v>
      </c>
      <c r="B39" s="286" t="s">
        <v>4316</v>
      </c>
      <c r="C39" s="292" t="s">
        <v>4317</v>
      </c>
      <c r="D39" s="286" t="s">
        <v>4318</v>
      </c>
      <c r="E39" s="287" t="s">
        <v>4319</v>
      </c>
      <c r="F39" s="315">
        <v>45481</v>
      </c>
      <c r="G39" s="288" t="s">
        <v>926</v>
      </c>
      <c r="H39" s="286" t="s">
        <v>10</v>
      </c>
      <c r="I39" s="1071"/>
      <c r="J39" s="289">
        <v>1</v>
      </c>
      <c r="K39" s="287">
        <v>4</v>
      </c>
      <c r="L39" s="290">
        <v>1</v>
      </c>
      <c r="M39" s="290">
        <v>2024</v>
      </c>
      <c r="N39" s="290" t="s">
        <v>10</v>
      </c>
      <c r="O39" s="286" t="s">
        <v>733</v>
      </c>
      <c r="P39" s="286" t="s">
        <v>10</v>
      </c>
      <c r="Q39" s="286" t="s">
        <v>199</v>
      </c>
    </row>
    <row r="40" spans="1:42" s="53" customFormat="1" ht="120" customHeight="1">
      <c r="A40" s="291" t="s">
        <v>1447</v>
      </c>
      <c r="B40" s="286" t="s">
        <v>4320</v>
      </c>
      <c r="C40" s="286" t="s">
        <v>15</v>
      </c>
      <c r="D40" s="286" t="s">
        <v>4321</v>
      </c>
      <c r="E40" s="286" t="s">
        <v>4322</v>
      </c>
      <c r="F40" s="315">
        <v>43551</v>
      </c>
      <c r="G40" s="316" t="s">
        <v>4323</v>
      </c>
      <c r="H40" s="286" t="s">
        <v>10</v>
      </c>
      <c r="I40" s="1071"/>
      <c r="J40" s="289">
        <v>3</v>
      </c>
      <c r="K40" s="287">
        <v>6</v>
      </c>
      <c r="L40" s="290">
        <v>1</v>
      </c>
      <c r="M40" s="290">
        <v>2024</v>
      </c>
      <c r="N40" s="290" t="s">
        <v>10</v>
      </c>
      <c r="O40" s="286" t="s">
        <v>733</v>
      </c>
      <c r="P40" s="286" t="s">
        <v>10</v>
      </c>
      <c r="Q40" s="286" t="s">
        <v>199</v>
      </c>
    </row>
    <row r="41" spans="1:42" s="134" customFormat="1" ht="120" customHeight="1">
      <c r="A41" s="291" t="s">
        <v>1443</v>
      </c>
      <c r="B41" s="286" t="s">
        <v>4324</v>
      </c>
      <c r="C41" s="286" t="s">
        <v>15</v>
      </c>
      <c r="D41" s="286" t="s">
        <v>4325</v>
      </c>
      <c r="E41" s="287" t="s">
        <v>4326</v>
      </c>
      <c r="F41" s="288">
        <v>45124</v>
      </c>
      <c r="G41" s="286" t="s">
        <v>495</v>
      </c>
      <c r="H41" s="286" t="s">
        <v>10</v>
      </c>
      <c r="I41" s="1071"/>
      <c r="J41" s="289">
        <v>1</v>
      </c>
      <c r="K41" s="287">
        <v>3</v>
      </c>
      <c r="L41" s="290">
        <v>1</v>
      </c>
      <c r="M41" s="290">
        <v>2024</v>
      </c>
      <c r="N41" s="286" t="s">
        <v>1049</v>
      </c>
      <c r="O41" s="286" t="s">
        <v>4327</v>
      </c>
      <c r="P41" s="286" t="s">
        <v>10</v>
      </c>
      <c r="Q41" s="286" t="s">
        <v>199</v>
      </c>
      <c r="R41" s="193"/>
      <c r="S41" s="193"/>
      <c r="T41" s="193"/>
      <c r="U41" s="193"/>
      <c r="V41" s="193"/>
      <c r="W41" s="193"/>
      <c r="X41" s="193"/>
      <c r="Y41" s="193"/>
      <c r="Z41" s="193"/>
      <c r="AA41" s="193"/>
      <c r="AB41" s="193"/>
      <c r="AC41" s="193"/>
      <c r="AD41" s="193"/>
      <c r="AE41" s="193"/>
      <c r="AF41" s="193"/>
      <c r="AG41" s="193"/>
      <c r="AH41" s="193"/>
      <c r="AI41" s="193"/>
      <c r="AJ41" s="193"/>
      <c r="AK41" s="193"/>
      <c r="AL41" s="193"/>
      <c r="AM41" s="193"/>
      <c r="AN41" s="193"/>
      <c r="AO41" s="193"/>
      <c r="AP41" s="193"/>
    </row>
    <row r="42" spans="1:42" ht="15.75">
      <c r="A42" s="294"/>
      <c r="B42" s="294"/>
      <c r="C42" s="294"/>
      <c r="D42" s="294"/>
      <c r="E42" s="294"/>
      <c r="F42" s="310"/>
      <c r="G42" s="294"/>
      <c r="H42" s="294"/>
      <c r="I42" s="294"/>
      <c r="J42" s="306"/>
      <c r="K42" s="294"/>
      <c r="L42" s="311"/>
      <c r="M42" s="311"/>
      <c r="N42" s="311"/>
      <c r="O42" s="294"/>
      <c r="P42" s="294"/>
      <c r="Q42" s="294"/>
    </row>
    <row r="43" spans="1:42">
      <c r="A43" s="47"/>
      <c r="E43" s="47"/>
      <c r="G43" s="47"/>
      <c r="K43" s="52"/>
    </row>
    <row r="44" spans="1:42">
      <c r="A44" s="47"/>
      <c r="E44" s="47"/>
      <c r="G44" s="47"/>
    </row>
    <row r="45" spans="1:42">
      <c r="A45" s="47"/>
      <c r="E45" s="47"/>
      <c r="G45" s="47"/>
    </row>
    <row r="46" spans="1:42">
      <c r="A46" s="47"/>
      <c r="E46" s="47"/>
      <c r="G46" s="47"/>
    </row>
    <row r="47" spans="1:42">
      <c r="A47" s="47"/>
      <c r="E47" s="47"/>
      <c r="G47" s="47"/>
    </row>
    <row r="48" spans="1:42">
      <c r="A48" s="47"/>
      <c r="E48" s="47"/>
      <c r="G48" s="47"/>
    </row>
    <row r="49" spans="1:7">
      <c r="A49" s="47"/>
      <c r="E49" s="47"/>
      <c r="G49" s="47"/>
    </row>
    <row r="50" spans="1:7">
      <c r="A50" s="47"/>
      <c r="E50" s="47"/>
      <c r="G50" s="47"/>
    </row>
    <row r="51" spans="1:7">
      <c r="A51" s="47"/>
      <c r="E51" s="47"/>
      <c r="G51" s="47"/>
    </row>
    <row r="52" spans="1:7">
      <c r="A52" s="47"/>
      <c r="E52" s="47"/>
      <c r="G52" s="47"/>
    </row>
    <row r="53" spans="1:7">
      <c r="A53" s="47"/>
      <c r="E53" s="47"/>
      <c r="G53" s="47"/>
    </row>
    <row r="54" spans="1:7">
      <c r="A54" s="47"/>
      <c r="E54" s="47"/>
      <c r="G54" s="47"/>
    </row>
    <row r="55" spans="1:7">
      <c r="A55" s="47"/>
      <c r="E55" s="47"/>
      <c r="G55" s="47"/>
    </row>
    <row r="56" spans="1:7">
      <c r="A56" s="47"/>
      <c r="E56" s="47"/>
      <c r="G56" s="47"/>
    </row>
    <row r="57" spans="1:7">
      <c r="A57" s="47"/>
      <c r="E57" s="47"/>
      <c r="G57" s="47"/>
    </row>
    <row r="58" spans="1:7">
      <c r="A58" s="47"/>
      <c r="E58" s="47"/>
      <c r="G58" s="47"/>
    </row>
    <row r="59" spans="1:7">
      <c r="A59" s="47"/>
      <c r="E59" s="47"/>
      <c r="G59" s="47"/>
    </row>
    <row r="60" spans="1:7">
      <c r="A60" s="47"/>
      <c r="E60" s="47"/>
      <c r="G60" s="47"/>
    </row>
    <row r="61" spans="1:7">
      <c r="A61" s="47"/>
      <c r="E61" s="47"/>
      <c r="G61" s="47"/>
    </row>
    <row r="62" spans="1:7">
      <c r="A62" s="47"/>
      <c r="E62" s="47"/>
      <c r="G62" s="47"/>
    </row>
    <row r="63" spans="1:7">
      <c r="A63" s="47"/>
      <c r="E63" s="47"/>
      <c r="G63" s="47"/>
    </row>
    <row r="64" spans="1:7">
      <c r="A64" s="47"/>
      <c r="E64" s="47"/>
      <c r="G64" s="47"/>
    </row>
    <row r="65" spans="1:7">
      <c r="A65" s="47"/>
      <c r="E65" s="47"/>
      <c r="G65" s="47"/>
    </row>
    <row r="66" spans="1:7">
      <c r="A66" s="47"/>
      <c r="E66" s="47"/>
      <c r="G66" s="47"/>
    </row>
    <row r="67" spans="1:7">
      <c r="A67" s="47"/>
      <c r="E67" s="47"/>
      <c r="G67" s="47"/>
    </row>
    <row r="68" spans="1:7">
      <c r="A68" s="47"/>
      <c r="E68" s="47"/>
      <c r="G68" s="47"/>
    </row>
    <row r="69" spans="1:7">
      <c r="A69" s="47"/>
      <c r="E69" s="47"/>
      <c r="G69" s="47"/>
    </row>
    <row r="70" spans="1:7">
      <c r="A70" s="47"/>
      <c r="E70" s="47"/>
      <c r="G70" s="47"/>
    </row>
    <row r="71" spans="1:7">
      <c r="A71" s="47"/>
      <c r="E71" s="47"/>
      <c r="G71" s="47"/>
    </row>
    <row r="72" spans="1:7">
      <c r="A72" s="47"/>
      <c r="E72" s="47"/>
      <c r="G72" s="47"/>
    </row>
    <row r="73" spans="1:7">
      <c r="A73" s="47"/>
      <c r="E73" s="47"/>
      <c r="G73" s="47"/>
    </row>
    <row r="74" spans="1:7">
      <c r="A74" s="47"/>
      <c r="E74" s="47"/>
      <c r="G74" s="47"/>
    </row>
    <row r="75" spans="1:7">
      <c r="A75" s="47"/>
      <c r="E75" s="47"/>
      <c r="G75" s="47"/>
    </row>
    <row r="76" spans="1:7">
      <c r="A76" s="47"/>
      <c r="E76" s="47"/>
      <c r="G76" s="47"/>
    </row>
    <row r="77" spans="1:7">
      <c r="A77" s="47"/>
      <c r="E77" s="47"/>
      <c r="G77" s="47"/>
    </row>
    <row r="78" spans="1:7">
      <c r="A78" s="47"/>
      <c r="E78" s="47"/>
      <c r="G78" s="47"/>
    </row>
    <row r="79" spans="1:7">
      <c r="A79" s="47"/>
      <c r="E79" s="47"/>
      <c r="G79" s="47"/>
    </row>
    <row r="80" spans="1:7">
      <c r="A80" s="47"/>
      <c r="E80" s="47"/>
      <c r="G80" s="47"/>
    </row>
    <row r="81" spans="1:7">
      <c r="A81" s="47"/>
      <c r="E81" s="47"/>
      <c r="G81" s="47"/>
    </row>
    <row r="82" spans="1:7">
      <c r="A82" s="47"/>
      <c r="E82" s="47"/>
      <c r="G82" s="47"/>
    </row>
    <row r="83" spans="1:7">
      <c r="A83" s="47"/>
      <c r="E83" s="47"/>
      <c r="G83" s="47"/>
    </row>
    <row r="84" spans="1:7">
      <c r="A84" s="47"/>
      <c r="E84" s="47"/>
      <c r="G84" s="47"/>
    </row>
    <row r="85" spans="1:7">
      <c r="A85" s="47"/>
      <c r="E85" s="47"/>
      <c r="G85" s="47"/>
    </row>
  </sheetData>
  <mergeCells count="5">
    <mergeCell ref="E7:F7"/>
    <mergeCell ref="B1:O1"/>
    <mergeCell ref="B9:Q9"/>
    <mergeCell ref="B11:Q11"/>
    <mergeCell ref="B12:Q12"/>
  </mergeCells>
  <pageMargins left="0.7" right="0.7" top="0.75" bottom="0.75" header="0.3" footer="0.3"/>
  <pageSetup paperSize="9" scale="58" fitToHeight="0" orientation="landscape" r:id="rId1"/>
</worksheet>
</file>

<file path=xl/worksheets/sheet7.xml><?xml version="1.0" encoding="utf-8"?>
<worksheet xmlns="http://schemas.openxmlformats.org/spreadsheetml/2006/main" xmlns:r="http://schemas.openxmlformats.org/officeDocument/2006/relationships">
  <sheetPr>
    <tabColor theme="0"/>
    <pageSetUpPr fitToPage="1"/>
  </sheetPr>
  <dimension ref="A1:XDF47"/>
  <sheetViews>
    <sheetView topLeftCell="A4" zoomScaleNormal="100" workbookViewId="0">
      <selection activeCell="H11" sqref="H11"/>
    </sheetView>
  </sheetViews>
  <sheetFormatPr defaultColWidth="9.140625" defaultRowHeight="15"/>
  <cols>
    <col min="1" max="1" width="6.7109375" style="69" customWidth="1"/>
    <col min="2" max="2" width="23.42578125" style="71" customWidth="1"/>
    <col min="3" max="3" width="9.7109375" style="81" customWidth="1"/>
    <col min="4" max="4" width="18.5703125" style="71" customWidth="1"/>
    <col min="5" max="5" width="15.5703125" style="82" customWidth="1"/>
    <col min="6" max="6" width="13.85546875" style="81" customWidth="1"/>
    <col min="7" max="7" width="16.85546875" style="83" customWidth="1"/>
    <col min="8" max="9" width="15.7109375" style="69" customWidth="1"/>
    <col min="10" max="10" width="13" style="81" customWidth="1"/>
    <col min="11" max="11" width="13.42578125" style="81" customWidth="1"/>
    <col min="12" max="12" width="12.28515625" style="81" customWidth="1"/>
    <col min="13" max="13" width="11.42578125" style="81" customWidth="1"/>
    <col min="14" max="14" width="17.5703125" style="81" customWidth="1"/>
    <col min="15" max="15" width="23.28515625" style="69" customWidth="1"/>
    <col min="16" max="16" width="14.5703125" style="83" customWidth="1"/>
    <col min="17" max="17" width="18.42578125" style="83" customWidth="1"/>
    <col min="18" max="16384" width="9.140625" style="83"/>
  </cols>
  <sheetData>
    <row r="1" spans="1:18" s="273" customFormat="1" ht="31.5" customHeight="1">
      <c r="A1" s="1150" t="s">
        <v>3798</v>
      </c>
      <c r="B1" s="1150"/>
      <c r="C1" s="1150"/>
      <c r="D1" s="1150"/>
      <c r="E1" s="1150"/>
      <c r="F1" s="1150"/>
      <c r="G1" s="1150"/>
      <c r="H1" s="1150"/>
      <c r="I1" s="1150"/>
      <c r="J1" s="1150"/>
      <c r="K1" s="1150"/>
      <c r="L1" s="1150"/>
      <c r="M1" s="1150"/>
      <c r="N1" s="1150"/>
      <c r="O1" s="1150"/>
      <c r="P1" s="245"/>
      <c r="Q1" s="245"/>
    </row>
    <row r="2" spans="1:18" s="273" customFormat="1" ht="79.5" customHeight="1">
      <c r="A2" s="246" t="s">
        <v>173</v>
      </c>
      <c r="B2" s="247" t="s">
        <v>186</v>
      </c>
      <c r="C2" s="247" t="s">
        <v>184</v>
      </c>
      <c r="D2" s="245"/>
      <c r="E2" s="247" t="s">
        <v>185</v>
      </c>
      <c r="F2" s="247" t="s">
        <v>184</v>
      </c>
      <c r="G2" s="245"/>
      <c r="H2" s="248"/>
      <c r="I2" s="248"/>
      <c r="J2" s="245"/>
      <c r="K2" s="248"/>
      <c r="L2" s="248"/>
      <c r="M2" s="248"/>
      <c r="N2" s="248"/>
      <c r="O2" s="248"/>
      <c r="P2" s="248"/>
      <c r="Q2" s="245"/>
    </row>
    <row r="3" spans="1:18" s="273" customFormat="1" ht="45.75" customHeight="1">
      <c r="A3" s="249"/>
      <c r="B3" s="247" t="s">
        <v>183</v>
      </c>
      <c r="C3" s="247">
        <f>SUM(C4:C5)</f>
        <v>24</v>
      </c>
      <c r="D3" s="245"/>
      <c r="E3" s="247" t="s">
        <v>182</v>
      </c>
      <c r="F3" s="250">
        <f>SUM(F4:F7)</f>
        <v>23</v>
      </c>
      <c r="G3" s="245"/>
      <c r="H3" s="248"/>
      <c r="I3" s="248"/>
      <c r="J3" s="245"/>
      <c r="K3" s="248"/>
      <c r="L3" s="248"/>
      <c r="M3" s="248"/>
      <c r="N3" s="248"/>
      <c r="O3" s="248"/>
      <c r="P3" s="248"/>
      <c r="Q3" s="245"/>
    </row>
    <row r="4" spans="1:18" s="273" customFormat="1" ht="42" customHeight="1">
      <c r="A4" s="249" t="s">
        <v>181</v>
      </c>
      <c r="B4" s="251" t="s">
        <v>180</v>
      </c>
      <c r="C4" s="251">
        <v>23</v>
      </c>
      <c r="D4" s="245"/>
      <c r="E4" s="251" t="s">
        <v>179</v>
      </c>
      <c r="F4" s="252">
        <v>3</v>
      </c>
      <c r="G4" s="245"/>
      <c r="H4" s="248"/>
      <c r="I4" s="248"/>
      <c r="J4" s="245"/>
      <c r="K4" s="248"/>
      <c r="L4" s="248"/>
      <c r="M4" s="248"/>
      <c r="N4" s="248"/>
      <c r="O4" s="248"/>
      <c r="P4" s="248"/>
      <c r="Q4" s="245"/>
    </row>
    <row r="5" spans="1:18" s="273" customFormat="1" ht="44.25" customHeight="1">
      <c r="A5" s="249" t="s">
        <v>178</v>
      </c>
      <c r="B5" s="251" t="s">
        <v>177</v>
      </c>
      <c r="C5" s="251">
        <v>1</v>
      </c>
      <c r="D5" s="245"/>
      <c r="E5" s="251" t="s">
        <v>15</v>
      </c>
      <c r="F5" s="252">
        <v>12</v>
      </c>
      <c r="G5" s="245"/>
      <c r="H5" s="248"/>
      <c r="I5" s="248"/>
      <c r="J5" s="245"/>
      <c r="K5" s="248"/>
      <c r="L5" s="248"/>
      <c r="M5" s="248"/>
      <c r="N5" s="248"/>
      <c r="O5" s="248"/>
      <c r="P5" s="248"/>
      <c r="Q5" s="245"/>
    </row>
    <row r="6" spans="1:18" s="273" customFormat="1" ht="23.25" customHeight="1">
      <c r="A6" s="253"/>
      <c r="B6" s="245"/>
      <c r="C6" s="245"/>
      <c r="D6" s="245"/>
      <c r="E6" s="251" t="s">
        <v>27</v>
      </c>
      <c r="F6" s="252">
        <v>8</v>
      </c>
      <c r="G6" s="245"/>
      <c r="H6" s="248"/>
      <c r="I6" s="248"/>
      <c r="J6" s="245"/>
      <c r="K6" s="248"/>
      <c r="L6" s="248"/>
      <c r="M6" s="248"/>
      <c r="N6" s="248"/>
      <c r="O6" s="248"/>
      <c r="P6" s="248"/>
      <c r="Q6" s="245"/>
    </row>
    <row r="7" spans="1:18" s="273" customFormat="1" ht="56.25" customHeight="1">
      <c r="A7" s="253"/>
      <c r="B7" s="245"/>
      <c r="C7" s="245"/>
      <c r="D7" s="245"/>
      <c r="E7" s="251" t="s">
        <v>176</v>
      </c>
      <c r="F7" s="252">
        <v>0</v>
      </c>
      <c r="G7" s="245" t="s">
        <v>4199</v>
      </c>
      <c r="H7" s="248"/>
      <c r="I7" s="248"/>
      <c r="J7" s="245"/>
      <c r="K7" s="248"/>
      <c r="L7" s="248"/>
      <c r="M7" s="248"/>
      <c r="N7" s="248"/>
      <c r="O7" s="248"/>
      <c r="P7" s="248"/>
      <c r="Q7" s="245"/>
    </row>
    <row r="8" spans="1:18" s="273" customFormat="1" ht="63.75" customHeight="1">
      <c r="A8" s="253"/>
      <c r="B8" s="245"/>
      <c r="C8" s="245"/>
      <c r="D8" s="245"/>
      <c r="E8" s="1151" t="s">
        <v>175</v>
      </c>
      <c r="F8" s="1152"/>
      <c r="G8" s="245"/>
      <c r="H8" s="250">
        <v>3</v>
      </c>
      <c r="I8" s="786"/>
      <c r="J8" s="254">
        <f>SUM(J15:J37)</f>
        <v>79</v>
      </c>
      <c r="K8" s="255">
        <f>SUM(K15:K37)</f>
        <v>259</v>
      </c>
      <c r="L8" s="248"/>
      <c r="M8" s="248"/>
      <c r="N8" s="248"/>
      <c r="O8" s="248"/>
      <c r="P8" s="248"/>
      <c r="Q8" s="245"/>
    </row>
    <row r="9" spans="1:18" s="278" customFormat="1" ht="15.75">
      <c r="A9" s="256"/>
      <c r="B9" s="245">
        <v>5</v>
      </c>
      <c r="C9" s="257"/>
      <c r="D9" s="245"/>
      <c r="E9" s="258"/>
      <c r="F9" s="257"/>
      <c r="G9" s="259"/>
      <c r="H9" s="256"/>
      <c r="I9" s="256"/>
      <c r="J9" s="257"/>
      <c r="K9" s="257"/>
      <c r="L9" s="257"/>
      <c r="M9" s="257"/>
      <c r="N9" s="257"/>
      <c r="O9" s="256"/>
      <c r="P9" s="259"/>
      <c r="Q9" s="259"/>
    </row>
    <row r="10" spans="1:18" s="278" customFormat="1" ht="18.75" customHeight="1">
      <c r="A10" s="260"/>
      <c r="B10" s="1168" t="s">
        <v>174</v>
      </c>
      <c r="C10" s="1168"/>
      <c r="D10" s="1168"/>
      <c r="E10" s="1168"/>
      <c r="F10" s="1168"/>
      <c r="G10" s="1168"/>
      <c r="H10" s="1169"/>
      <c r="I10" s="1170"/>
      <c r="J10" s="1169"/>
      <c r="K10" s="1169"/>
      <c r="L10" s="1169"/>
      <c r="M10" s="1169"/>
      <c r="N10" s="1169"/>
      <c r="O10" s="1169"/>
      <c r="P10" s="1169"/>
      <c r="Q10" s="1169"/>
    </row>
    <row r="11" spans="1:18" s="278" customFormat="1" ht="109.5" customHeight="1">
      <c r="A11" s="262" t="s">
        <v>173</v>
      </c>
      <c r="B11" s="263" t="s">
        <v>172</v>
      </c>
      <c r="C11" s="263" t="s">
        <v>171</v>
      </c>
      <c r="D11" s="263" t="s">
        <v>170</v>
      </c>
      <c r="E11" s="249" t="s">
        <v>2109</v>
      </c>
      <c r="F11" s="249" t="s">
        <v>168</v>
      </c>
      <c r="G11" s="251" t="s">
        <v>167</v>
      </c>
      <c r="H11" s="1064" t="s">
        <v>5073</v>
      </c>
      <c r="I11" s="1065" t="s">
        <v>5075</v>
      </c>
      <c r="J11" s="263" t="s">
        <v>166</v>
      </c>
      <c r="K11" s="263" t="s">
        <v>165</v>
      </c>
      <c r="L11" s="264" t="s">
        <v>164</v>
      </c>
      <c r="M11" s="251" t="s">
        <v>163</v>
      </c>
      <c r="N11" s="251" t="s">
        <v>162</v>
      </c>
      <c r="O11" s="263" t="s">
        <v>161</v>
      </c>
      <c r="P11" s="263" t="s">
        <v>160</v>
      </c>
      <c r="Q11" s="263" t="s">
        <v>159</v>
      </c>
    </row>
    <row r="12" spans="1:18" s="278" customFormat="1" ht="15.75">
      <c r="A12" s="260"/>
      <c r="B12" s="1171" t="s">
        <v>3799</v>
      </c>
      <c r="C12" s="1171"/>
      <c r="D12" s="1171"/>
      <c r="E12" s="1171"/>
      <c r="F12" s="1171"/>
      <c r="G12" s="1171"/>
      <c r="H12" s="1169"/>
      <c r="I12" s="1170"/>
      <c r="J12" s="1169"/>
      <c r="K12" s="1169"/>
      <c r="L12" s="1169"/>
      <c r="M12" s="1169"/>
      <c r="N12" s="1169"/>
      <c r="O12" s="1169"/>
      <c r="P12" s="1169"/>
      <c r="Q12" s="1169"/>
    </row>
    <row r="13" spans="1:18" s="278" customFormat="1" ht="15" customHeight="1">
      <c r="A13" s="260"/>
      <c r="B13" s="1171" t="s">
        <v>157</v>
      </c>
      <c r="C13" s="1169"/>
      <c r="D13" s="1169"/>
      <c r="E13" s="1169"/>
      <c r="F13" s="1169"/>
      <c r="G13" s="1169"/>
      <c r="H13" s="1169"/>
      <c r="I13" s="1170"/>
      <c r="J13" s="1169"/>
      <c r="K13" s="1169"/>
      <c r="L13" s="1169"/>
      <c r="M13" s="1169"/>
      <c r="N13" s="1169"/>
      <c r="O13" s="1169"/>
      <c r="P13" s="1169"/>
      <c r="Q13" s="1169"/>
    </row>
    <row r="14" spans="1:18" s="278" customFormat="1" ht="15.75">
      <c r="A14" s="260">
        <v>1</v>
      </c>
      <c r="B14" s="251">
        <v>2</v>
      </c>
      <c r="C14" s="260">
        <v>3</v>
      </c>
      <c r="D14" s="251">
        <v>4</v>
      </c>
      <c r="E14" s="262">
        <v>5</v>
      </c>
      <c r="F14" s="260">
        <v>6</v>
      </c>
      <c r="G14" s="260">
        <v>7</v>
      </c>
      <c r="H14" s="260">
        <v>8</v>
      </c>
      <c r="I14" s="1073"/>
      <c r="J14" s="260">
        <v>9</v>
      </c>
      <c r="K14" s="260">
        <v>10</v>
      </c>
      <c r="L14" s="260">
        <v>11</v>
      </c>
      <c r="M14" s="260"/>
      <c r="N14" s="260"/>
      <c r="O14" s="260">
        <v>12</v>
      </c>
      <c r="P14" s="260">
        <v>13</v>
      </c>
      <c r="Q14" s="260">
        <v>14</v>
      </c>
    </row>
    <row r="15" spans="1:18" s="278" customFormat="1" ht="211.5" customHeight="1">
      <c r="A15" s="861">
        <v>1</v>
      </c>
      <c r="B15" s="947" t="s">
        <v>3800</v>
      </c>
      <c r="C15" s="948" t="s">
        <v>15</v>
      </c>
      <c r="D15" s="947" t="s">
        <v>3801</v>
      </c>
      <c r="E15" s="949" t="s">
        <v>3802</v>
      </c>
      <c r="F15" s="950">
        <v>38191</v>
      </c>
      <c r="G15" s="951" t="s">
        <v>63</v>
      </c>
      <c r="H15" s="947" t="s">
        <v>4198</v>
      </c>
      <c r="I15" s="947"/>
      <c r="J15" s="952">
        <v>12</v>
      </c>
      <c r="K15" s="953">
        <v>29</v>
      </c>
      <c r="L15" s="947">
        <v>3</v>
      </c>
      <c r="M15" s="947">
        <v>2006</v>
      </c>
      <c r="N15" s="947" t="s">
        <v>3803</v>
      </c>
      <c r="O15" s="947" t="s">
        <v>3804</v>
      </c>
      <c r="P15" s="954" t="s">
        <v>3805</v>
      </c>
      <c r="Q15" s="954" t="s">
        <v>3806</v>
      </c>
      <c r="R15" s="279"/>
    </row>
    <row r="16" spans="1:18" s="278" customFormat="1" ht="120" customHeight="1">
      <c r="A16" s="861">
        <v>2</v>
      </c>
      <c r="B16" s="947" t="s">
        <v>3807</v>
      </c>
      <c r="C16" s="948" t="s">
        <v>15</v>
      </c>
      <c r="D16" s="947" t="s">
        <v>3801</v>
      </c>
      <c r="E16" s="949" t="s">
        <v>3802</v>
      </c>
      <c r="F16" s="950">
        <v>38191</v>
      </c>
      <c r="G16" s="951" t="s">
        <v>63</v>
      </c>
      <c r="H16" s="947" t="s">
        <v>10</v>
      </c>
      <c r="I16" s="947"/>
      <c r="J16" s="952">
        <v>3</v>
      </c>
      <c r="K16" s="953">
        <v>6</v>
      </c>
      <c r="L16" s="947">
        <v>1</v>
      </c>
      <c r="M16" s="947">
        <v>2018</v>
      </c>
      <c r="N16" s="947" t="s">
        <v>3803</v>
      </c>
      <c r="O16" s="947" t="s">
        <v>3808</v>
      </c>
      <c r="P16" s="954" t="s">
        <v>3805</v>
      </c>
      <c r="Q16" s="954"/>
      <c r="R16" s="279"/>
    </row>
    <row r="17" spans="1:16334" s="278" customFormat="1" ht="120" customHeight="1">
      <c r="A17" s="861">
        <v>3</v>
      </c>
      <c r="B17" s="947" t="s">
        <v>3809</v>
      </c>
      <c r="C17" s="948" t="s">
        <v>15</v>
      </c>
      <c r="D17" s="947" t="s">
        <v>3801</v>
      </c>
      <c r="E17" s="949" t="s">
        <v>3802</v>
      </c>
      <c r="F17" s="950">
        <v>38191</v>
      </c>
      <c r="G17" s="951" t="s">
        <v>63</v>
      </c>
      <c r="H17" s="947" t="s">
        <v>10</v>
      </c>
      <c r="I17" s="947"/>
      <c r="J17" s="952"/>
      <c r="K17" s="953"/>
      <c r="L17" s="947"/>
      <c r="M17" s="947"/>
      <c r="N17" s="947"/>
      <c r="O17" s="947"/>
      <c r="P17" s="954"/>
      <c r="Q17" s="954"/>
      <c r="R17" s="279"/>
    </row>
    <row r="18" spans="1:16334" s="278" customFormat="1" ht="120" customHeight="1">
      <c r="A18" s="861">
        <v>4</v>
      </c>
      <c r="B18" s="947" t="s">
        <v>3810</v>
      </c>
      <c r="C18" s="948" t="s">
        <v>15</v>
      </c>
      <c r="D18" s="947" t="s">
        <v>3801</v>
      </c>
      <c r="E18" s="949" t="s">
        <v>3802</v>
      </c>
      <c r="F18" s="950">
        <v>38191</v>
      </c>
      <c r="G18" s="951" t="s">
        <v>63</v>
      </c>
      <c r="H18" s="947" t="s">
        <v>10</v>
      </c>
      <c r="I18" s="947"/>
      <c r="J18" s="952"/>
      <c r="K18" s="953"/>
      <c r="L18" s="947"/>
      <c r="M18" s="947"/>
      <c r="N18" s="947"/>
      <c r="O18" s="947"/>
      <c r="P18" s="954"/>
      <c r="Q18" s="954"/>
      <c r="R18" s="279"/>
    </row>
    <row r="19" spans="1:16334" s="278" customFormat="1" ht="120" customHeight="1">
      <c r="A19" s="861">
        <v>5</v>
      </c>
      <c r="B19" s="947" t="s">
        <v>3811</v>
      </c>
      <c r="C19" s="948" t="s">
        <v>15</v>
      </c>
      <c r="D19" s="947" t="s">
        <v>3801</v>
      </c>
      <c r="E19" s="949" t="s">
        <v>3802</v>
      </c>
      <c r="F19" s="950">
        <v>38191</v>
      </c>
      <c r="G19" s="951" t="s">
        <v>63</v>
      </c>
      <c r="H19" s="947" t="s">
        <v>10</v>
      </c>
      <c r="I19" s="947"/>
      <c r="J19" s="952"/>
      <c r="K19" s="953"/>
      <c r="L19" s="947"/>
      <c r="M19" s="947"/>
      <c r="N19" s="947"/>
      <c r="O19" s="947"/>
      <c r="P19" s="954"/>
      <c r="Q19" s="954"/>
      <c r="R19" s="279"/>
    </row>
    <row r="20" spans="1:16334" s="278" customFormat="1" ht="120" customHeight="1">
      <c r="A20" s="861">
        <v>6</v>
      </c>
      <c r="B20" s="947" t="s">
        <v>3812</v>
      </c>
      <c r="C20" s="948" t="s">
        <v>15</v>
      </c>
      <c r="D20" s="947" t="s">
        <v>3801</v>
      </c>
      <c r="E20" s="949" t="s">
        <v>3802</v>
      </c>
      <c r="F20" s="950">
        <v>38191</v>
      </c>
      <c r="G20" s="951" t="s">
        <v>63</v>
      </c>
      <c r="H20" s="947" t="s">
        <v>10</v>
      </c>
      <c r="I20" s="947"/>
      <c r="J20" s="952"/>
      <c r="K20" s="953"/>
      <c r="L20" s="947"/>
      <c r="M20" s="947"/>
      <c r="N20" s="947"/>
      <c r="O20" s="947"/>
      <c r="P20" s="954"/>
      <c r="Q20" s="954"/>
      <c r="R20" s="279"/>
    </row>
    <row r="21" spans="1:16334" s="278" customFormat="1" ht="120" customHeight="1">
      <c r="A21" s="861">
        <v>7</v>
      </c>
      <c r="B21" s="947" t="s">
        <v>3813</v>
      </c>
      <c r="C21" s="948" t="s">
        <v>15</v>
      </c>
      <c r="D21" s="947" t="s">
        <v>3801</v>
      </c>
      <c r="E21" s="949" t="s">
        <v>3802</v>
      </c>
      <c r="F21" s="950">
        <v>38191</v>
      </c>
      <c r="G21" s="951" t="s">
        <v>63</v>
      </c>
      <c r="H21" s="947" t="s">
        <v>10</v>
      </c>
      <c r="I21" s="947"/>
      <c r="J21" s="947">
        <v>1</v>
      </c>
      <c r="K21" s="947">
        <v>6</v>
      </c>
      <c r="L21" s="947">
        <v>1</v>
      </c>
      <c r="M21" s="947">
        <v>2019</v>
      </c>
      <c r="N21" s="947" t="s">
        <v>10</v>
      </c>
      <c r="O21" s="947" t="s">
        <v>3814</v>
      </c>
      <c r="P21" s="959" t="s">
        <v>3815</v>
      </c>
      <c r="Q21" s="959"/>
      <c r="R21" s="280"/>
      <c r="S21" s="280"/>
      <c r="T21" s="280"/>
      <c r="U21" s="280"/>
      <c r="V21" s="280"/>
      <c r="W21" s="280"/>
      <c r="X21" s="280"/>
      <c r="Y21" s="280"/>
      <c r="Z21" s="280"/>
      <c r="AA21" s="280"/>
      <c r="AB21" s="280"/>
      <c r="AC21" s="280"/>
      <c r="AD21" s="280"/>
      <c r="AE21" s="280"/>
      <c r="AF21" s="280"/>
      <c r="AG21" s="280"/>
      <c r="AH21" s="280"/>
      <c r="AI21" s="280"/>
      <c r="AJ21" s="280"/>
      <c r="AK21" s="280"/>
      <c r="AL21" s="280"/>
      <c r="AM21" s="280"/>
      <c r="AN21" s="280"/>
      <c r="AO21" s="280"/>
      <c r="AP21" s="280"/>
      <c r="AQ21" s="280"/>
      <c r="AR21" s="280"/>
      <c r="AS21" s="280"/>
      <c r="AT21" s="280"/>
      <c r="AU21" s="280"/>
      <c r="AV21" s="280"/>
      <c r="AW21" s="280"/>
      <c r="AX21" s="280"/>
      <c r="AY21" s="280"/>
      <c r="AZ21" s="280"/>
      <c r="BA21" s="280"/>
      <c r="BB21" s="280"/>
      <c r="BC21" s="280"/>
      <c r="BD21" s="280"/>
      <c r="BE21" s="280"/>
      <c r="BF21" s="280"/>
      <c r="BG21" s="280"/>
      <c r="BH21" s="280"/>
      <c r="BI21" s="280"/>
      <c r="BJ21" s="280"/>
      <c r="BK21" s="280"/>
      <c r="BL21" s="280"/>
      <c r="BM21" s="280"/>
      <c r="BN21" s="280"/>
      <c r="BO21" s="280"/>
      <c r="BP21" s="280"/>
      <c r="BQ21" s="280"/>
      <c r="BR21" s="280"/>
      <c r="BS21" s="280"/>
      <c r="BT21" s="280"/>
      <c r="BU21" s="280"/>
      <c r="BV21" s="281" t="s">
        <v>3816</v>
      </c>
      <c r="BW21" s="282" t="s">
        <v>3816</v>
      </c>
      <c r="BX21" s="282" t="s">
        <v>3816</v>
      </c>
      <c r="BY21" s="282" t="s">
        <v>3816</v>
      </c>
      <c r="BZ21" s="282" t="s">
        <v>3816</v>
      </c>
      <c r="CA21" s="282" t="s">
        <v>3816</v>
      </c>
      <c r="CB21" s="282" t="s">
        <v>3816</v>
      </c>
      <c r="CC21" s="282" t="s">
        <v>3816</v>
      </c>
      <c r="CD21" s="282" t="s">
        <v>3816</v>
      </c>
      <c r="CE21" s="282" t="s">
        <v>3816</v>
      </c>
      <c r="CF21" s="282" t="s">
        <v>3816</v>
      </c>
      <c r="CG21" s="282" t="s">
        <v>3816</v>
      </c>
      <c r="CH21" s="282" t="s">
        <v>3816</v>
      </c>
      <c r="CI21" s="282" t="s">
        <v>3816</v>
      </c>
      <c r="CJ21" s="282" t="s">
        <v>3816</v>
      </c>
      <c r="CK21" s="282" t="s">
        <v>3816</v>
      </c>
      <c r="CL21" s="282" t="s">
        <v>3816</v>
      </c>
      <c r="CM21" s="282" t="s">
        <v>3816</v>
      </c>
      <c r="CN21" s="282" t="s">
        <v>3816</v>
      </c>
      <c r="CO21" s="282" t="s">
        <v>3816</v>
      </c>
      <c r="CP21" s="282" t="s">
        <v>3816</v>
      </c>
      <c r="CQ21" s="282" t="s">
        <v>3816</v>
      </c>
      <c r="CR21" s="282" t="s">
        <v>3816</v>
      </c>
      <c r="CS21" s="282" t="s">
        <v>3816</v>
      </c>
      <c r="CT21" s="282" t="s">
        <v>3816</v>
      </c>
      <c r="CU21" s="282" t="s">
        <v>3816</v>
      </c>
      <c r="CV21" s="282" t="s">
        <v>3816</v>
      </c>
      <c r="CW21" s="282" t="s">
        <v>3816</v>
      </c>
      <c r="CX21" s="282" t="s">
        <v>3816</v>
      </c>
      <c r="CY21" s="282" t="s">
        <v>3816</v>
      </c>
      <c r="CZ21" s="282" t="s">
        <v>3816</v>
      </c>
      <c r="DA21" s="282" t="s">
        <v>3816</v>
      </c>
      <c r="DB21" s="282" t="s">
        <v>3816</v>
      </c>
      <c r="DC21" s="282" t="s">
        <v>3816</v>
      </c>
      <c r="DD21" s="282" t="s">
        <v>3816</v>
      </c>
      <c r="DE21" s="282" t="s">
        <v>3816</v>
      </c>
      <c r="DF21" s="282" t="s">
        <v>3816</v>
      </c>
      <c r="DG21" s="282" t="s">
        <v>3816</v>
      </c>
      <c r="DH21" s="282" t="s">
        <v>3816</v>
      </c>
      <c r="DI21" s="282" t="s">
        <v>3816</v>
      </c>
      <c r="DJ21" s="282" t="s">
        <v>3816</v>
      </c>
      <c r="DK21" s="282" t="s">
        <v>3816</v>
      </c>
      <c r="DL21" s="282" t="s">
        <v>3816</v>
      </c>
      <c r="DM21" s="282" t="s">
        <v>3816</v>
      </c>
      <c r="DN21" s="282" t="s">
        <v>3816</v>
      </c>
      <c r="DO21" s="282" t="s">
        <v>3816</v>
      </c>
      <c r="DP21" s="282" t="s">
        <v>3816</v>
      </c>
      <c r="DQ21" s="282" t="s">
        <v>3816</v>
      </c>
      <c r="DR21" s="282" t="s">
        <v>3816</v>
      </c>
      <c r="DS21" s="282" t="s">
        <v>3816</v>
      </c>
      <c r="DT21" s="282" t="s">
        <v>3816</v>
      </c>
      <c r="DU21" s="282" t="s">
        <v>3816</v>
      </c>
      <c r="DV21" s="282" t="s">
        <v>3816</v>
      </c>
      <c r="DW21" s="282" t="s">
        <v>3816</v>
      </c>
      <c r="DX21" s="282" t="s">
        <v>3816</v>
      </c>
      <c r="DY21" s="282" t="s">
        <v>3816</v>
      </c>
      <c r="DZ21" s="282" t="s">
        <v>3816</v>
      </c>
      <c r="EA21" s="282" t="s">
        <v>3816</v>
      </c>
      <c r="EB21" s="282" t="s">
        <v>3816</v>
      </c>
      <c r="EC21" s="282" t="s">
        <v>3816</v>
      </c>
      <c r="ED21" s="282" t="s">
        <v>3816</v>
      </c>
      <c r="EE21" s="282" t="s">
        <v>3816</v>
      </c>
      <c r="EF21" s="282" t="s">
        <v>3816</v>
      </c>
      <c r="EG21" s="282" t="s">
        <v>3816</v>
      </c>
      <c r="EH21" s="282" t="s">
        <v>3816</v>
      </c>
      <c r="EI21" s="282" t="s">
        <v>3816</v>
      </c>
      <c r="EJ21" s="282" t="s">
        <v>3816</v>
      </c>
      <c r="EK21" s="282" t="s">
        <v>3816</v>
      </c>
      <c r="EL21" s="282" t="s">
        <v>3816</v>
      </c>
      <c r="EM21" s="282" t="s">
        <v>3816</v>
      </c>
      <c r="EN21" s="282" t="s">
        <v>3816</v>
      </c>
      <c r="EO21" s="282" t="s">
        <v>3816</v>
      </c>
      <c r="EP21" s="282" t="s">
        <v>3816</v>
      </c>
      <c r="EQ21" s="282" t="s">
        <v>3816</v>
      </c>
      <c r="ER21" s="282" t="s">
        <v>3816</v>
      </c>
      <c r="ES21" s="282" t="s">
        <v>3816</v>
      </c>
      <c r="ET21" s="282" t="s">
        <v>3816</v>
      </c>
      <c r="EU21" s="282" t="s">
        <v>3816</v>
      </c>
      <c r="EV21" s="282" t="s">
        <v>3816</v>
      </c>
      <c r="EW21" s="282" t="s">
        <v>3816</v>
      </c>
      <c r="EX21" s="282" t="s">
        <v>3816</v>
      </c>
      <c r="EY21" s="282" t="s">
        <v>3816</v>
      </c>
      <c r="EZ21" s="282" t="s">
        <v>3816</v>
      </c>
      <c r="FA21" s="282" t="s">
        <v>3816</v>
      </c>
      <c r="FB21" s="282" t="s">
        <v>3816</v>
      </c>
      <c r="FC21" s="282" t="s">
        <v>3816</v>
      </c>
      <c r="FD21" s="282" t="s">
        <v>3816</v>
      </c>
      <c r="FE21" s="282" t="s">
        <v>3816</v>
      </c>
      <c r="FF21" s="282" t="s">
        <v>3816</v>
      </c>
      <c r="FG21" s="282" t="s">
        <v>3816</v>
      </c>
      <c r="FH21" s="282" t="s">
        <v>3816</v>
      </c>
      <c r="FI21" s="282" t="s">
        <v>3816</v>
      </c>
      <c r="FJ21" s="282" t="s">
        <v>3816</v>
      </c>
      <c r="FK21" s="282" t="s">
        <v>3816</v>
      </c>
      <c r="FL21" s="282" t="s">
        <v>3816</v>
      </c>
      <c r="FM21" s="282" t="s">
        <v>3816</v>
      </c>
      <c r="FN21" s="282" t="s">
        <v>3816</v>
      </c>
      <c r="FO21" s="282" t="s">
        <v>3816</v>
      </c>
      <c r="FP21" s="282" t="s">
        <v>3816</v>
      </c>
      <c r="FQ21" s="282" t="s">
        <v>3816</v>
      </c>
      <c r="FR21" s="282" t="s">
        <v>3816</v>
      </c>
      <c r="FS21" s="282" t="s">
        <v>3816</v>
      </c>
      <c r="FT21" s="282" t="s">
        <v>3816</v>
      </c>
      <c r="FU21" s="282" t="s">
        <v>3816</v>
      </c>
      <c r="FV21" s="282" t="s">
        <v>3816</v>
      </c>
      <c r="FW21" s="282" t="s">
        <v>3816</v>
      </c>
      <c r="FX21" s="282" t="s">
        <v>3816</v>
      </c>
      <c r="FY21" s="282" t="s">
        <v>3816</v>
      </c>
      <c r="FZ21" s="282" t="s">
        <v>3816</v>
      </c>
      <c r="GA21" s="282" t="s">
        <v>3816</v>
      </c>
      <c r="GB21" s="282" t="s">
        <v>3816</v>
      </c>
      <c r="GC21" s="282" t="s">
        <v>3816</v>
      </c>
      <c r="GD21" s="282" t="s">
        <v>3816</v>
      </c>
      <c r="GE21" s="282" t="s">
        <v>3816</v>
      </c>
      <c r="GF21" s="282" t="s">
        <v>3816</v>
      </c>
      <c r="GG21" s="282" t="s">
        <v>3816</v>
      </c>
      <c r="GH21" s="282" t="s">
        <v>3816</v>
      </c>
      <c r="GI21" s="282" t="s">
        <v>3816</v>
      </c>
      <c r="GJ21" s="282" t="s">
        <v>3816</v>
      </c>
      <c r="GK21" s="282" t="s">
        <v>3816</v>
      </c>
      <c r="GL21" s="282" t="s">
        <v>3816</v>
      </c>
      <c r="GM21" s="282" t="s">
        <v>3816</v>
      </c>
      <c r="GN21" s="282" t="s">
        <v>3816</v>
      </c>
      <c r="GO21" s="282" t="s">
        <v>3816</v>
      </c>
      <c r="GP21" s="282" t="s">
        <v>3816</v>
      </c>
      <c r="GQ21" s="282" t="s">
        <v>3816</v>
      </c>
      <c r="GR21" s="282" t="s">
        <v>3816</v>
      </c>
      <c r="GS21" s="282" t="s">
        <v>3816</v>
      </c>
      <c r="GT21" s="282" t="s">
        <v>3816</v>
      </c>
      <c r="GU21" s="282" t="s">
        <v>3816</v>
      </c>
      <c r="GV21" s="282" t="s">
        <v>3816</v>
      </c>
      <c r="GW21" s="282" t="s">
        <v>3816</v>
      </c>
      <c r="GX21" s="282" t="s">
        <v>3816</v>
      </c>
      <c r="GY21" s="282" t="s">
        <v>3816</v>
      </c>
      <c r="GZ21" s="282" t="s">
        <v>3816</v>
      </c>
      <c r="HA21" s="282" t="s">
        <v>3816</v>
      </c>
      <c r="HB21" s="282" t="s">
        <v>3816</v>
      </c>
      <c r="HC21" s="282" t="s">
        <v>3816</v>
      </c>
      <c r="HD21" s="282" t="s">
        <v>3816</v>
      </c>
      <c r="HE21" s="282" t="s">
        <v>3816</v>
      </c>
      <c r="HF21" s="282" t="s">
        <v>3816</v>
      </c>
      <c r="HG21" s="282" t="s">
        <v>3816</v>
      </c>
      <c r="HH21" s="282" t="s">
        <v>3816</v>
      </c>
      <c r="HI21" s="282" t="s">
        <v>3816</v>
      </c>
      <c r="HJ21" s="282" t="s">
        <v>3816</v>
      </c>
      <c r="HK21" s="282" t="s">
        <v>3816</v>
      </c>
      <c r="HL21" s="282" t="s">
        <v>3816</v>
      </c>
      <c r="HM21" s="282" t="s">
        <v>3816</v>
      </c>
      <c r="HN21" s="282" t="s">
        <v>3816</v>
      </c>
      <c r="HO21" s="282" t="s">
        <v>3816</v>
      </c>
      <c r="HP21" s="282" t="s">
        <v>3816</v>
      </c>
      <c r="HQ21" s="282" t="s">
        <v>3816</v>
      </c>
      <c r="HR21" s="282" t="s">
        <v>3816</v>
      </c>
      <c r="HS21" s="282" t="s">
        <v>3816</v>
      </c>
      <c r="HT21" s="282" t="s">
        <v>3816</v>
      </c>
      <c r="HU21" s="282" t="s">
        <v>3816</v>
      </c>
      <c r="HV21" s="282" t="s">
        <v>3816</v>
      </c>
      <c r="HW21" s="282" t="s">
        <v>3816</v>
      </c>
      <c r="HX21" s="282" t="s">
        <v>3816</v>
      </c>
      <c r="HY21" s="282" t="s">
        <v>3816</v>
      </c>
      <c r="HZ21" s="282" t="s">
        <v>3816</v>
      </c>
      <c r="IA21" s="282" t="s">
        <v>3816</v>
      </c>
      <c r="IB21" s="282" t="s">
        <v>3816</v>
      </c>
      <c r="IC21" s="282" t="s">
        <v>3816</v>
      </c>
      <c r="ID21" s="282" t="s">
        <v>3816</v>
      </c>
      <c r="IE21" s="282" t="s">
        <v>3816</v>
      </c>
      <c r="IF21" s="282" t="s">
        <v>3816</v>
      </c>
      <c r="IG21" s="282" t="s">
        <v>3816</v>
      </c>
      <c r="IH21" s="282" t="s">
        <v>3816</v>
      </c>
      <c r="II21" s="282" t="s">
        <v>3816</v>
      </c>
      <c r="IJ21" s="282" t="s">
        <v>3816</v>
      </c>
      <c r="IK21" s="282" t="s">
        <v>3816</v>
      </c>
      <c r="IL21" s="282" t="s">
        <v>3816</v>
      </c>
      <c r="IM21" s="282" t="s">
        <v>3816</v>
      </c>
      <c r="IN21" s="282" t="s">
        <v>3816</v>
      </c>
      <c r="IO21" s="282" t="s">
        <v>3816</v>
      </c>
      <c r="IP21" s="282" t="s">
        <v>3816</v>
      </c>
      <c r="IQ21" s="282" t="s">
        <v>3816</v>
      </c>
      <c r="IR21" s="282" t="s">
        <v>3816</v>
      </c>
      <c r="IS21" s="282" t="s">
        <v>3816</v>
      </c>
      <c r="IT21" s="282" t="s">
        <v>3816</v>
      </c>
      <c r="IU21" s="282" t="s">
        <v>3816</v>
      </c>
      <c r="IV21" s="282" t="s">
        <v>3816</v>
      </c>
      <c r="IW21" s="282" t="s">
        <v>3816</v>
      </c>
      <c r="IX21" s="282" t="s">
        <v>3816</v>
      </c>
      <c r="IY21" s="282" t="s">
        <v>3816</v>
      </c>
      <c r="IZ21" s="282" t="s">
        <v>3816</v>
      </c>
      <c r="JA21" s="282" t="s">
        <v>3816</v>
      </c>
      <c r="JB21" s="282" t="s">
        <v>3816</v>
      </c>
      <c r="JC21" s="282" t="s">
        <v>3816</v>
      </c>
      <c r="JD21" s="282" t="s">
        <v>3816</v>
      </c>
      <c r="JE21" s="282" t="s">
        <v>3816</v>
      </c>
      <c r="JF21" s="282" t="s">
        <v>3816</v>
      </c>
      <c r="JG21" s="282" t="s">
        <v>3816</v>
      </c>
      <c r="JH21" s="282" t="s">
        <v>3816</v>
      </c>
      <c r="JI21" s="282" t="s">
        <v>3816</v>
      </c>
      <c r="JJ21" s="282" t="s">
        <v>3816</v>
      </c>
      <c r="JK21" s="282" t="s">
        <v>3816</v>
      </c>
      <c r="JL21" s="282" t="s">
        <v>3816</v>
      </c>
      <c r="JM21" s="282" t="s">
        <v>3816</v>
      </c>
      <c r="JN21" s="282" t="s">
        <v>3816</v>
      </c>
      <c r="JO21" s="282" t="s">
        <v>3816</v>
      </c>
      <c r="JP21" s="282" t="s">
        <v>3816</v>
      </c>
      <c r="JQ21" s="282" t="s">
        <v>3816</v>
      </c>
      <c r="JR21" s="282" t="s">
        <v>3816</v>
      </c>
      <c r="JS21" s="282" t="s">
        <v>3816</v>
      </c>
      <c r="JT21" s="282" t="s">
        <v>3816</v>
      </c>
      <c r="JU21" s="282" t="s">
        <v>3816</v>
      </c>
      <c r="JV21" s="282" t="s">
        <v>3816</v>
      </c>
      <c r="JW21" s="282" t="s">
        <v>3816</v>
      </c>
      <c r="JX21" s="282" t="s">
        <v>3816</v>
      </c>
      <c r="JY21" s="282" t="s">
        <v>3816</v>
      </c>
      <c r="JZ21" s="282" t="s">
        <v>3816</v>
      </c>
      <c r="KA21" s="282" t="s">
        <v>3816</v>
      </c>
      <c r="KB21" s="282" t="s">
        <v>3816</v>
      </c>
      <c r="KC21" s="282" t="s">
        <v>3816</v>
      </c>
      <c r="KD21" s="282" t="s">
        <v>3816</v>
      </c>
      <c r="KE21" s="282" t="s">
        <v>3816</v>
      </c>
      <c r="KF21" s="282" t="s">
        <v>3816</v>
      </c>
      <c r="KG21" s="282" t="s">
        <v>3816</v>
      </c>
      <c r="KH21" s="282" t="s">
        <v>3816</v>
      </c>
      <c r="KI21" s="282" t="s">
        <v>3816</v>
      </c>
      <c r="KJ21" s="282" t="s">
        <v>3816</v>
      </c>
      <c r="KK21" s="282" t="s">
        <v>3816</v>
      </c>
      <c r="KL21" s="282" t="s">
        <v>3816</v>
      </c>
      <c r="KM21" s="282" t="s">
        <v>3816</v>
      </c>
      <c r="KN21" s="282" t="s">
        <v>3816</v>
      </c>
      <c r="KO21" s="282" t="s">
        <v>3816</v>
      </c>
      <c r="KP21" s="282" t="s">
        <v>3816</v>
      </c>
      <c r="KQ21" s="282" t="s">
        <v>3816</v>
      </c>
      <c r="KR21" s="282" t="s">
        <v>3816</v>
      </c>
      <c r="KS21" s="282" t="s">
        <v>3816</v>
      </c>
      <c r="KT21" s="282" t="s">
        <v>3816</v>
      </c>
      <c r="KU21" s="282" t="s">
        <v>3816</v>
      </c>
      <c r="KV21" s="282" t="s">
        <v>3816</v>
      </c>
      <c r="KW21" s="282" t="s">
        <v>3816</v>
      </c>
      <c r="KX21" s="282" t="s">
        <v>3816</v>
      </c>
      <c r="KY21" s="282" t="s">
        <v>3816</v>
      </c>
      <c r="KZ21" s="282" t="s">
        <v>3816</v>
      </c>
      <c r="LA21" s="282" t="s">
        <v>3816</v>
      </c>
      <c r="LB21" s="282" t="s">
        <v>3816</v>
      </c>
      <c r="LC21" s="282" t="s">
        <v>3816</v>
      </c>
      <c r="LD21" s="282" t="s">
        <v>3816</v>
      </c>
      <c r="LE21" s="282" t="s">
        <v>3816</v>
      </c>
      <c r="LF21" s="282" t="s">
        <v>3816</v>
      </c>
      <c r="LG21" s="282" t="s">
        <v>3816</v>
      </c>
      <c r="LH21" s="282" t="s">
        <v>3816</v>
      </c>
      <c r="LI21" s="282" t="s">
        <v>3816</v>
      </c>
      <c r="LJ21" s="282" t="s">
        <v>3816</v>
      </c>
      <c r="LK21" s="282" t="s">
        <v>3816</v>
      </c>
      <c r="LL21" s="282" t="s">
        <v>3816</v>
      </c>
      <c r="LM21" s="282" t="s">
        <v>3816</v>
      </c>
      <c r="LN21" s="282" t="s">
        <v>3816</v>
      </c>
      <c r="LO21" s="282" t="s">
        <v>3816</v>
      </c>
      <c r="LP21" s="282" t="s">
        <v>3816</v>
      </c>
      <c r="LQ21" s="282" t="s">
        <v>3816</v>
      </c>
      <c r="LR21" s="282" t="s">
        <v>3816</v>
      </c>
      <c r="LS21" s="282" t="s">
        <v>3816</v>
      </c>
      <c r="LT21" s="282" t="s">
        <v>3816</v>
      </c>
      <c r="LU21" s="282" t="s">
        <v>3816</v>
      </c>
      <c r="LV21" s="282" t="s">
        <v>3816</v>
      </c>
      <c r="LW21" s="282" t="s">
        <v>3816</v>
      </c>
      <c r="LX21" s="282" t="s">
        <v>3816</v>
      </c>
      <c r="LY21" s="282" t="s">
        <v>3816</v>
      </c>
      <c r="LZ21" s="282" t="s">
        <v>3816</v>
      </c>
      <c r="MA21" s="282" t="s">
        <v>3816</v>
      </c>
      <c r="MB21" s="282" t="s">
        <v>3816</v>
      </c>
      <c r="MC21" s="282" t="s">
        <v>3816</v>
      </c>
      <c r="MD21" s="282" t="s">
        <v>3816</v>
      </c>
      <c r="ME21" s="282" t="s">
        <v>3816</v>
      </c>
      <c r="MF21" s="282" t="s">
        <v>3816</v>
      </c>
      <c r="MG21" s="282" t="s">
        <v>3816</v>
      </c>
      <c r="MH21" s="282" t="s">
        <v>3816</v>
      </c>
      <c r="MI21" s="282" t="s">
        <v>3816</v>
      </c>
      <c r="MJ21" s="282" t="s">
        <v>3816</v>
      </c>
      <c r="MK21" s="282" t="s">
        <v>3816</v>
      </c>
      <c r="ML21" s="282" t="s">
        <v>3816</v>
      </c>
      <c r="MM21" s="282" t="s">
        <v>3816</v>
      </c>
      <c r="MN21" s="282" t="s">
        <v>3816</v>
      </c>
      <c r="MO21" s="282" t="s">
        <v>3816</v>
      </c>
      <c r="MP21" s="282" t="s">
        <v>3816</v>
      </c>
      <c r="MQ21" s="282" t="s">
        <v>3816</v>
      </c>
      <c r="MR21" s="282" t="s">
        <v>3816</v>
      </c>
      <c r="MS21" s="282" t="s">
        <v>3816</v>
      </c>
      <c r="MT21" s="282" t="s">
        <v>3816</v>
      </c>
      <c r="MU21" s="282" t="s">
        <v>3816</v>
      </c>
      <c r="MV21" s="282" t="s">
        <v>3816</v>
      </c>
      <c r="MW21" s="282" t="s">
        <v>3816</v>
      </c>
      <c r="MX21" s="282" t="s">
        <v>3816</v>
      </c>
      <c r="MY21" s="282" t="s">
        <v>3816</v>
      </c>
      <c r="MZ21" s="282" t="s">
        <v>3816</v>
      </c>
      <c r="NA21" s="282" t="s">
        <v>3816</v>
      </c>
      <c r="NB21" s="282" t="s">
        <v>3816</v>
      </c>
      <c r="NC21" s="282" t="s">
        <v>3816</v>
      </c>
      <c r="ND21" s="282" t="s">
        <v>3816</v>
      </c>
      <c r="NE21" s="282" t="s">
        <v>3816</v>
      </c>
      <c r="NF21" s="282" t="s">
        <v>3816</v>
      </c>
      <c r="NG21" s="282" t="s">
        <v>3816</v>
      </c>
      <c r="NH21" s="282" t="s">
        <v>3816</v>
      </c>
      <c r="NI21" s="282" t="s">
        <v>3816</v>
      </c>
      <c r="NJ21" s="282" t="s">
        <v>3816</v>
      </c>
      <c r="NK21" s="282" t="s">
        <v>3816</v>
      </c>
      <c r="NL21" s="282" t="s">
        <v>3816</v>
      </c>
      <c r="NM21" s="282" t="s">
        <v>3816</v>
      </c>
      <c r="NN21" s="282" t="s">
        <v>3816</v>
      </c>
      <c r="NO21" s="282" t="s">
        <v>3816</v>
      </c>
      <c r="NP21" s="282" t="s">
        <v>3816</v>
      </c>
      <c r="NQ21" s="282" t="s">
        <v>3816</v>
      </c>
      <c r="NR21" s="282" t="s">
        <v>3816</v>
      </c>
      <c r="NS21" s="282" t="s">
        <v>3816</v>
      </c>
      <c r="NT21" s="282" t="s">
        <v>3816</v>
      </c>
      <c r="NU21" s="282" t="s">
        <v>3816</v>
      </c>
      <c r="NV21" s="282" t="s">
        <v>3816</v>
      </c>
      <c r="NW21" s="282" t="s">
        <v>3816</v>
      </c>
      <c r="NX21" s="282" t="s">
        <v>3816</v>
      </c>
      <c r="NY21" s="282" t="s">
        <v>3816</v>
      </c>
      <c r="NZ21" s="282" t="s">
        <v>3816</v>
      </c>
      <c r="OA21" s="282" t="s">
        <v>3816</v>
      </c>
      <c r="OB21" s="282" t="s">
        <v>3816</v>
      </c>
      <c r="OC21" s="282" t="s">
        <v>3816</v>
      </c>
      <c r="OD21" s="282" t="s">
        <v>3816</v>
      </c>
      <c r="OE21" s="282" t="s">
        <v>3816</v>
      </c>
      <c r="OF21" s="282" t="s">
        <v>3816</v>
      </c>
      <c r="OG21" s="282" t="s">
        <v>3816</v>
      </c>
      <c r="OH21" s="282" t="s">
        <v>3816</v>
      </c>
      <c r="OI21" s="282" t="s">
        <v>3816</v>
      </c>
      <c r="OJ21" s="282" t="s">
        <v>3816</v>
      </c>
      <c r="OK21" s="282" t="s">
        <v>3816</v>
      </c>
      <c r="OL21" s="282" t="s">
        <v>3816</v>
      </c>
      <c r="OM21" s="282" t="s">
        <v>3816</v>
      </c>
      <c r="ON21" s="282" t="s">
        <v>3816</v>
      </c>
      <c r="OO21" s="282" t="s">
        <v>3816</v>
      </c>
      <c r="OP21" s="282" t="s">
        <v>3816</v>
      </c>
      <c r="OQ21" s="282" t="s">
        <v>3816</v>
      </c>
      <c r="OR21" s="282" t="s">
        <v>3816</v>
      </c>
      <c r="OS21" s="282" t="s">
        <v>3816</v>
      </c>
      <c r="OT21" s="282" t="s">
        <v>3816</v>
      </c>
      <c r="OU21" s="282" t="s">
        <v>3816</v>
      </c>
      <c r="OV21" s="282" t="s">
        <v>3816</v>
      </c>
      <c r="OW21" s="282" t="s">
        <v>3816</v>
      </c>
      <c r="OX21" s="282" t="s">
        <v>3816</v>
      </c>
      <c r="OY21" s="282" t="s">
        <v>3816</v>
      </c>
      <c r="OZ21" s="282" t="s">
        <v>3816</v>
      </c>
      <c r="PA21" s="282" t="s">
        <v>3816</v>
      </c>
      <c r="PB21" s="282" t="s">
        <v>3816</v>
      </c>
      <c r="PC21" s="282" t="s">
        <v>3816</v>
      </c>
      <c r="PD21" s="282" t="s">
        <v>3816</v>
      </c>
      <c r="PE21" s="282" t="s">
        <v>3816</v>
      </c>
      <c r="PF21" s="282" t="s">
        <v>3816</v>
      </c>
      <c r="PG21" s="282" t="s">
        <v>3816</v>
      </c>
      <c r="PH21" s="282" t="s">
        <v>3816</v>
      </c>
      <c r="PI21" s="282" t="s">
        <v>3816</v>
      </c>
      <c r="PJ21" s="282" t="s">
        <v>3816</v>
      </c>
      <c r="PK21" s="282" t="s">
        <v>3816</v>
      </c>
      <c r="PL21" s="282" t="s">
        <v>3816</v>
      </c>
      <c r="PM21" s="282" t="s">
        <v>3816</v>
      </c>
      <c r="PN21" s="282" t="s">
        <v>3816</v>
      </c>
      <c r="PO21" s="282" t="s">
        <v>3816</v>
      </c>
      <c r="PP21" s="282" t="s">
        <v>3816</v>
      </c>
      <c r="PQ21" s="282" t="s">
        <v>3816</v>
      </c>
      <c r="PR21" s="282" t="s">
        <v>3816</v>
      </c>
      <c r="PS21" s="282" t="s">
        <v>3816</v>
      </c>
      <c r="PT21" s="282" t="s">
        <v>3816</v>
      </c>
      <c r="PU21" s="282" t="s">
        <v>3816</v>
      </c>
      <c r="PV21" s="282" t="s">
        <v>3816</v>
      </c>
      <c r="PW21" s="282" t="s">
        <v>3816</v>
      </c>
      <c r="PX21" s="282" t="s">
        <v>3816</v>
      </c>
      <c r="PY21" s="282" t="s">
        <v>3816</v>
      </c>
      <c r="PZ21" s="282" t="s">
        <v>3816</v>
      </c>
      <c r="QA21" s="282" t="s">
        <v>3816</v>
      </c>
      <c r="QB21" s="282" t="s">
        <v>3816</v>
      </c>
      <c r="QC21" s="282" t="s">
        <v>3816</v>
      </c>
      <c r="QD21" s="282" t="s">
        <v>3816</v>
      </c>
      <c r="QE21" s="282" t="s">
        <v>3816</v>
      </c>
      <c r="QF21" s="282" t="s">
        <v>3816</v>
      </c>
      <c r="QG21" s="282" t="s">
        <v>3816</v>
      </c>
      <c r="QH21" s="282" t="s">
        <v>3816</v>
      </c>
      <c r="QI21" s="282" t="s">
        <v>3816</v>
      </c>
      <c r="QJ21" s="282" t="s">
        <v>3816</v>
      </c>
      <c r="QK21" s="282" t="s">
        <v>3816</v>
      </c>
      <c r="QL21" s="282" t="s">
        <v>3816</v>
      </c>
      <c r="QM21" s="282" t="s">
        <v>3816</v>
      </c>
      <c r="QN21" s="282" t="s">
        <v>3816</v>
      </c>
      <c r="QO21" s="282" t="s">
        <v>3816</v>
      </c>
      <c r="QP21" s="282" t="s">
        <v>3816</v>
      </c>
      <c r="QQ21" s="282" t="s">
        <v>3816</v>
      </c>
      <c r="QR21" s="282" t="s">
        <v>3816</v>
      </c>
      <c r="QS21" s="282" t="s">
        <v>3816</v>
      </c>
      <c r="QT21" s="282" t="s">
        <v>3816</v>
      </c>
      <c r="QU21" s="282" t="s">
        <v>3816</v>
      </c>
      <c r="QV21" s="282" t="s">
        <v>3816</v>
      </c>
      <c r="QW21" s="282" t="s">
        <v>3816</v>
      </c>
      <c r="QX21" s="282" t="s">
        <v>3816</v>
      </c>
      <c r="QY21" s="282" t="s">
        <v>3816</v>
      </c>
      <c r="QZ21" s="282" t="s">
        <v>3816</v>
      </c>
      <c r="RA21" s="282" t="s">
        <v>3816</v>
      </c>
      <c r="RB21" s="282" t="s">
        <v>3816</v>
      </c>
      <c r="RC21" s="282" t="s">
        <v>3816</v>
      </c>
      <c r="RD21" s="282" t="s">
        <v>3816</v>
      </c>
      <c r="RE21" s="282" t="s">
        <v>3816</v>
      </c>
      <c r="RF21" s="282" t="s">
        <v>3816</v>
      </c>
      <c r="RG21" s="282" t="s">
        <v>3816</v>
      </c>
      <c r="RH21" s="282" t="s">
        <v>3816</v>
      </c>
      <c r="RI21" s="282" t="s">
        <v>3816</v>
      </c>
      <c r="RJ21" s="282" t="s">
        <v>3816</v>
      </c>
      <c r="RK21" s="282" t="s">
        <v>3816</v>
      </c>
      <c r="RL21" s="282" t="s">
        <v>3816</v>
      </c>
      <c r="RM21" s="282" t="s">
        <v>3816</v>
      </c>
      <c r="RN21" s="282" t="s">
        <v>3816</v>
      </c>
      <c r="RO21" s="282" t="s">
        <v>3816</v>
      </c>
      <c r="RP21" s="282" t="s">
        <v>3816</v>
      </c>
      <c r="RQ21" s="282" t="s">
        <v>3816</v>
      </c>
      <c r="RR21" s="282" t="s">
        <v>3816</v>
      </c>
      <c r="RS21" s="282" t="s">
        <v>3816</v>
      </c>
      <c r="RT21" s="282" t="s">
        <v>3816</v>
      </c>
      <c r="RU21" s="282" t="s">
        <v>3816</v>
      </c>
      <c r="RV21" s="282" t="s">
        <v>3816</v>
      </c>
      <c r="RW21" s="282" t="s">
        <v>3816</v>
      </c>
      <c r="RX21" s="282" t="s">
        <v>3816</v>
      </c>
      <c r="RY21" s="282" t="s">
        <v>3816</v>
      </c>
      <c r="RZ21" s="282" t="s">
        <v>3816</v>
      </c>
      <c r="SA21" s="282" t="s">
        <v>3816</v>
      </c>
      <c r="SB21" s="282" t="s">
        <v>3816</v>
      </c>
      <c r="SC21" s="282" t="s">
        <v>3816</v>
      </c>
      <c r="SD21" s="282" t="s">
        <v>3816</v>
      </c>
      <c r="SE21" s="282" t="s">
        <v>3816</v>
      </c>
      <c r="SF21" s="282" t="s">
        <v>3816</v>
      </c>
      <c r="SG21" s="282" t="s">
        <v>3816</v>
      </c>
      <c r="SH21" s="282" t="s">
        <v>3816</v>
      </c>
      <c r="SI21" s="282" t="s">
        <v>3816</v>
      </c>
      <c r="SJ21" s="282" t="s">
        <v>3816</v>
      </c>
      <c r="SK21" s="282" t="s">
        <v>3816</v>
      </c>
      <c r="SL21" s="282" t="s">
        <v>3816</v>
      </c>
      <c r="SM21" s="282" t="s">
        <v>3816</v>
      </c>
      <c r="SN21" s="282" t="s">
        <v>3816</v>
      </c>
      <c r="SO21" s="282" t="s">
        <v>3816</v>
      </c>
      <c r="SP21" s="282" t="s">
        <v>3816</v>
      </c>
      <c r="SQ21" s="282" t="s">
        <v>3816</v>
      </c>
      <c r="SR21" s="282" t="s">
        <v>3816</v>
      </c>
      <c r="SS21" s="282" t="s">
        <v>3816</v>
      </c>
      <c r="ST21" s="282" t="s">
        <v>3816</v>
      </c>
      <c r="SU21" s="282" t="s">
        <v>3816</v>
      </c>
      <c r="SV21" s="282" t="s">
        <v>3816</v>
      </c>
      <c r="SW21" s="282" t="s">
        <v>3816</v>
      </c>
      <c r="SX21" s="282" t="s">
        <v>3816</v>
      </c>
      <c r="SY21" s="282" t="s">
        <v>3816</v>
      </c>
      <c r="SZ21" s="282" t="s">
        <v>3816</v>
      </c>
      <c r="TA21" s="282" t="s">
        <v>3816</v>
      </c>
      <c r="TB21" s="282" t="s">
        <v>3816</v>
      </c>
      <c r="TC21" s="282" t="s">
        <v>3816</v>
      </c>
      <c r="TD21" s="282" t="s">
        <v>3816</v>
      </c>
      <c r="TE21" s="282" t="s">
        <v>3816</v>
      </c>
      <c r="TF21" s="282" t="s">
        <v>3816</v>
      </c>
      <c r="TG21" s="282" t="s">
        <v>3816</v>
      </c>
      <c r="TH21" s="282" t="s">
        <v>3816</v>
      </c>
      <c r="TI21" s="282" t="s">
        <v>3816</v>
      </c>
      <c r="TJ21" s="282" t="s">
        <v>3816</v>
      </c>
      <c r="TK21" s="282" t="s">
        <v>3816</v>
      </c>
      <c r="TL21" s="282" t="s">
        <v>3816</v>
      </c>
      <c r="TM21" s="282" t="s">
        <v>3816</v>
      </c>
      <c r="TN21" s="282" t="s">
        <v>3816</v>
      </c>
      <c r="TO21" s="282" t="s">
        <v>3816</v>
      </c>
      <c r="TP21" s="282" t="s">
        <v>3816</v>
      </c>
      <c r="TQ21" s="282" t="s">
        <v>3816</v>
      </c>
      <c r="TR21" s="282" t="s">
        <v>3816</v>
      </c>
      <c r="TS21" s="282" t="s">
        <v>3816</v>
      </c>
      <c r="TT21" s="282" t="s">
        <v>3816</v>
      </c>
      <c r="TU21" s="282" t="s">
        <v>3816</v>
      </c>
      <c r="TV21" s="282" t="s">
        <v>3816</v>
      </c>
      <c r="TW21" s="282" t="s">
        <v>3816</v>
      </c>
      <c r="TX21" s="282" t="s">
        <v>3816</v>
      </c>
      <c r="TY21" s="282" t="s">
        <v>3816</v>
      </c>
      <c r="TZ21" s="282" t="s">
        <v>3816</v>
      </c>
      <c r="UA21" s="282" t="s">
        <v>3816</v>
      </c>
      <c r="UB21" s="282" t="s">
        <v>3816</v>
      </c>
      <c r="UC21" s="282" t="s">
        <v>3816</v>
      </c>
      <c r="UD21" s="282" t="s">
        <v>3816</v>
      </c>
      <c r="UE21" s="282" t="s">
        <v>3816</v>
      </c>
      <c r="UF21" s="282" t="s">
        <v>3816</v>
      </c>
      <c r="UG21" s="282" t="s">
        <v>3816</v>
      </c>
      <c r="UH21" s="282" t="s">
        <v>3816</v>
      </c>
      <c r="UI21" s="282" t="s">
        <v>3816</v>
      </c>
      <c r="UJ21" s="282" t="s">
        <v>3816</v>
      </c>
      <c r="UK21" s="282" t="s">
        <v>3816</v>
      </c>
      <c r="UL21" s="282" t="s">
        <v>3816</v>
      </c>
      <c r="UM21" s="282" t="s">
        <v>3816</v>
      </c>
      <c r="UN21" s="282" t="s">
        <v>3816</v>
      </c>
      <c r="UO21" s="282" t="s">
        <v>3816</v>
      </c>
      <c r="UP21" s="282" t="s">
        <v>3816</v>
      </c>
      <c r="UQ21" s="282" t="s">
        <v>3816</v>
      </c>
      <c r="UR21" s="282" t="s">
        <v>3816</v>
      </c>
      <c r="US21" s="282" t="s">
        <v>3816</v>
      </c>
      <c r="UT21" s="282" t="s">
        <v>3816</v>
      </c>
      <c r="UU21" s="282" t="s">
        <v>3816</v>
      </c>
      <c r="UV21" s="282" t="s">
        <v>3816</v>
      </c>
      <c r="UW21" s="282" t="s">
        <v>3816</v>
      </c>
      <c r="UX21" s="282" t="s">
        <v>3816</v>
      </c>
      <c r="UY21" s="282" t="s">
        <v>3816</v>
      </c>
      <c r="UZ21" s="282" t="s">
        <v>3816</v>
      </c>
      <c r="VA21" s="282" t="s">
        <v>3816</v>
      </c>
      <c r="VB21" s="282" t="s">
        <v>3816</v>
      </c>
      <c r="VC21" s="282" t="s">
        <v>3816</v>
      </c>
      <c r="VD21" s="282" t="s">
        <v>3816</v>
      </c>
      <c r="VE21" s="282" t="s">
        <v>3816</v>
      </c>
      <c r="VF21" s="282" t="s">
        <v>3816</v>
      </c>
      <c r="VG21" s="282" t="s">
        <v>3816</v>
      </c>
      <c r="VH21" s="282" t="s">
        <v>3816</v>
      </c>
      <c r="VI21" s="282" t="s">
        <v>3816</v>
      </c>
      <c r="VJ21" s="282" t="s">
        <v>3816</v>
      </c>
      <c r="VK21" s="282" t="s">
        <v>3816</v>
      </c>
      <c r="VL21" s="282" t="s">
        <v>3816</v>
      </c>
      <c r="VM21" s="282" t="s">
        <v>3816</v>
      </c>
      <c r="VN21" s="282" t="s">
        <v>3816</v>
      </c>
      <c r="VO21" s="282" t="s">
        <v>3816</v>
      </c>
      <c r="VP21" s="282" t="s">
        <v>3816</v>
      </c>
      <c r="VQ21" s="282" t="s">
        <v>3816</v>
      </c>
      <c r="VR21" s="282" t="s">
        <v>3816</v>
      </c>
      <c r="VS21" s="282" t="s">
        <v>3816</v>
      </c>
      <c r="VT21" s="282" t="s">
        <v>3816</v>
      </c>
      <c r="VU21" s="282" t="s">
        <v>3816</v>
      </c>
      <c r="VV21" s="282" t="s">
        <v>3816</v>
      </c>
      <c r="VW21" s="282" t="s">
        <v>3816</v>
      </c>
      <c r="VX21" s="282" t="s">
        <v>3816</v>
      </c>
      <c r="VY21" s="282" t="s">
        <v>3816</v>
      </c>
      <c r="VZ21" s="282" t="s">
        <v>3816</v>
      </c>
      <c r="WA21" s="282" t="s">
        <v>3816</v>
      </c>
      <c r="WB21" s="282" t="s">
        <v>3816</v>
      </c>
      <c r="WC21" s="282" t="s">
        <v>3816</v>
      </c>
      <c r="WD21" s="282" t="s">
        <v>3816</v>
      </c>
      <c r="WE21" s="282" t="s">
        <v>3816</v>
      </c>
      <c r="WF21" s="282" t="s">
        <v>3816</v>
      </c>
      <c r="WG21" s="282" t="s">
        <v>3816</v>
      </c>
      <c r="WH21" s="282" t="s">
        <v>3816</v>
      </c>
      <c r="WI21" s="282" t="s">
        <v>3816</v>
      </c>
      <c r="WJ21" s="282" t="s">
        <v>3816</v>
      </c>
      <c r="WK21" s="282" t="s">
        <v>3816</v>
      </c>
      <c r="WL21" s="282" t="s">
        <v>3816</v>
      </c>
      <c r="WM21" s="282" t="s">
        <v>3816</v>
      </c>
      <c r="WN21" s="282" t="s">
        <v>3816</v>
      </c>
      <c r="WO21" s="282" t="s">
        <v>3816</v>
      </c>
      <c r="WP21" s="282" t="s">
        <v>3816</v>
      </c>
      <c r="WQ21" s="282" t="s">
        <v>3816</v>
      </c>
      <c r="WR21" s="282" t="s">
        <v>3816</v>
      </c>
      <c r="WS21" s="282" t="s">
        <v>3816</v>
      </c>
      <c r="WT21" s="282" t="s">
        <v>3816</v>
      </c>
      <c r="WU21" s="282" t="s">
        <v>3816</v>
      </c>
      <c r="WV21" s="282" t="s">
        <v>3816</v>
      </c>
      <c r="WW21" s="282" t="s">
        <v>3816</v>
      </c>
      <c r="WX21" s="282" t="s">
        <v>3816</v>
      </c>
      <c r="WY21" s="282" t="s">
        <v>3816</v>
      </c>
      <c r="WZ21" s="282" t="s">
        <v>3816</v>
      </c>
      <c r="XA21" s="282" t="s">
        <v>3816</v>
      </c>
      <c r="XB21" s="282" t="s">
        <v>3816</v>
      </c>
      <c r="XC21" s="282" t="s">
        <v>3816</v>
      </c>
      <c r="XD21" s="282" t="s">
        <v>3816</v>
      </c>
      <c r="XE21" s="282" t="s">
        <v>3816</v>
      </c>
      <c r="XF21" s="282" t="s">
        <v>3816</v>
      </c>
      <c r="XG21" s="282" t="s">
        <v>3816</v>
      </c>
      <c r="XH21" s="282" t="s">
        <v>3816</v>
      </c>
      <c r="XI21" s="282" t="s">
        <v>3816</v>
      </c>
      <c r="XJ21" s="282" t="s">
        <v>3816</v>
      </c>
      <c r="XK21" s="282" t="s">
        <v>3816</v>
      </c>
      <c r="XL21" s="282" t="s">
        <v>3816</v>
      </c>
      <c r="XM21" s="282" t="s">
        <v>3816</v>
      </c>
      <c r="XN21" s="282" t="s">
        <v>3816</v>
      </c>
      <c r="XO21" s="282" t="s">
        <v>3816</v>
      </c>
      <c r="XP21" s="282" t="s">
        <v>3816</v>
      </c>
      <c r="XQ21" s="282" t="s">
        <v>3816</v>
      </c>
      <c r="XR21" s="282" t="s">
        <v>3816</v>
      </c>
      <c r="XS21" s="282" t="s">
        <v>3816</v>
      </c>
      <c r="XT21" s="282" t="s">
        <v>3816</v>
      </c>
      <c r="XU21" s="282" t="s">
        <v>3816</v>
      </c>
      <c r="XV21" s="282" t="s">
        <v>3816</v>
      </c>
      <c r="XW21" s="282" t="s">
        <v>3816</v>
      </c>
      <c r="XX21" s="282" t="s">
        <v>3816</v>
      </c>
      <c r="XY21" s="282" t="s">
        <v>3816</v>
      </c>
      <c r="XZ21" s="282" t="s">
        <v>3816</v>
      </c>
      <c r="YA21" s="282" t="s">
        <v>3816</v>
      </c>
      <c r="YB21" s="282" t="s">
        <v>3816</v>
      </c>
      <c r="YC21" s="282" t="s">
        <v>3816</v>
      </c>
      <c r="YD21" s="282" t="s">
        <v>3816</v>
      </c>
      <c r="YE21" s="282" t="s">
        <v>3816</v>
      </c>
      <c r="YF21" s="282" t="s">
        <v>3816</v>
      </c>
      <c r="YG21" s="282" t="s">
        <v>3816</v>
      </c>
      <c r="YH21" s="282" t="s">
        <v>3816</v>
      </c>
      <c r="YI21" s="282" t="s">
        <v>3816</v>
      </c>
      <c r="YJ21" s="282" t="s">
        <v>3816</v>
      </c>
      <c r="YK21" s="282" t="s">
        <v>3816</v>
      </c>
      <c r="YL21" s="282" t="s">
        <v>3816</v>
      </c>
      <c r="YM21" s="282" t="s">
        <v>3816</v>
      </c>
      <c r="YN21" s="282" t="s">
        <v>3816</v>
      </c>
      <c r="YO21" s="282" t="s">
        <v>3816</v>
      </c>
      <c r="YP21" s="282" t="s">
        <v>3816</v>
      </c>
      <c r="YQ21" s="282" t="s">
        <v>3816</v>
      </c>
      <c r="YR21" s="282" t="s">
        <v>3816</v>
      </c>
      <c r="YS21" s="282" t="s">
        <v>3816</v>
      </c>
      <c r="YT21" s="282" t="s">
        <v>3816</v>
      </c>
      <c r="YU21" s="282" t="s">
        <v>3816</v>
      </c>
      <c r="YV21" s="282" t="s">
        <v>3816</v>
      </c>
      <c r="YW21" s="282" t="s">
        <v>3816</v>
      </c>
      <c r="YX21" s="282" t="s">
        <v>3816</v>
      </c>
      <c r="YY21" s="282" t="s">
        <v>3816</v>
      </c>
      <c r="YZ21" s="282" t="s">
        <v>3816</v>
      </c>
      <c r="ZA21" s="282" t="s">
        <v>3816</v>
      </c>
      <c r="ZB21" s="282" t="s">
        <v>3816</v>
      </c>
      <c r="ZC21" s="282" t="s">
        <v>3816</v>
      </c>
      <c r="ZD21" s="282" t="s">
        <v>3816</v>
      </c>
      <c r="ZE21" s="282" t="s">
        <v>3816</v>
      </c>
      <c r="ZF21" s="282" t="s">
        <v>3816</v>
      </c>
      <c r="ZG21" s="282" t="s">
        <v>3816</v>
      </c>
      <c r="ZH21" s="282" t="s">
        <v>3816</v>
      </c>
      <c r="ZI21" s="282" t="s">
        <v>3816</v>
      </c>
      <c r="ZJ21" s="282" t="s">
        <v>3816</v>
      </c>
      <c r="ZK21" s="282" t="s">
        <v>3816</v>
      </c>
      <c r="ZL21" s="282" t="s">
        <v>3816</v>
      </c>
      <c r="ZM21" s="282" t="s">
        <v>3816</v>
      </c>
      <c r="ZN21" s="282" t="s">
        <v>3816</v>
      </c>
      <c r="ZO21" s="282" t="s">
        <v>3816</v>
      </c>
      <c r="ZP21" s="282" t="s">
        <v>3816</v>
      </c>
      <c r="ZQ21" s="282" t="s">
        <v>3816</v>
      </c>
      <c r="ZR21" s="282" t="s">
        <v>3816</v>
      </c>
      <c r="ZS21" s="282" t="s">
        <v>3816</v>
      </c>
      <c r="ZT21" s="282" t="s">
        <v>3816</v>
      </c>
      <c r="ZU21" s="282" t="s">
        <v>3816</v>
      </c>
      <c r="ZV21" s="282" t="s">
        <v>3816</v>
      </c>
      <c r="ZW21" s="282" t="s">
        <v>3816</v>
      </c>
      <c r="ZX21" s="282" t="s">
        <v>3816</v>
      </c>
      <c r="ZY21" s="282" t="s">
        <v>3816</v>
      </c>
      <c r="ZZ21" s="282" t="s">
        <v>3816</v>
      </c>
      <c r="AAA21" s="282" t="s">
        <v>3816</v>
      </c>
      <c r="AAB21" s="282" t="s">
        <v>3816</v>
      </c>
      <c r="AAC21" s="282" t="s">
        <v>3816</v>
      </c>
      <c r="AAD21" s="282" t="s">
        <v>3816</v>
      </c>
      <c r="AAE21" s="282" t="s">
        <v>3816</v>
      </c>
      <c r="AAF21" s="282" t="s">
        <v>3816</v>
      </c>
      <c r="AAG21" s="282" t="s">
        <v>3816</v>
      </c>
      <c r="AAH21" s="282" t="s">
        <v>3816</v>
      </c>
      <c r="AAI21" s="282" t="s">
        <v>3816</v>
      </c>
      <c r="AAJ21" s="282" t="s">
        <v>3816</v>
      </c>
      <c r="AAK21" s="282" t="s">
        <v>3816</v>
      </c>
      <c r="AAL21" s="282" t="s">
        <v>3816</v>
      </c>
      <c r="AAM21" s="282" t="s">
        <v>3816</v>
      </c>
      <c r="AAN21" s="282" t="s">
        <v>3816</v>
      </c>
      <c r="AAO21" s="282" t="s">
        <v>3816</v>
      </c>
      <c r="AAP21" s="282" t="s">
        <v>3816</v>
      </c>
      <c r="AAQ21" s="282" t="s">
        <v>3816</v>
      </c>
      <c r="AAR21" s="282" t="s">
        <v>3816</v>
      </c>
      <c r="AAS21" s="282" t="s">
        <v>3816</v>
      </c>
      <c r="AAT21" s="282" t="s">
        <v>3816</v>
      </c>
      <c r="AAU21" s="282" t="s">
        <v>3816</v>
      </c>
      <c r="AAV21" s="282" t="s">
        <v>3816</v>
      </c>
      <c r="AAW21" s="282" t="s">
        <v>3816</v>
      </c>
      <c r="AAX21" s="282" t="s">
        <v>3816</v>
      </c>
      <c r="AAY21" s="282" t="s">
        <v>3816</v>
      </c>
      <c r="AAZ21" s="282" t="s">
        <v>3816</v>
      </c>
      <c r="ABA21" s="282" t="s">
        <v>3816</v>
      </c>
      <c r="ABB21" s="282" t="s">
        <v>3816</v>
      </c>
      <c r="ABC21" s="282" t="s">
        <v>3816</v>
      </c>
      <c r="ABD21" s="282" t="s">
        <v>3816</v>
      </c>
      <c r="ABE21" s="282" t="s">
        <v>3816</v>
      </c>
      <c r="ABF21" s="282" t="s">
        <v>3816</v>
      </c>
      <c r="ABG21" s="282" t="s">
        <v>3816</v>
      </c>
      <c r="ABH21" s="282" t="s">
        <v>3816</v>
      </c>
      <c r="ABI21" s="282" t="s">
        <v>3816</v>
      </c>
      <c r="ABJ21" s="282" t="s">
        <v>3816</v>
      </c>
      <c r="ABK21" s="282" t="s">
        <v>3816</v>
      </c>
      <c r="ABL21" s="282" t="s">
        <v>3816</v>
      </c>
      <c r="ABM21" s="282" t="s">
        <v>3816</v>
      </c>
      <c r="ABN21" s="282" t="s">
        <v>3816</v>
      </c>
      <c r="ABO21" s="282" t="s">
        <v>3816</v>
      </c>
      <c r="ABP21" s="282" t="s">
        <v>3816</v>
      </c>
      <c r="ABQ21" s="282" t="s">
        <v>3816</v>
      </c>
      <c r="ABR21" s="282" t="s">
        <v>3816</v>
      </c>
      <c r="ABS21" s="282" t="s">
        <v>3816</v>
      </c>
      <c r="ABT21" s="282" t="s">
        <v>3816</v>
      </c>
      <c r="ABU21" s="282" t="s">
        <v>3816</v>
      </c>
      <c r="ABV21" s="282" t="s">
        <v>3816</v>
      </c>
      <c r="ABW21" s="282" t="s">
        <v>3816</v>
      </c>
      <c r="ABX21" s="282" t="s">
        <v>3816</v>
      </c>
      <c r="ABY21" s="282" t="s">
        <v>3816</v>
      </c>
      <c r="ABZ21" s="282" t="s">
        <v>3816</v>
      </c>
      <c r="ACA21" s="282" t="s">
        <v>3816</v>
      </c>
      <c r="ACB21" s="282" t="s">
        <v>3816</v>
      </c>
      <c r="ACC21" s="282" t="s">
        <v>3816</v>
      </c>
      <c r="ACD21" s="282" t="s">
        <v>3816</v>
      </c>
      <c r="ACE21" s="282" t="s">
        <v>3816</v>
      </c>
      <c r="ACF21" s="282" t="s">
        <v>3816</v>
      </c>
      <c r="ACG21" s="282" t="s">
        <v>3816</v>
      </c>
      <c r="ACH21" s="282" t="s">
        <v>3816</v>
      </c>
      <c r="ACI21" s="282" t="s">
        <v>3816</v>
      </c>
      <c r="ACJ21" s="282" t="s">
        <v>3816</v>
      </c>
      <c r="ACK21" s="282" t="s">
        <v>3816</v>
      </c>
      <c r="ACL21" s="282" t="s">
        <v>3816</v>
      </c>
      <c r="ACM21" s="282" t="s">
        <v>3816</v>
      </c>
      <c r="ACN21" s="282" t="s">
        <v>3816</v>
      </c>
      <c r="ACO21" s="282" t="s">
        <v>3816</v>
      </c>
      <c r="ACP21" s="282" t="s">
        <v>3816</v>
      </c>
      <c r="ACQ21" s="282" t="s">
        <v>3816</v>
      </c>
      <c r="ACR21" s="282" t="s">
        <v>3816</v>
      </c>
      <c r="ACS21" s="282" t="s">
        <v>3816</v>
      </c>
      <c r="ACT21" s="282" t="s">
        <v>3816</v>
      </c>
      <c r="ACU21" s="282" t="s">
        <v>3816</v>
      </c>
      <c r="ACV21" s="282" t="s">
        <v>3816</v>
      </c>
      <c r="ACW21" s="282" t="s">
        <v>3816</v>
      </c>
      <c r="ACX21" s="282" t="s">
        <v>3816</v>
      </c>
      <c r="ACY21" s="282" t="s">
        <v>3816</v>
      </c>
      <c r="ACZ21" s="282" t="s">
        <v>3816</v>
      </c>
      <c r="ADA21" s="282" t="s">
        <v>3816</v>
      </c>
      <c r="ADB21" s="282" t="s">
        <v>3816</v>
      </c>
      <c r="ADC21" s="282" t="s">
        <v>3816</v>
      </c>
      <c r="ADD21" s="282" t="s">
        <v>3816</v>
      </c>
      <c r="ADE21" s="282" t="s">
        <v>3816</v>
      </c>
      <c r="ADF21" s="282" t="s">
        <v>3816</v>
      </c>
      <c r="ADG21" s="282" t="s">
        <v>3816</v>
      </c>
      <c r="ADH21" s="282" t="s">
        <v>3816</v>
      </c>
      <c r="ADI21" s="282" t="s">
        <v>3816</v>
      </c>
      <c r="ADJ21" s="282" t="s">
        <v>3816</v>
      </c>
      <c r="ADK21" s="282" t="s">
        <v>3816</v>
      </c>
      <c r="ADL21" s="282" t="s">
        <v>3816</v>
      </c>
      <c r="ADM21" s="282" t="s">
        <v>3816</v>
      </c>
      <c r="ADN21" s="282" t="s">
        <v>3816</v>
      </c>
      <c r="ADO21" s="282" t="s">
        <v>3816</v>
      </c>
      <c r="ADP21" s="282" t="s">
        <v>3816</v>
      </c>
      <c r="ADQ21" s="282" t="s">
        <v>3816</v>
      </c>
      <c r="ADR21" s="282" t="s">
        <v>3816</v>
      </c>
      <c r="ADS21" s="282" t="s">
        <v>3816</v>
      </c>
      <c r="ADT21" s="282" t="s">
        <v>3816</v>
      </c>
      <c r="ADU21" s="282" t="s">
        <v>3816</v>
      </c>
      <c r="ADV21" s="282" t="s">
        <v>3816</v>
      </c>
      <c r="ADW21" s="282" t="s">
        <v>3816</v>
      </c>
      <c r="ADX21" s="282" t="s">
        <v>3816</v>
      </c>
      <c r="ADY21" s="282" t="s">
        <v>3816</v>
      </c>
      <c r="ADZ21" s="282" t="s">
        <v>3816</v>
      </c>
      <c r="AEA21" s="282" t="s">
        <v>3816</v>
      </c>
      <c r="AEB21" s="282" t="s">
        <v>3816</v>
      </c>
      <c r="AEC21" s="282" t="s">
        <v>3816</v>
      </c>
      <c r="AED21" s="282" t="s">
        <v>3816</v>
      </c>
      <c r="AEE21" s="282" t="s">
        <v>3816</v>
      </c>
      <c r="AEF21" s="282" t="s">
        <v>3816</v>
      </c>
      <c r="AEG21" s="282" t="s">
        <v>3816</v>
      </c>
      <c r="AEH21" s="282" t="s">
        <v>3816</v>
      </c>
      <c r="AEI21" s="282" t="s">
        <v>3816</v>
      </c>
      <c r="AEJ21" s="282" t="s">
        <v>3816</v>
      </c>
      <c r="AEK21" s="282" t="s">
        <v>3816</v>
      </c>
      <c r="AEL21" s="282" t="s">
        <v>3816</v>
      </c>
      <c r="AEM21" s="282" t="s">
        <v>3816</v>
      </c>
      <c r="AEN21" s="282" t="s">
        <v>3816</v>
      </c>
      <c r="AEO21" s="282" t="s">
        <v>3816</v>
      </c>
      <c r="AEP21" s="282" t="s">
        <v>3816</v>
      </c>
      <c r="AEQ21" s="282" t="s">
        <v>3816</v>
      </c>
      <c r="AER21" s="282" t="s">
        <v>3816</v>
      </c>
      <c r="AES21" s="282" t="s">
        <v>3816</v>
      </c>
      <c r="AET21" s="282" t="s">
        <v>3816</v>
      </c>
      <c r="AEU21" s="282" t="s">
        <v>3816</v>
      </c>
      <c r="AEV21" s="282" t="s">
        <v>3816</v>
      </c>
      <c r="AEW21" s="282" t="s">
        <v>3816</v>
      </c>
      <c r="AEX21" s="282" t="s">
        <v>3816</v>
      </c>
      <c r="AEY21" s="282" t="s">
        <v>3816</v>
      </c>
      <c r="AEZ21" s="282" t="s">
        <v>3816</v>
      </c>
      <c r="AFA21" s="282" t="s">
        <v>3816</v>
      </c>
      <c r="AFB21" s="282" t="s">
        <v>3816</v>
      </c>
      <c r="AFC21" s="282" t="s">
        <v>3816</v>
      </c>
      <c r="AFD21" s="282" t="s">
        <v>3816</v>
      </c>
      <c r="AFE21" s="282" t="s">
        <v>3816</v>
      </c>
      <c r="AFF21" s="282" t="s">
        <v>3816</v>
      </c>
      <c r="AFG21" s="282" t="s">
        <v>3816</v>
      </c>
      <c r="AFH21" s="282" t="s">
        <v>3816</v>
      </c>
      <c r="AFI21" s="282" t="s">
        <v>3816</v>
      </c>
      <c r="AFJ21" s="282" t="s">
        <v>3816</v>
      </c>
      <c r="AFK21" s="282" t="s">
        <v>3816</v>
      </c>
      <c r="AFL21" s="282" t="s">
        <v>3816</v>
      </c>
      <c r="AFM21" s="282" t="s">
        <v>3816</v>
      </c>
      <c r="AFN21" s="282" t="s">
        <v>3816</v>
      </c>
      <c r="AFO21" s="282" t="s">
        <v>3816</v>
      </c>
      <c r="AFP21" s="282" t="s">
        <v>3816</v>
      </c>
      <c r="AFQ21" s="282" t="s">
        <v>3816</v>
      </c>
      <c r="AFR21" s="282" t="s">
        <v>3816</v>
      </c>
      <c r="AFS21" s="282" t="s">
        <v>3816</v>
      </c>
      <c r="AFT21" s="282" t="s">
        <v>3816</v>
      </c>
      <c r="AFU21" s="282" t="s">
        <v>3816</v>
      </c>
      <c r="AFV21" s="282" t="s">
        <v>3816</v>
      </c>
      <c r="AFW21" s="282" t="s">
        <v>3816</v>
      </c>
      <c r="AFX21" s="282" t="s">
        <v>3816</v>
      </c>
      <c r="AFY21" s="282" t="s">
        <v>3816</v>
      </c>
      <c r="AFZ21" s="282" t="s">
        <v>3816</v>
      </c>
      <c r="AGA21" s="282" t="s">
        <v>3816</v>
      </c>
      <c r="AGB21" s="282" t="s">
        <v>3816</v>
      </c>
      <c r="AGC21" s="282" t="s">
        <v>3816</v>
      </c>
      <c r="AGD21" s="282" t="s">
        <v>3816</v>
      </c>
      <c r="AGE21" s="282" t="s">
        <v>3816</v>
      </c>
      <c r="AGF21" s="282" t="s">
        <v>3816</v>
      </c>
      <c r="AGG21" s="282" t="s">
        <v>3816</v>
      </c>
      <c r="AGH21" s="282" t="s">
        <v>3816</v>
      </c>
      <c r="AGI21" s="282" t="s">
        <v>3816</v>
      </c>
      <c r="AGJ21" s="282" t="s">
        <v>3816</v>
      </c>
      <c r="AGK21" s="282" t="s">
        <v>3816</v>
      </c>
      <c r="AGL21" s="282" t="s">
        <v>3816</v>
      </c>
      <c r="AGM21" s="282" t="s">
        <v>3816</v>
      </c>
      <c r="AGN21" s="282" t="s">
        <v>3816</v>
      </c>
      <c r="AGO21" s="282" t="s">
        <v>3816</v>
      </c>
      <c r="AGP21" s="282" t="s">
        <v>3816</v>
      </c>
      <c r="AGQ21" s="282" t="s">
        <v>3816</v>
      </c>
      <c r="AGR21" s="282" t="s">
        <v>3816</v>
      </c>
      <c r="AGS21" s="282" t="s">
        <v>3816</v>
      </c>
      <c r="AGT21" s="282" t="s">
        <v>3816</v>
      </c>
      <c r="AGU21" s="282" t="s">
        <v>3816</v>
      </c>
      <c r="AGV21" s="282" t="s">
        <v>3816</v>
      </c>
      <c r="AGW21" s="282" t="s">
        <v>3816</v>
      </c>
      <c r="AGX21" s="282" t="s">
        <v>3816</v>
      </c>
      <c r="AGY21" s="282" t="s">
        <v>3816</v>
      </c>
      <c r="AGZ21" s="282" t="s">
        <v>3816</v>
      </c>
      <c r="AHA21" s="282" t="s">
        <v>3816</v>
      </c>
      <c r="AHB21" s="282" t="s">
        <v>3816</v>
      </c>
      <c r="AHC21" s="282" t="s">
        <v>3816</v>
      </c>
      <c r="AHD21" s="282" t="s">
        <v>3816</v>
      </c>
      <c r="AHE21" s="282" t="s">
        <v>3816</v>
      </c>
      <c r="AHF21" s="282" t="s">
        <v>3816</v>
      </c>
      <c r="AHG21" s="282" t="s">
        <v>3816</v>
      </c>
      <c r="AHH21" s="282" t="s">
        <v>3816</v>
      </c>
      <c r="AHI21" s="282" t="s">
        <v>3816</v>
      </c>
      <c r="AHJ21" s="282" t="s">
        <v>3816</v>
      </c>
      <c r="AHK21" s="282" t="s">
        <v>3816</v>
      </c>
      <c r="AHL21" s="282" t="s">
        <v>3816</v>
      </c>
      <c r="AHM21" s="282" t="s">
        <v>3816</v>
      </c>
      <c r="AHN21" s="282" t="s">
        <v>3816</v>
      </c>
      <c r="AHO21" s="282" t="s">
        <v>3816</v>
      </c>
      <c r="AHP21" s="282" t="s">
        <v>3816</v>
      </c>
      <c r="AHQ21" s="282" t="s">
        <v>3816</v>
      </c>
      <c r="AHR21" s="282" t="s">
        <v>3816</v>
      </c>
      <c r="AHS21" s="282" t="s">
        <v>3816</v>
      </c>
      <c r="AHT21" s="282" t="s">
        <v>3816</v>
      </c>
      <c r="AHU21" s="282" t="s">
        <v>3816</v>
      </c>
      <c r="AHV21" s="282" t="s">
        <v>3816</v>
      </c>
      <c r="AHW21" s="282" t="s">
        <v>3816</v>
      </c>
      <c r="AHX21" s="282" t="s">
        <v>3816</v>
      </c>
      <c r="AHY21" s="282" t="s">
        <v>3816</v>
      </c>
      <c r="AHZ21" s="282" t="s">
        <v>3816</v>
      </c>
      <c r="AIA21" s="282" t="s">
        <v>3816</v>
      </c>
      <c r="AIB21" s="282" t="s">
        <v>3816</v>
      </c>
      <c r="AIC21" s="282" t="s">
        <v>3816</v>
      </c>
      <c r="AID21" s="282" t="s">
        <v>3816</v>
      </c>
      <c r="AIE21" s="282" t="s">
        <v>3816</v>
      </c>
      <c r="AIF21" s="282" t="s">
        <v>3816</v>
      </c>
      <c r="AIG21" s="282" t="s">
        <v>3816</v>
      </c>
      <c r="AIH21" s="282" t="s">
        <v>3816</v>
      </c>
      <c r="AII21" s="282" t="s">
        <v>3816</v>
      </c>
      <c r="AIJ21" s="282" t="s">
        <v>3816</v>
      </c>
      <c r="AIK21" s="282" t="s">
        <v>3816</v>
      </c>
      <c r="AIL21" s="282" t="s">
        <v>3816</v>
      </c>
      <c r="AIM21" s="282" t="s">
        <v>3816</v>
      </c>
      <c r="AIN21" s="282" t="s">
        <v>3816</v>
      </c>
      <c r="AIO21" s="282" t="s">
        <v>3816</v>
      </c>
      <c r="AIP21" s="282" t="s">
        <v>3816</v>
      </c>
      <c r="AIQ21" s="282" t="s">
        <v>3816</v>
      </c>
      <c r="AIR21" s="282" t="s">
        <v>3816</v>
      </c>
      <c r="AIS21" s="282" t="s">
        <v>3816</v>
      </c>
      <c r="AIT21" s="282" t="s">
        <v>3816</v>
      </c>
      <c r="AIU21" s="282" t="s">
        <v>3816</v>
      </c>
      <c r="AIV21" s="282" t="s">
        <v>3816</v>
      </c>
      <c r="AIW21" s="282" t="s">
        <v>3816</v>
      </c>
      <c r="AIX21" s="282" t="s">
        <v>3816</v>
      </c>
      <c r="AIY21" s="282" t="s">
        <v>3816</v>
      </c>
      <c r="AIZ21" s="282" t="s">
        <v>3816</v>
      </c>
      <c r="AJA21" s="282" t="s">
        <v>3816</v>
      </c>
      <c r="AJB21" s="282" t="s">
        <v>3816</v>
      </c>
      <c r="AJC21" s="282" t="s">
        <v>3816</v>
      </c>
      <c r="AJD21" s="282" t="s">
        <v>3816</v>
      </c>
      <c r="AJE21" s="282" t="s">
        <v>3816</v>
      </c>
      <c r="AJF21" s="282" t="s">
        <v>3816</v>
      </c>
      <c r="AJG21" s="282" t="s">
        <v>3816</v>
      </c>
      <c r="AJH21" s="282" t="s">
        <v>3816</v>
      </c>
      <c r="AJI21" s="282" t="s">
        <v>3816</v>
      </c>
      <c r="AJJ21" s="282" t="s">
        <v>3816</v>
      </c>
      <c r="AJK21" s="282" t="s">
        <v>3816</v>
      </c>
      <c r="AJL21" s="282" t="s">
        <v>3816</v>
      </c>
      <c r="AJM21" s="282" t="s">
        <v>3816</v>
      </c>
      <c r="AJN21" s="282" t="s">
        <v>3816</v>
      </c>
      <c r="AJO21" s="282" t="s">
        <v>3816</v>
      </c>
      <c r="AJP21" s="282" t="s">
        <v>3816</v>
      </c>
      <c r="AJQ21" s="282" t="s">
        <v>3816</v>
      </c>
      <c r="AJR21" s="282" t="s">
        <v>3816</v>
      </c>
      <c r="AJS21" s="282" t="s">
        <v>3816</v>
      </c>
      <c r="AJT21" s="282" t="s">
        <v>3816</v>
      </c>
      <c r="AJU21" s="282" t="s">
        <v>3816</v>
      </c>
      <c r="AJV21" s="282" t="s">
        <v>3816</v>
      </c>
      <c r="AJW21" s="282" t="s">
        <v>3816</v>
      </c>
      <c r="AJX21" s="282" t="s">
        <v>3816</v>
      </c>
      <c r="AJY21" s="282" t="s">
        <v>3816</v>
      </c>
      <c r="AJZ21" s="282" t="s">
        <v>3816</v>
      </c>
      <c r="AKA21" s="282" t="s">
        <v>3816</v>
      </c>
      <c r="AKB21" s="282" t="s">
        <v>3816</v>
      </c>
      <c r="AKC21" s="282" t="s">
        <v>3816</v>
      </c>
      <c r="AKD21" s="282" t="s">
        <v>3816</v>
      </c>
      <c r="AKE21" s="282" t="s">
        <v>3816</v>
      </c>
      <c r="AKF21" s="282" t="s">
        <v>3816</v>
      </c>
      <c r="AKG21" s="282" t="s">
        <v>3816</v>
      </c>
      <c r="AKH21" s="282" t="s">
        <v>3816</v>
      </c>
      <c r="AKI21" s="282" t="s">
        <v>3816</v>
      </c>
      <c r="AKJ21" s="282" t="s">
        <v>3816</v>
      </c>
      <c r="AKK21" s="282" t="s">
        <v>3816</v>
      </c>
      <c r="AKL21" s="282" t="s">
        <v>3816</v>
      </c>
      <c r="AKM21" s="282" t="s">
        <v>3816</v>
      </c>
      <c r="AKN21" s="282" t="s">
        <v>3816</v>
      </c>
      <c r="AKO21" s="282" t="s">
        <v>3816</v>
      </c>
      <c r="AKP21" s="282" t="s">
        <v>3816</v>
      </c>
      <c r="AKQ21" s="282" t="s">
        <v>3816</v>
      </c>
      <c r="AKR21" s="282" t="s">
        <v>3816</v>
      </c>
      <c r="AKS21" s="282" t="s">
        <v>3816</v>
      </c>
      <c r="AKT21" s="282" t="s">
        <v>3816</v>
      </c>
      <c r="AKU21" s="282" t="s">
        <v>3816</v>
      </c>
      <c r="AKV21" s="282" t="s">
        <v>3816</v>
      </c>
      <c r="AKW21" s="282" t="s">
        <v>3816</v>
      </c>
      <c r="AKX21" s="282" t="s">
        <v>3816</v>
      </c>
      <c r="AKY21" s="282" t="s">
        <v>3816</v>
      </c>
      <c r="AKZ21" s="282" t="s">
        <v>3816</v>
      </c>
      <c r="ALA21" s="282" t="s">
        <v>3816</v>
      </c>
      <c r="ALB21" s="282" t="s">
        <v>3816</v>
      </c>
      <c r="ALC21" s="282" t="s">
        <v>3816</v>
      </c>
      <c r="ALD21" s="282" t="s">
        <v>3816</v>
      </c>
      <c r="ALE21" s="282" t="s">
        <v>3816</v>
      </c>
      <c r="ALF21" s="282" t="s">
        <v>3816</v>
      </c>
      <c r="ALG21" s="282" t="s">
        <v>3816</v>
      </c>
      <c r="ALH21" s="282" t="s">
        <v>3816</v>
      </c>
      <c r="ALI21" s="282" t="s">
        <v>3816</v>
      </c>
      <c r="ALJ21" s="282" t="s">
        <v>3816</v>
      </c>
      <c r="ALK21" s="282" t="s">
        <v>3816</v>
      </c>
      <c r="ALL21" s="282" t="s">
        <v>3816</v>
      </c>
      <c r="ALM21" s="282" t="s">
        <v>3816</v>
      </c>
      <c r="ALN21" s="282" t="s">
        <v>3816</v>
      </c>
      <c r="ALO21" s="282" t="s">
        <v>3816</v>
      </c>
      <c r="ALP21" s="282" t="s">
        <v>3816</v>
      </c>
      <c r="ALQ21" s="282" t="s">
        <v>3816</v>
      </c>
      <c r="ALR21" s="282" t="s">
        <v>3816</v>
      </c>
      <c r="ALS21" s="282" t="s">
        <v>3816</v>
      </c>
      <c r="ALT21" s="282" t="s">
        <v>3816</v>
      </c>
      <c r="ALU21" s="282" t="s">
        <v>3816</v>
      </c>
      <c r="ALV21" s="282" t="s">
        <v>3816</v>
      </c>
      <c r="ALW21" s="282" t="s">
        <v>3816</v>
      </c>
      <c r="ALX21" s="282" t="s">
        <v>3816</v>
      </c>
      <c r="ALY21" s="282" t="s">
        <v>3816</v>
      </c>
      <c r="ALZ21" s="282" t="s">
        <v>3816</v>
      </c>
      <c r="AMA21" s="282" t="s">
        <v>3816</v>
      </c>
      <c r="AMB21" s="282" t="s">
        <v>3816</v>
      </c>
      <c r="AMC21" s="282" t="s">
        <v>3816</v>
      </c>
      <c r="AMD21" s="282" t="s">
        <v>3816</v>
      </c>
      <c r="AME21" s="282" t="s">
        <v>3816</v>
      </c>
      <c r="AMF21" s="282" t="s">
        <v>3816</v>
      </c>
      <c r="AMG21" s="282" t="s">
        <v>3816</v>
      </c>
      <c r="AMH21" s="282" t="s">
        <v>3816</v>
      </c>
      <c r="AMI21" s="282" t="s">
        <v>3816</v>
      </c>
      <c r="AMJ21" s="282" t="s">
        <v>3816</v>
      </c>
      <c r="AMK21" s="282" t="s">
        <v>3816</v>
      </c>
      <c r="AML21" s="282" t="s">
        <v>3816</v>
      </c>
      <c r="AMM21" s="282" t="s">
        <v>3816</v>
      </c>
      <c r="AMN21" s="282" t="s">
        <v>3816</v>
      </c>
      <c r="AMO21" s="282" t="s">
        <v>3816</v>
      </c>
      <c r="AMP21" s="282" t="s">
        <v>3816</v>
      </c>
      <c r="AMQ21" s="282" t="s">
        <v>3816</v>
      </c>
      <c r="AMR21" s="282" t="s">
        <v>3816</v>
      </c>
      <c r="AMS21" s="282" t="s">
        <v>3816</v>
      </c>
      <c r="AMT21" s="282" t="s">
        <v>3816</v>
      </c>
      <c r="AMU21" s="282" t="s">
        <v>3816</v>
      </c>
      <c r="AMV21" s="282" t="s">
        <v>3816</v>
      </c>
      <c r="AMW21" s="282" t="s">
        <v>3816</v>
      </c>
      <c r="AMX21" s="282" t="s">
        <v>3816</v>
      </c>
      <c r="AMY21" s="282" t="s">
        <v>3816</v>
      </c>
      <c r="AMZ21" s="282" t="s">
        <v>3816</v>
      </c>
      <c r="ANA21" s="282" t="s">
        <v>3816</v>
      </c>
      <c r="ANB21" s="282" t="s">
        <v>3816</v>
      </c>
      <c r="ANC21" s="282" t="s">
        <v>3816</v>
      </c>
      <c r="AND21" s="282" t="s">
        <v>3816</v>
      </c>
      <c r="ANE21" s="282" t="s">
        <v>3816</v>
      </c>
      <c r="ANF21" s="282" t="s">
        <v>3816</v>
      </c>
      <c r="ANG21" s="282" t="s">
        <v>3816</v>
      </c>
      <c r="ANH21" s="282" t="s">
        <v>3816</v>
      </c>
      <c r="ANI21" s="282" t="s">
        <v>3816</v>
      </c>
      <c r="ANJ21" s="282" t="s">
        <v>3816</v>
      </c>
      <c r="ANK21" s="282" t="s">
        <v>3816</v>
      </c>
      <c r="ANL21" s="282" t="s">
        <v>3816</v>
      </c>
      <c r="ANM21" s="282" t="s">
        <v>3816</v>
      </c>
      <c r="ANN21" s="282" t="s">
        <v>3816</v>
      </c>
      <c r="ANO21" s="282" t="s">
        <v>3816</v>
      </c>
      <c r="ANP21" s="282" t="s">
        <v>3816</v>
      </c>
      <c r="ANQ21" s="282" t="s">
        <v>3816</v>
      </c>
      <c r="ANR21" s="282" t="s">
        <v>3816</v>
      </c>
      <c r="ANS21" s="282" t="s">
        <v>3816</v>
      </c>
      <c r="ANT21" s="282" t="s">
        <v>3816</v>
      </c>
      <c r="ANU21" s="282" t="s">
        <v>3816</v>
      </c>
      <c r="ANV21" s="282" t="s">
        <v>3816</v>
      </c>
      <c r="ANW21" s="282" t="s">
        <v>3816</v>
      </c>
      <c r="ANX21" s="282" t="s">
        <v>3816</v>
      </c>
      <c r="ANY21" s="282" t="s">
        <v>3816</v>
      </c>
      <c r="ANZ21" s="282" t="s">
        <v>3816</v>
      </c>
      <c r="AOA21" s="282" t="s">
        <v>3816</v>
      </c>
      <c r="AOB21" s="282" t="s">
        <v>3816</v>
      </c>
      <c r="AOC21" s="282" t="s">
        <v>3816</v>
      </c>
      <c r="AOD21" s="282" t="s">
        <v>3816</v>
      </c>
      <c r="AOE21" s="282" t="s">
        <v>3816</v>
      </c>
      <c r="AOF21" s="282" t="s">
        <v>3816</v>
      </c>
      <c r="AOG21" s="282" t="s">
        <v>3816</v>
      </c>
      <c r="AOH21" s="282" t="s">
        <v>3816</v>
      </c>
      <c r="AOI21" s="282" t="s">
        <v>3816</v>
      </c>
      <c r="AOJ21" s="282" t="s">
        <v>3816</v>
      </c>
      <c r="AOK21" s="282" t="s">
        <v>3816</v>
      </c>
      <c r="AOL21" s="282" t="s">
        <v>3816</v>
      </c>
      <c r="AOM21" s="282" t="s">
        <v>3816</v>
      </c>
      <c r="AON21" s="282" t="s">
        <v>3816</v>
      </c>
      <c r="AOO21" s="282" t="s">
        <v>3816</v>
      </c>
      <c r="AOP21" s="282" t="s">
        <v>3816</v>
      </c>
      <c r="AOQ21" s="282" t="s">
        <v>3816</v>
      </c>
      <c r="AOR21" s="282" t="s">
        <v>3816</v>
      </c>
      <c r="AOS21" s="282" t="s">
        <v>3816</v>
      </c>
      <c r="AOT21" s="282" t="s">
        <v>3816</v>
      </c>
      <c r="AOU21" s="282" t="s">
        <v>3816</v>
      </c>
      <c r="AOV21" s="282" t="s">
        <v>3816</v>
      </c>
      <c r="AOW21" s="282" t="s">
        <v>3816</v>
      </c>
      <c r="AOX21" s="282" t="s">
        <v>3816</v>
      </c>
      <c r="AOY21" s="282" t="s">
        <v>3816</v>
      </c>
      <c r="AOZ21" s="282" t="s">
        <v>3816</v>
      </c>
      <c r="APA21" s="282" t="s">
        <v>3816</v>
      </c>
      <c r="APB21" s="282" t="s">
        <v>3816</v>
      </c>
      <c r="APC21" s="282" t="s">
        <v>3816</v>
      </c>
      <c r="APD21" s="282" t="s">
        <v>3816</v>
      </c>
      <c r="APE21" s="282" t="s">
        <v>3816</v>
      </c>
      <c r="APF21" s="282" t="s">
        <v>3816</v>
      </c>
      <c r="APG21" s="282" t="s">
        <v>3816</v>
      </c>
      <c r="APH21" s="282" t="s">
        <v>3816</v>
      </c>
      <c r="API21" s="282" t="s">
        <v>3816</v>
      </c>
      <c r="APJ21" s="282" t="s">
        <v>3816</v>
      </c>
      <c r="APK21" s="282" t="s">
        <v>3816</v>
      </c>
      <c r="APL21" s="282" t="s">
        <v>3816</v>
      </c>
      <c r="APM21" s="282" t="s">
        <v>3816</v>
      </c>
      <c r="APN21" s="282" t="s">
        <v>3816</v>
      </c>
      <c r="APO21" s="282" t="s">
        <v>3816</v>
      </c>
      <c r="APP21" s="282" t="s">
        <v>3816</v>
      </c>
      <c r="APQ21" s="282" t="s">
        <v>3816</v>
      </c>
      <c r="APR21" s="282" t="s">
        <v>3816</v>
      </c>
      <c r="APS21" s="282" t="s">
        <v>3816</v>
      </c>
      <c r="APT21" s="282" t="s">
        <v>3816</v>
      </c>
      <c r="APU21" s="282" t="s">
        <v>3816</v>
      </c>
      <c r="APV21" s="282" t="s">
        <v>3816</v>
      </c>
      <c r="APW21" s="282" t="s">
        <v>3816</v>
      </c>
      <c r="APX21" s="282" t="s">
        <v>3816</v>
      </c>
      <c r="APY21" s="282" t="s">
        <v>3816</v>
      </c>
      <c r="APZ21" s="282" t="s">
        <v>3816</v>
      </c>
      <c r="AQA21" s="282" t="s">
        <v>3816</v>
      </c>
      <c r="AQB21" s="282" t="s">
        <v>3816</v>
      </c>
      <c r="AQC21" s="282" t="s">
        <v>3816</v>
      </c>
      <c r="AQD21" s="282" t="s">
        <v>3816</v>
      </c>
      <c r="AQE21" s="282" t="s">
        <v>3816</v>
      </c>
      <c r="AQF21" s="282" t="s">
        <v>3816</v>
      </c>
      <c r="AQG21" s="282" t="s">
        <v>3816</v>
      </c>
      <c r="AQH21" s="282" t="s">
        <v>3816</v>
      </c>
      <c r="AQI21" s="282" t="s">
        <v>3816</v>
      </c>
      <c r="AQJ21" s="282" t="s">
        <v>3816</v>
      </c>
      <c r="AQK21" s="282" t="s">
        <v>3816</v>
      </c>
      <c r="AQL21" s="282" t="s">
        <v>3816</v>
      </c>
      <c r="AQM21" s="282" t="s">
        <v>3816</v>
      </c>
      <c r="AQN21" s="282" t="s">
        <v>3816</v>
      </c>
      <c r="AQO21" s="282" t="s">
        <v>3816</v>
      </c>
      <c r="AQP21" s="282" t="s">
        <v>3816</v>
      </c>
      <c r="AQQ21" s="282" t="s">
        <v>3816</v>
      </c>
      <c r="AQR21" s="282" t="s">
        <v>3816</v>
      </c>
      <c r="AQS21" s="282" t="s">
        <v>3816</v>
      </c>
      <c r="AQT21" s="282" t="s">
        <v>3816</v>
      </c>
      <c r="AQU21" s="282" t="s">
        <v>3816</v>
      </c>
      <c r="AQV21" s="282" t="s">
        <v>3816</v>
      </c>
      <c r="AQW21" s="282" t="s">
        <v>3816</v>
      </c>
      <c r="AQX21" s="282" t="s">
        <v>3816</v>
      </c>
      <c r="AQY21" s="282" t="s">
        <v>3816</v>
      </c>
      <c r="AQZ21" s="282" t="s">
        <v>3816</v>
      </c>
      <c r="ARA21" s="282" t="s">
        <v>3816</v>
      </c>
      <c r="ARB21" s="282" t="s">
        <v>3816</v>
      </c>
      <c r="ARC21" s="282" t="s">
        <v>3816</v>
      </c>
      <c r="ARD21" s="282" t="s">
        <v>3816</v>
      </c>
      <c r="ARE21" s="282" t="s">
        <v>3816</v>
      </c>
      <c r="ARF21" s="282" t="s">
        <v>3816</v>
      </c>
      <c r="ARG21" s="282" t="s">
        <v>3816</v>
      </c>
      <c r="ARH21" s="282" t="s">
        <v>3816</v>
      </c>
      <c r="ARI21" s="282" t="s">
        <v>3816</v>
      </c>
      <c r="ARJ21" s="282" t="s">
        <v>3816</v>
      </c>
      <c r="ARK21" s="282" t="s">
        <v>3816</v>
      </c>
      <c r="ARL21" s="282" t="s">
        <v>3816</v>
      </c>
      <c r="ARM21" s="282" t="s">
        <v>3816</v>
      </c>
      <c r="ARN21" s="282" t="s">
        <v>3816</v>
      </c>
      <c r="ARO21" s="282" t="s">
        <v>3816</v>
      </c>
      <c r="ARP21" s="282" t="s">
        <v>3816</v>
      </c>
      <c r="ARQ21" s="282" t="s">
        <v>3816</v>
      </c>
      <c r="ARR21" s="282" t="s">
        <v>3816</v>
      </c>
      <c r="ARS21" s="282" t="s">
        <v>3816</v>
      </c>
      <c r="ART21" s="282" t="s">
        <v>3816</v>
      </c>
      <c r="ARU21" s="282" t="s">
        <v>3816</v>
      </c>
      <c r="ARV21" s="282" t="s">
        <v>3816</v>
      </c>
      <c r="ARW21" s="282" t="s">
        <v>3816</v>
      </c>
      <c r="ARX21" s="282" t="s">
        <v>3816</v>
      </c>
      <c r="ARY21" s="282" t="s">
        <v>3816</v>
      </c>
      <c r="ARZ21" s="282" t="s">
        <v>3816</v>
      </c>
      <c r="ASA21" s="282" t="s">
        <v>3816</v>
      </c>
      <c r="ASB21" s="282" t="s">
        <v>3816</v>
      </c>
      <c r="ASC21" s="282" t="s">
        <v>3816</v>
      </c>
      <c r="ASD21" s="282" t="s">
        <v>3816</v>
      </c>
      <c r="ASE21" s="282" t="s">
        <v>3816</v>
      </c>
      <c r="ASF21" s="282" t="s">
        <v>3816</v>
      </c>
      <c r="ASG21" s="282" t="s">
        <v>3816</v>
      </c>
      <c r="ASH21" s="282" t="s">
        <v>3816</v>
      </c>
      <c r="ASI21" s="282" t="s">
        <v>3816</v>
      </c>
      <c r="ASJ21" s="282" t="s">
        <v>3816</v>
      </c>
      <c r="ASK21" s="282" t="s">
        <v>3816</v>
      </c>
      <c r="ASL21" s="282" t="s">
        <v>3816</v>
      </c>
      <c r="ASM21" s="282" t="s">
        <v>3816</v>
      </c>
      <c r="ASN21" s="282" t="s">
        <v>3816</v>
      </c>
      <c r="ASO21" s="282" t="s">
        <v>3816</v>
      </c>
      <c r="ASP21" s="282" t="s">
        <v>3816</v>
      </c>
      <c r="ASQ21" s="282" t="s">
        <v>3816</v>
      </c>
      <c r="ASR21" s="282" t="s">
        <v>3816</v>
      </c>
      <c r="ASS21" s="282" t="s">
        <v>3816</v>
      </c>
      <c r="AST21" s="282" t="s">
        <v>3816</v>
      </c>
      <c r="ASU21" s="282" t="s">
        <v>3816</v>
      </c>
      <c r="ASV21" s="282" t="s">
        <v>3816</v>
      </c>
      <c r="ASW21" s="282" t="s">
        <v>3816</v>
      </c>
      <c r="ASX21" s="282" t="s">
        <v>3816</v>
      </c>
      <c r="ASY21" s="282" t="s">
        <v>3816</v>
      </c>
      <c r="ASZ21" s="282" t="s">
        <v>3816</v>
      </c>
      <c r="ATA21" s="282" t="s">
        <v>3816</v>
      </c>
      <c r="ATB21" s="282" t="s">
        <v>3816</v>
      </c>
      <c r="ATC21" s="282" t="s">
        <v>3816</v>
      </c>
      <c r="ATD21" s="282" t="s">
        <v>3816</v>
      </c>
      <c r="ATE21" s="282" t="s">
        <v>3816</v>
      </c>
      <c r="ATF21" s="282" t="s">
        <v>3816</v>
      </c>
      <c r="ATG21" s="282" t="s">
        <v>3816</v>
      </c>
      <c r="ATH21" s="282" t="s">
        <v>3816</v>
      </c>
      <c r="ATI21" s="282" t="s">
        <v>3816</v>
      </c>
      <c r="ATJ21" s="282" t="s">
        <v>3816</v>
      </c>
      <c r="ATK21" s="282" t="s">
        <v>3816</v>
      </c>
      <c r="ATL21" s="282" t="s">
        <v>3816</v>
      </c>
      <c r="ATM21" s="282" t="s">
        <v>3816</v>
      </c>
      <c r="ATN21" s="282" t="s">
        <v>3816</v>
      </c>
      <c r="ATO21" s="282" t="s">
        <v>3816</v>
      </c>
      <c r="ATP21" s="282" t="s">
        <v>3816</v>
      </c>
      <c r="ATQ21" s="282" t="s">
        <v>3816</v>
      </c>
      <c r="ATR21" s="282" t="s">
        <v>3816</v>
      </c>
      <c r="ATS21" s="282" t="s">
        <v>3816</v>
      </c>
      <c r="ATT21" s="282" t="s">
        <v>3816</v>
      </c>
      <c r="ATU21" s="282" t="s">
        <v>3816</v>
      </c>
      <c r="ATV21" s="282" t="s">
        <v>3816</v>
      </c>
      <c r="ATW21" s="282" t="s">
        <v>3816</v>
      </c>
      <c r="ATX21" s="282" t="s">
        <v>3816</v>
      </c>
      <c r="ATY21" s="282" t="s">
        <v>3816</v>
      </c>
      <c r="ATZ21" s="282" t="s">
        <v>3816</v>
      </c>
      <c r="AUA21" s="282" t="s">
        <v>3816</v>
      </c>
      <c r="AUB21" s="282" t="s">
        <v>3816</v>
      </c>
      <c r="AUC21" s="282" t="s">
        <v>3816</v>
      </c>
      <c r="AUD21" s="282" t="s">
        <v>3816</v>
      </c>
      <c r="AUE21" s="282" t="s">
        <v>3816</v>
      </c>
      <c r="AUF21" s="282" t="s">
        <v>3816</v>
      </c>
      <c r="AUG21" s="282" t="s">
        <v>3816</v>
      </c>
      <c r="AUH21" s="282" t="s">
        <v>3816</v>
      </c>
      <c r="AUI21" s="282" t="s">
        <v>3816</v>
      </c>
      <c r="AUJ21" s="282" t="s">
        <v>3816</v>
      </c>
      <c r="AUK21" s="282" t="s">
        <v>3816</v>
      </c>
      <c r="AUL21" s="282" t="s">
        <v>3816</v>
      </c>
      <c r="AUM21" s="282" t="s">
        <v>3816</v>
      </c>
      <c r="AUN21" s="282" t="s">
        <v>3816</v>
      </c>
      <c r="AUO21" s="282" t="s">
        <v>3816</v>
      </c>
      <c r="AUP21" s="282" t="s">
        <v>3816</v>
      </c>
      <c r="AUQ21" s="282" t="s">
        <v>3816</v>
      </c>
      <c r="AUR21" s="282" t="s">
        <v>3816</v>
      </c>
      <c r="AUS21" s="282" t="s">
        <v>3816</v>
      </c>
      <c r="AUT21" s="282" t="s">
        <v>3816</v>
      </c>
      <c r="AUU21" s="282" t="s">
        <v>3816</v>
      </c>
      <c r="AUV21" s="282" t="s">
        <v>3816</v>
      </c>
      <c r="AUW21" s="282" t="s">
        <v>3816</v>
      </c>
      <c r="AUX21" s="282" t="s">
        <v>3816</v>
      </c>
      <c r="AUY21" s="282" t="s">
        <v>3816</v>
      </c>
      <c r="AUZ21" s="282" t="s">
        <v>3816</v>
      </c>
      <c r="AVA21" s="282" t="s">
        <v>3816</v>
      </c>
      <c r="AVB21" s="282" t="s">
        <v>3816</v>
      </c>
      <c r="AVC21" s="282" t="s">
        <v>3816</v>
      </c>
      <c r="AVD21" s="282" t="s">
        <v>3816</v>
      </c>
      <c r="AVE21" s="282" t="s">
        <v>3816</v>
      </c>
      <c r="AVF21" s="282" t="s">
        <v>3816</v>
      </c>
      <c r="AVG21" s="282" t="s">
        <v>3816</v>
      </c>
      <c r="AVH21" s="282" t="s">
        <v>3816</v>
      </c>
      <c r="AVI21" s="282" t="s">
        <v>3816</v>
      </c>
      <c r="AVJ21" s="282" t="s">
        <v>3816</v>
      </c>
      <c r="AVK21" s="282" t="s">
        <v>3816</v>
      </c>
      <c r="AVL21" s="282" t="s">
        <v>3816</v>
      </c>
      <c r="AVM21" s="282" t="s">
        <v>3816</v>
      </c>
      <c r="AVN21" s="282" t="s">
        <v>3816</v>
      </c>
      <c r="AVO21" s="282" t="s">
        <v>3816</v>
      </c>
      <c r="AVP21" s="282" t="s">
        <v>3816</v>
      </c>
      <c r="AVQ21" s="282" t="s">
        <v>3816</v>
      </c>
      <c r="AVR21" s="282" t="s">
        <v>3816</v>
      </c>
      <c r="AVS21" s="282" t="s">
        <v>3816</v>
      </c>
      <c r="AVT21" s="282" t="s">
        <v>3816</v>
      </c>
      <c r="AVU21" s="282" t="s">
        <v>3816</v>
      </c>
      <c r="AVV21" s="282" t="s">
        <v>3816</v>
      </c>
      <c r="AVW21" s="282" t="s">
        <v>3816</v>
      </c>
      <c r="AVX21" s="282" t="s">
        <v>3816</v>
      </c>
      <c r="AVY21" s="282" t="s">
        <v>3816</v>
      </c>
      <c r="AVZ21" s="282" t="s">
        <v>3816</v>
      </c>
      <c r="AWA21" s="282" t="s">
        <v>3816</v>
      </c>
      <c r="AWB21" s="282" t="s">
        <v>3816</v>
      </c>
      <c r="AWC21" s="282" t="s">
        <v>3816</v>
      </c>
      <c r="AWD21" s="282" t="s">
        <v>3816</v>
      </c>
      <c r="AWE21" s="282" t="s">
        <v>3816</v>
      </c>
      <c r="AWF21" s="282" t="s">
        <v>3816</v>
      </c>
      <c r="AWG21" s="282" t="s">
        <v>3816</v>
      </c>
      <c r="AWH21" s="282" t="s">
        <v>3816</v>
      </c>
      <c r="AWI21" s="282" t="s">
        <v>3816</v>
      </c>
      <c r="AWJ21" s="282" t="s">
        <v>3816</v>
      </c>
      <c r="AWK21" s="282" t="s">
        <v>3816</v>
      </c>
      <c r="AWL21" s="282" t="s">
        <v>3816</v>
      </c>
      <c r="AWM21" s="282" t="s">
        <v>3816</v>
      </c>
      <c r="AWN21" s="282" t="s">
        <v>3816</v>
      </c>
      <c r="AWO21" s="282" t="s">
        <v>3816</v>
      </c>
      <c r="AWP21" s="282" t="s">
        <v>3816</v>
      </c>
      <c r="AWQ21" s="282" t="s">
        <v>3816</v>
      </c>
      <c r="AWR21" s="282" t="s">
        <v>3816</v>
      </c>
      <c r="AWS21" s="282" t="s">
        <v>3816</v>
      </c>
      <c r="AWT21" s="282" t="s">
        <v>3816</v>
      </c>
      <c r="AWU21" s="282" t="s">
        <v>3816</v>
      </c>
      <c r="AWV21" s="282" t="s">
        <v>3816</v>
      </c>
      <c r="AWW21" s="282" t="s">
        <v>3816</v>
      </c>
      <c r="AWX21" s="282" t="s">
        <v>3816</v>
      </c>
      <c r="AWY21" s="282" t="s">
        <v>3816</v>
      </c>
      <c r="AWZ21" s="282" t="s">
        <v>3816</v>
      </c>
      <c r="AXA21" s="282" t="s">
        <v>3816</v>
      </c>
      <c r="AXB21" s="282" t="s">
        <v>3816</v>
      </c>
      <c r="AXC21" s="282" t="s">
        <v>3816</v>
      </c>
      <c r="AXD21" s="282" t="s">
        <v>3816</v>
      </c>
      <c r="AXE21" s="282" t="s">
        <v>3816</v>
      </c>
      <c r="AXF21" s="282" t="s">
        <v>3816</v>
      </c>
      <c r="AXG21" s="282" t="s">
        <v>3816</v>
      </c>
      <c r="AXH21" s="282" t="s">
        <v>3816</v>
      </c>
      <c r="AXI21" s="282" t="s">
        <v>3816</v>
      </c>
      <c r="AXJ21" s="282" t="s">
        <v>3816</v>
      </c>
      <c r="AXK21" s="282" t="s">
        <v>3816</v>
      </c>
      <c r="AXL21" s="282" t="s">
        <v>3816</v>
      </c>
      <c r="AXM21" s="282" t="s">
        <v>3816</v>
      </c>
      <c r="AXN21" s="282" t="s">
        <v>3816</v>
      </c>
      <c r="AXO21" s="282" t="s">
        <v>3816</v>
      </c>
      <c r="AXP21" s="282" t="s">
        <v>3816</v>
      </c>
      <c r="AXQ21" s="282" t="s">
        <v>3816</v>
      </c>
      <c r="AXR21" s="282" t="s">
        <v>3816</v>
      </c>
      <c r="AXS21" s="282" t="s">
        <v>3816</v>
      </c>
      <c r="AXT21" s="282" t="s">
        <v>3816</v>
      </c>
      <c r="AXU21" s="282" t="s">
        <v>3816</v>
      </c>
      <c r="AXV21" s="282" t="s">
        <v>3816</v>
      </c>
      <c r="AXW21" s="282" t="s">
        <v>3816</v>
      </c>
      <c r="AXX21" s="282" t="s">
        <v>3816</v>
      </c>
      <c r="AXY21" s="282" t="s">
        <v>3816</v>
      </c>
      <c r="AXZ21" s="282" t="s">
        <v>3816</v>
      </c>
      <c r="AYA21" s="282" t="s">
        <v>3816</v>
      </c>
      <c r="AYB21" s="282" t="s">
        <v>3816</v>
      </c>
      <c r="AYC21" s="282" t="s">
        <v>3816</v>
      </c>
      <c r="AYD21" s="282" t="s">
        <v>3816</v>
      </c>
      <c r="AYE21" s="282" t="s">
        <v>3816</v>
      </c>
      <c r="AYF21" s="282" t="s">
        <v>3816</v>
      </c>
      <c r="AYG21" s="282" t="s">
        <v>3816</v>
      </c>
      <c r="AYH21" s="282" t="s">
        <v>3816</v>
      </c>
      <c r="AYI21" s="282" t="s">
        <v>3816</v>
      </c>
      <c r="AYJ21" s="282" t="s">
        <v>3816</v>
      </c>
      <c r="AYK21" s="282" t="s">
        <v>3816</v>
      </c>
      <c r="AYL21" s="282" t="s">
        <v>3816</v>
      </c>
      <c r="AYM21" s="282" t="s">
        <v>3816</v>
      </c>
      <c r="AYN21" s="282" t="s">
        <v>3816</v>
      </c>
      <c r="AYO21" s="282" t="s">
        <v>3816</v>
      </c>
      <c r="AYP21" s="282" t="s">
        <v>3816</v>
      </c>
      <c r="AYQ21" s="282" t="s">
        <v>3816</v>
      </c>
      <c r="AYR21" s="282" t="s">
        <v>3816</v>
      </c>
      <c r="AYS21" s="282" t="s">
        <v>3816</v>
      </c>
      <c r="AYT21" s="282" t="s">
        <v>3816</v>
      </c>
      <c r="AYU21" s="282" t="s">
        <v>3816</v>
      </c>
      <c r="AYV21" s="282" t="s">
        <v>3816</v>
      </c>
      <c r="AYW21" s="282" t="s">
        <v>3816</v>
      </c>
      <c r="AYX21" s="282" t="s">
        <v>3816</v>
      </c>
      <c r="AYY21" s="282" t="s">
        <v>3816</v>
      </c>
      <c r="AYZ21" s="282" t="s">
        <v>3816</v>
      </c>
      <c r="AZA21" s="282" t="s">
        <v>3816</v>
      </c>
      <c r="AZB21" s="282" t="s">
        <v>3816</v>
      </c>
      <c r="AZC21" s="282" t="s">
        <v>3816</v>
      </c>
      <c r="AZD21" s="282" t="s">
        <v>3816</v>
      </c>
      <c r="AZE21" s="282" t="s">
        <v>3816</v>
      </c>
      <c r="AZF21" s="282" t="s">
        <v>3816</v>
      </c>
      <c r="AZG21" s="282" t="s">
        <v>3816</v>
      </c>
      <c r="AZH21" s="282" t="s">
        <v>3816</v>
      </c>
      <c r="AZI21" s="282" t="s">
        <v>3816</v>
      </c>
      <c r="AZJ21" s="282" t="s">
        <v>3816</v>
      </c>
      <c r="AZK21" s="282" t="s">
        <v>3816</v>
      </c>
      <c r="AZL21" s="282" t="s">
        <v>3816</v>
      </c>
      <c r="AZM21" s="282" t="s">
        <v>3816</v>
      </c>
      <c r="AZN21" s="282" t="s">
        <v>3816</v>
      </c>
      <c r="AZO21" s="282" t="s">
        <v>3816</v>
      </c>
      <c r="AZP21" s="282" t="s">
        <v>3816</v>
      </c>
      <c r="AZQ21" s="282" t="s">
        <v>3816</v>
      </c>
      <c r="AZR21" s="282" t="s">
        <v>3816</v>
      </c>
      <c r="AZS21" s="282" t="s">
        <v>3816</v>
      </c>
      <c r="AZT21" s="282" t="s">
        <v>3816</v>
      </c>
      <c r="AZU21" s="282" t="s">
        <v>3816</v>
      </c>
      <c r="AZV21" s="282" t="s">
        <v>3816</v>
      </c>
      <c r="AZW21" s="282" t="s">
        <v>3816</v>
      </c>
      <c r="AZX21" s="282" t="s">
        <v>3816</v>
      </c>
      <c r="AZY21" s="282" t="s">
        <v>3816</v>
      </c>
      <c r="AZZ21" s="282" t="s">
        <v>3816</v>
      </c>
      <c r="BAA21" s="282" t="s">
        <v>3816</v>
      </c>
      <c r="BAB21" s="282" t="s">
        <v>3816</v>
      </c>
      <c r="BAC21" s="282" t="s">
        <v>3816</v>
      </c>
      <c r="BAD21" s="282" t="s">
        <v>3816</v>
      </c>
      <c r="BAE21" s="282" t="s">
        <v>3816</v>
      </c>
      <c r="BAF21" s="282" t="s">
        <v>3816</v>
      </c>
      <c r="BAG21" s="282" t="s">
        <v>3816</v>
      </c>
      <c r="BAH21" s="282" t="s">
        <v>3816</v>
      </c>
      <c r="BAI21" s="282" t="s">
        <v>3816</v>
      </c>
      <c r="BAJ21" s="282" t="s">
        <v>3816</v>
      </c>
      <c r="BAK21" s="282" t="s">
        <v>3816</v>
      </c>
      <c r="BAL21" s="282" t="s">
        <v>3816</v>
      </c>
      <c r="BAM21" s="282" t="s">
        <v>3816</v>
      </c>
      <c r="BAN21" s="282" t="s">
        <v>3816</v>
      </c>
      <c r="BAO21" s="282" t="s">
        <v>3816</v>
      </c>
      <c r="BAP21" s="282" t="s">
        <v>3816</v>
      </c>
      <c r="BAQ21" s="282" t="s">
        <v>3816</v>
      </c>
      <c r="BAR21" s="282" t="s">
        <v>3816</v>
      </c>
      <c r="BAS21" s="282" t="s">
        <v>3816</v>
      </c>
      <c r="BAT21" s="282" t="s">
        <v>3816</v>
      </c>
      <c r="BAU21" s="282" t="s">
        <v>3816</v>
      </c>
      <c r="BAV21" s="282" t="s">
        <v>3816</v>
      </c>
      <c r="BAW21" s="282" t="s">
        <v>3816</v>
      </c>
      <c r="BAX21" s="282" t="s">
        <v>3816</v>
      </c>
      <c r="BAY21" s="282" t="s">
        <v>3816</v>
      </c>
      <c r="BAZ21" s="282" t="s">
        <v>3816</v>
      </c>
      <c r="BBA21" s="282" t="s">
        <v>3816</v>
      </c>
      <c r="BBB21" s="282" t="s">
        <v>3816</v>
      </c>
      <c r="BBC21" s="282" t="s">
        <v>3816</v>
      </c>
      <c r="BBD21" s="282" t="s">
        <v>3816</v>
      </c>
      <c r="BBE21" s="282" t="s">
        <v>3816</v>
      </c>
      <c r="BBF21" s="282" t="s">
        <v>3816</v>
      </c>
      <c r="BBG21" s="282" t="s">
        <v>3816</v>
      </c>
      <c r="BBH21" s="282" t="s">
        <v>3816</v>
      </c>
      <c r="BBI21" s="282" t="s">
        <v>3816</v>
      </c>
      <c r="BBJ21" s="282" t="s">
        <v>3816</v>
      </c>
      <c r="BBK21" s="282" t="s">
        <v>3816</v>
      </c>
      <c r="BBL21" s="282" t="s">
        <v>3816</v>
      </c>
      <c r="BBM21" s="282" t="s">
        <v>3816</v>
      </c>
      <c r="BBN21" s="282" t="s">
        <v>3816</v>
      </c>
      <c r="BBO21" s="282" t="s">
        <v>3816</v>
      </c>
      <c r="BBP21" s="282" t="s">
        <v>3816</v>
      </c>
      <c r="BBQ21" s="282" t="s">
        <v>3816</v>
      </c>
      <c r="BBR21" s="282" t="s">
        <v>3816</v>
      </c>
      <c r="BBS21" s="282" t="s">
        <v>3816</v>
      </c>
      <c r="BBT21" s="282" t="s">
        <v>3816</v>
      </c>
      <c r="BBU21" s="282" t="s">
        <v>3816</v>
      </c>
      <c r="BBV21" s="282" t="s">
        <v>3816</v>
      </c>
      <c r="BBW21" s="282" t="s">
        <v>3816</v>
      </c>
      <c r="BBX21" s="282" t="s">
        <v>3816</v>
      </c>
      <c r="BBY21" s="282" t="s">
        <v>3816</v>
      </c>
      <c r="BBZ21" s="282" t="s">
        <v>3816</v>
      </c>
      <c r="BCA21" s="282" t="s">
        <v>3816</v>
      </c>
      <c r="BCB21" s="282" t="s">
        <v>3816</v>
      </c>
      <c r="BCC21" s="282" t="s">
        <v>3816</v>
      </c>
      <c r="BCD21" s="282" t="s">
        <v>3816</v>
      </c>
      <c r="BCE21" s="282" t="s">
        <v>3816</v>
      </c>
      <c r="BCF21" s="282" t="s">
        <v>3816</v>
      </c>
      <c r="BCG21" s="282" t="s">
        <v>3816</v>
      </c>
      <c r="BCH21" s="282" t="s">
        <v>3816</v>
      </c>
      <c r="BCI21" s="282" t="s">
        <v>3816</v>
      </c>
      <c r="BCJ21" s="282" t="s">
        <v>3816</v>
      </c>
      <c r="BCK21" s="282" t="s">
        <v>3816</v>
      </c>
      <c r="BCL21" s="282" t="s">
        <v>3816</v>
      </c>
      <c r="BCM21" s="282" t="s">
        <v>3816</v>
      </c>
      <c r="BCN21" s="282" t="s">
        <v>3816</v>
      </c>
      <c r="BCO21" s="282" t="s">
        <v>3816</v>
      </c>
      <c r="BCP21" s="282" t="s">
        <v>3816</v>
      </c>
      <c r="BCQ21" s="282" t="s">
        <v>3816</v>
      </c>
      <c r="BCR21" s="282" t="s">
        <v>3816</v>
      </c>
      <c r="BCS21" s="282" t="s">
        <v>3816</v>
      </c>
      <c r="BCT21" s="282" t="s">
        <v>3816</v>
      </c>
      <c r="BCU21" s="282" t="s">
        <v>3816</v>
      </c>
      <c r="BCV21" s="282" t="s">
        <v>3816</v>
      </c>
      <c r="BCW21" s="282" t="s">
        <v>3816</v>
      </c>
      <c r="BCX21" s="282" t="s">
        <v>3816</v>
      </c>
      <c r="BCY21" s="282" t="s">
        <v>3816</v>
      </c>
      <c r="BCZ21" s="282" t="s">
        <v>3816</v>
      </c>
      <c r="BDA21" s="282" t="s">
        <v>3816</v>
      </c>
      <c r="BDB21" s="282" t="s">
        <v>3816</v>
      </c>
      <c r="BDC21" s="282" t="s">
        <v>3816</v>
      </c>
      <c r="BDD21" s="282" t="s">
        <v>3816</v>
      </c>
      <c r="BDE21" s="282" t="s">
        <v>3816</v>
      </c>
      <c r="BDF21" s="282" t="s">
        <v>3816</v>
      </c>
      <c r="BDG21" s="282" t="s">
        <v>3816</v>
      </c>
      <c r="BDH21" s="282" t="s">
        <v>3816</v>
      </c>
      <c r="BDI21" s="282" t="s">
        <v>3816</v>
      </c>
      <c r="BDJ21" s="282" t="s">
        <v>3816</v>
      </c>
      <c r="BDK21" s="282" t="s">
        <v>3816</v>
      </c>
      <c r="BDL21" s="282" t="s">
        <v>3816</v>
      </c>
      <c r="BDM21" s="282" t="s">
        <v>3816</v>
      </c>
      <c r="BDN21" s="282" t="s">
        <v>3816</v>
      </c>
      <c r="BDO21" s="282" t="s">
        <v>3816</v>
      </c>
      <c r="BDP21" s="282" t="s">
        <v>3816</v>
      </c>
      <c r="BDQ21" s="282" t="s">
        <v>3816</v>
      </c>
      <c r="BDR21" s="282" t="s">
        <v>3816</v>
      </c>
      <c r="BDS21" s="282" t="s">
        <v>3816</v>
      </c>
      <c r="BDT21" s="282" t="s">
        <v>3816</v>
      </c>
      <c r="BDU21" s="282" t="s">
        <v>3816</v>
      </c>
      <c r="BDV21" s="282" t="s">
        <v>3816</v>
      </c>
      <c r="BDW21" s="282" t="s">
        <v>3816</v>
      </c>
      <c r="BDX21" s="282" t="s">
        <v>3816</v>
      </c>
      <c r="BDY21" s="282" t="s">
        <v>3816</v>
      </c>
      <c r="BDZ21" s="282" t="s">
        <v>3816</v>
      </c>
      <c r="BEA21" s="282" t="s">
        <v>3816</v>
      </c>
      <c r="BEB21" s="282" t="s">
        <v>3816</v>
      </c>
      <c r="BEC21" s="282" t="s">
        <v>3816</v>
      </c>
      <c r="BED21" s="282" t="s">
        <v>3816</v>
      </c>
      <c r="BEE21" s="282" t="s">
        <v>3816</v>
      </c>
      <c r="BEF21" s="282" t="s">
        <v>3816</v>
      </c>
      <c r="BEG21" s="282" t="s">
        <v>3816</v>
      </c>
      <c r="BEH21" s="282" t="s">
        <v>3816</v>
      </c>
      <c r="BEI21" s="282" t="s">
        <v>3816</v>
      </c>
      <c r="BEJ21" s="282" t="s">
        <v>3816</v>
      </c>
      <c r="BEK21" s="282" t="s">
        <v>3816</v>
      </c>
      <c r="BEL21" s="282" t="s">
        <v>3816</v>
      </c>
      <c r="BEM21" s="282" t="s">
        <v>3816</v>
      </c>
      <c r="BEN21" s="282" t="s">
        <v>3816</v>
      </c>
      <c r="BEO21" s="282" t="s">
        <v>3816</v>
      </c>
      <c r="BEP21" s="282" t="s">
        <v>3816</v>
      </c>
      <c r="BEQ21" s="282" t="s">
        <v>3816</v>
      </c>
      <c r="BER21" s="282" t="s">
        <v>3816</v>
      </c>
      <c r="BES21" s="282" t="s">
        <v>3816</v>
      </c>
      <c r="BET21" s="282" t="s">
        <v>3816</v>
      </c>
      <c r="BEU21" s="282" t="s">
        <v>3816</v>
      </c>
      <c r="BEV21" s="282" t="s">
        <v>3816</v>
      </c>
      <c r="BEW21" s="282" t="s">
        <v>3816</v>
      </c>
      <c r="BEX21" s="282" t="s">
        <v>3816</v>
      </c>
      <c r="BEY21" s="282" t="s">
        <v>3816</v>
      </c>
      <c r="BEZ21" s="282" t="s">
        <v>3816</v>
      </c>
      <c r="BFA21" s="282" t="s">
        <v>3816</v>
      </c>
      <c r="BFB21" s="282" t="s">
        <v>3816</v>
      </c>
      <c r="BFC21" s="282" t="s">
        <v>3816</v>
      </c>
      <c r="BFD21" s="282" t="s">
        <v>3816</v>
      </c>
      <c r="BFE21" s="282" t="s">
        <v>3816</v>
      </c>
      <c r="BFF21" s="282" t="s">
        <v>3816</v>
      </c>
      <c r="BFG21" s="282" t="s">
        <v>3816</v>
      </c>
      <c r="BFH21" s="282" t="s">
        <v>3816</v>
      </c>
      <c r="BFI21" s="282" t="s">
        <v>3816</v>
      </c>
      <c r="BFJ21" s="282" t="s">
        <v>3816</v>
      </c>
      <c r="BFK21" s="282" t="s">
        <v>3816</v>
      </c>
      <c r="BFL21" s="282" t="s">
        <v>3816</v>
      </c>
      <c r="BFM21" s="282" t="s">
        <v>3816</v>
      </c>
      <c r="BFN21" s="282" t="s">
        <v>3816</v>
      </c>
      <c r="BFO21" s="282" t="s">
        <v>3816</v>
      </c>
      <c r="BFP21" s="282" t="s">
        <v>3816</v>
      </c>
      <c r="BFQ21" s="282" t="s">
        <v>3816</v>
      </c>
      <c r="BFR21" s="282" t="s">
        <v>3816</v>
      </c>
      <c r="BFS21" s="282" t="s">
        <v>3816</v>
      </c>
      <c r="BFT21" s="282" t="s">
        <v>3816</v>
      </c>
      <c r="BFU21" s="282" t="s">
        <v>3816</v>
      </c>
      <c r="BFV21" s="282" t="s">
        <v>3816</v>
      </c>
      <c r="BFW21" s="282" t="s">
        <v>3816</v>
      </c>
      <c r="BFX21" s="282" t="s">
        <v>3816</v>
      </c>
      <c r="BFY21" s="282" t="s">
        <v>3816</v>
      </c>
      <c r="BFZ21" s="282" t="s">
        <v>3816</v>
      </c>
      <c r="BGA21" s="282" t="s">
        <v>3816</v>
      </c>
      <c r="BGB21" s="282" t="s">
        <v>3816</v>
      </c>
      <c r="BGC21" s="282" t="s">
        <v>3816</v>
      </c>
      <c r="BGD21" s="282" t="s">
        <v>3816</v>
      </c>
      <c r="BGE21" s="282" t="s">
        <v>3816</v>
      </c>
      <c r="BGF21" s="282" t="s">
        <v>3816</v>
      </c>
      <c r="BGG21" s="282" t="s">
        <v>3816</v>
      </c>
      <c r="BGH21" s="282" t="s">
        <v>3816</v>
      </c>
      <c r="BGI21" s="282" t="s">
        <v>3816</v>
      </c>
      <c r="BGJ21" s="282" t="s">
        <v>3816</v>
      </c>
      <c r="BGK21" s="282" t="s">
        <v>3816</v>
      </c>
      <c r="BGL21" s="282" t="s">
        <v>3816</v>
      </c>
      <c r="BGM21" s="282" t="s">
        <v>3816</v>
      </c>
      <c r="BGN21" s="282" t="s">
        <v>3816</v>
      </c>
      <c r="BGO21" s="282" t="s">
        <v>3816</v>
      </c>
      <c r="BGP21" s="282" t="s">
        <v>3816</v>
      </c>
      <c r="BGQ21" s="282" t="s">
        <v>3816</v>
      </c>
      <c r="BGR21" s="282" t="s">
        <v>3816</v>
      </c>
      <c r="BGS21" s="282" t="s">
        <v>3816</v>
      </c>
      <c r="BGT21" s="282" t="s">
        <v>3816</v>
      </c>
      <c r="BGU21" s="282" t="s">
        <v>3816</v>
      </c>
      <c r="BGV21" s="282" t="s">
        <v>3816</v>
      </c>
      <c r="BGW21" s="282" t="s">
        <v>3816</v>
      </c>
      <c r="BGX21" s="282" t="s">
        <v>3816</v>
      </c>
      <c r="BGY21" s="282" t="s">
        <v>3816</v>
      </c>
      <c r="BGZ21" s="282" t="s">
        <v>3816</v>
      </c>
      <c r="BHA21" s="282" t="s">
        <v>3816</v>
      </c>
      <c r="BHB21" s="282" t="s">
        <v>3816</v>
      </c>
      <c r="BHC21" s="282" t="s">
        <v>3816</v>
      </c>
      <c r="BHD21" s="282" t="s">
        <v>3816</v>
      </c>
      <c r="BHE21" s="282" t="s">
        <v>3816</v>
      </c>
      <c r="BHF21" s="282" t="s">
        <v>3816</v>
      </c>
      <c r="BHG21" s="282" t="s">
        <v>3816</v>
      </c>
      <c r="BHH21" s="282" t="s">
        <v>3816</v>
      </c>
      <c r="BHI21" s="282" t="s">
        <v>3816</v>
      </c>
      <c r="BHJ21" s="282" t="s">
        <v>3816</v>
      </c>
      <c r="BHK21" s="282" t="s">
        <v>3816</v>
      </c>
      <c r="BHL21" s="282" t="s">
        <v>3816</v>
      </c>
      <c r="BHM21" s="282" t="s">
        <v>3816</v>
      </c>
      <c r="BHN21" s="282" t="s">
        <v>3816</v>
      </c>
      <c r="BHO21" s="282" t="s">
        <v>3816</v>
      </c>
      <c r="BHP21" s="282" t="s">
        <v>3816</v>
      </c>
      <c r="BHQ21" s="282" t="s">
        <v>3816</v>
      </c>
      <c r="BHR21" s="282" t="s">
        <v>3816</v>
      </c>
      <c r="BHS21" s="282" t="s">
        <v>3816</v>
      </c>
      <c r="BHT21" s="282" t="s">
        <v>3816</v>
      </c>
      <c r="BHU21" s="282" t="s">
        <v>3816</v>
      </c>
      <c r="BHV21" s="282" t="s">
        <v>3816</v>
      </c>
      <c r="BHW21" s="282" t="s">
        <v>3816</v>
      </c>
      <c r="BHX21" s="282" t="s">
        <v>3816</v>
      </c>
      <c r="BHY21" s="282" t="s">
        <v>3816</v>
      </c>
      <c r="BHZ21" s="282" t="s">
        <v>3816</v>
      </c>
      <c r="BIA21" s="282" t="s">
        <v>3816</v>
      </c>
      <c r="BIB21" s="282" t="s">
        <v>3816</v>
      </c>
      <c r="BIC21" s="282" t="s">
        <v>3816</v>
      </c>
      <c r="BID21" s="282" t="s">
        <v>3816</v>
      </c>
      <c r="BIE21" s="282" t="s">
        <v>3816</v>
      </c>
      <c r="BIF21" s="282" t="s">
        <v>3816</v>
      </c>
      <c r="BIG21" s="282" t="s">
        <v>3816</v>
      </c>
      <c r="BIH21" s="282" t="s">
        <v>3816</v>
      </c>
      <c r="BII21" s="282" t="s">
        <v>3816</v>
      </c>
      <c r="BIJ21" s="282" t="s">
        <v>3816</v>
      </c>
      <c r="BIK21" s="282" t="s">
        <v>3816</v>
      </c>
      <c r="BIL21" s="282" t="s">
        <v>3816</v>
      </c>
      <c r="BIM21" s="282" t="s">
        <v>3816</v>
      </c>
      <c r="BIN21" s="282" t="s">
        <v>3816</v>
      </c>
      <c r="BIO21" s="282" t="s">
        <v>3816</v>
      </c>
      <c r="BIP21" s="282" t="s">
        <v>3816</v>
      </c>
      <c r="BIQ21" s="282" t="s">
        <v>3816</v>
      </c>
      <c r="BIR21" s="282" t="s">
        <v>3816</v>
      </c>
      <c r="BIS21" s="282" t="s">
        <v>3816</v>
      </c>
      <c r="BIT21" s="282" t="s">
        <v>3816</v>
      </c>
      <c r="BIU21" s="282" t="s">
        <v>3816</v>
      </c>
      <c r="BIV21" s="282" t="s">
        <v>3816</v>
      </c>
      <c r="BIW21" s="282" t="s">
        <v>3816</v>
      </c>
      <c r="BIX21" s="282" t="s">
        <v>3816</v>
      </c>
      <c r="BIY21" s="282" t="s">
        <v>3816</v>
      </c>
      <c r="BIZ21" s="282" t="s">
        <v>3816</v>
      </c>
      <c r="BJA21" s="282" t="s">
        <v>3816</v>
      </c>
      <c r="BJB21" s="282" t="s">
        <v>3816</v>
      </c>
      <c r="BJC21" s="282" t="s">
        <v>3816</v>
      </c>
      <c r="BJD21" s="282" t="s">
        <v>3816</v>
      </c>
      <c r="BJE21" s="282" t="s">
        <v>3816</v>
      </c>
      <c r="BJF21" s="282" t="s">
        <v>3816</v>
      </c>
      <c r="BJG21" s="282" t="s">
        <v>3816</v>
      </c>
      <c r="BJH21" s="282" t="s">
        <v>3816</v>
      </c>
      <c r="BJI21" s="282" t="s">
        <v>3816</v>
      </c>
      <c r="BJJ21" s="282" t="s">
        <v>3816</v>
      </c>
      <c r="BJK21" s="282" t="s">
        <v>3816</v>
      </c>
      <c r="BJL21" s="282" t="s">
        <v>3816</v>
      </c>
      <c r="BJM21" s="282" t="s">
        <v>3816</v>
      </c>
      <c r="BJN21" s="282" t="s">
        <v>3816</v>
      </c>
      <c r="BJO21" s="282" t="s">
        <v>3816</v>
      </c>
      <c r="BJP21" s="282" t="s">
        <v>3816</v>
      </c>
      <c r="BJQ21" s="282" t="s">
        <v>3816</v>
      </c>
      <c r="BJR21" s="282" t="s">
        <v>3816</v>
      </c>
      <c r="BJS21" s="282" t="s">
        <v>3816</v>
      </c>
      <c r="BJT21" s="282" t="s">
        <v>3816</v>
      </c>
      <c r="BJU21" s="282" t="s">
        <v>3816</v>
      </c>
      <c r="BJV21" s="282" t="s">
        <v>3816</v>
      </c>
      <c r="BJW21" s="282" t="s">
        <v>3816</v>
      </c>
      <c r="BJX21" s="282" t="s">
        <v>3816</v>
      </c>
      <c r="BJY21" s="282" t="s">
        <v>3816</v>
      </c>
      <c r="BJZ21" s="282" t="s">
        <v>3816</v>
      </c>
      <c r="BKA21" s="282" t="s">
        <v>3816</v>
      </c>
      <c r="BKB21" s="282" t="s">
        <v>3816</v>
      </c>
      <c r="BKC21" s="282" t="s">
        <v>3816</v>
      </c>
      <c r="BKD21" s="282" t="s">
        <v>3816</v>
      </c>
      <c r="BKE21" s="282" t="s">
        <v>3816</v>
      </c>
      <c r="BKF21" s="282" t="s">
        <v>3816</v>
      </c>
      <c r="BKG21" s="282" t="s">
        <v>3816</v>
      </c>
      <c r="BKH21" s="282" t="s">
        <v>3816</v>
      </c>
      <c r="BKI21" s="282" t="s">
        <v>3816</v>
      </c>
      <c r="BKJ21" s="282" t="s">
        <v>3816</v>
      </c>
      <c r="BKK21" s="282" t="s">
        <v>3816</v>
      </c>
      <c r="BKL21" s="282" t="s">
        <v>3816</v>
      </c>
      <c r="BKM21" s="282" t="s">
        <v>3816</v>
      </c>
      <c r="BKN21" s="282" t="s">
        <v>3816</v>
      </c>
      <c r="BKO21" s="282" t="s">
        <v>3816</v>
      </c>
      <c r="BKP21" s="282" t="s">
        <v>3816</v>
      </c>
      <c r="BKQ21" s="282" t="s">
        <v>3816</v>
      </c>
      <c r="BKR21" s="282" t="s">
        <v>3816</v>
      </c>
      <c r="BKS21" s="282" t="s">
        <v>3816</v>
      </c>
      <c r="BKT21" s="282" t="s">
        <v>3816</v>
      </c>
      <c r="BKU21" s="282" t="s">
        <v>3816</v>
      </c>
      <c r="BKV21" s="282" t="s">
        <v>3816</v>
      </c>
      <c r="BKW21" s="282" t="s">
        <v>3816</v>
      </c>
      <c r="BKX21" s="282" t="s">
        <v>3816</v>
      </c>
      <c r="BKY21" s="282" t="s">
        <v>3816</v>
      </c>
      <c r="BKZ21" s="282" t="s">
        <v>3816</v>
      </c>
      <c r="BLA21" s="282" t="s">
        <v>3816</v>
      </c>
      <c r="BLB21" s="282" t="s">
        <v>3816</v>
      </c>
      <c r="BLC21" s="282" t="s">
        <v>3816</v>
      </c>
      <c r="BLD21" s="282" t="s">
        <v>3816</v>
      </c>
      <c r="BLE21" s="282" t="s">
        <v>3816</v>
      </c>
      <c r="BLF21" s="282" t="s">
        <v>3816</v>
      </c>
      <c r="BLG21" s="282" t="s">
        <v>3816</v>
      </c>
      <c r="BLH21" s="282" t="s">
        <v>3816</v>
      </c>
      <c r="BLI21" s="282" t="s">
        <v>3816</v>
      </c>
      <c r="BLJ21" s="282" t="s">
        <v>3816</v>
      </c>
      <c r="BLK21" s="282" t="s">
        <v>3816</v>
      </c>
      <c r="BLL21" s="282" t="s">
        <v>3816</v>
      </c>
      <c r="BLM21" s="282" t="s">
        <v>3816</v>
      </c>
      <c r="BLN21" s="282" t="s">
        <v>3816</v>
      </c>
      <c r="BLO21" s="282" t="s">
        <v>3816</v>
      </c>
      <c r="BLP21" s="282" t="s">
        <v>3816</v>
      </c>
      <c r="BLQ21" s="282" t="s">
        <v>3816</v>
      </c>
      <c r="BLR21" s="282" t="s">
        <v>3816</v>
      </c>
      <c r="BLS21" s="282" t="s">
        <v>3816</v>
      </c>
      <c r="BLT21" s="282" t="s">
        <v>3816</v>
      </c>
      <c r="BLU21" s="282" t="s">
        <v>3816</v>
      </c>
      <c r="BLV21" s="282" t="s">
        <v>3816</v>
      </c>
      <c r="BLW21" s="282" t="s">
        <v>3816</v>
      </c>
      <c r="BLX21" s="282" t="s">
        <v>3816</v>
      </c>
      <c r="BLY21" s="282" t="s">
        <v>3816</v>
      </c>
      <c r="BLZ21" s="282" t="s">
        <v>3816</v>
      </c>
      <c r="BMA21" s="282" t="s">
        <v>3816</v>
      </c>
      <c r="BMB21" s="282" t="s">
        <v>3816</v>
      </c>
      <c r="BMC21" s="282" t="s">
        <v>3816</v>
      </c>
      <c r="BMD21" s="282" t="s">
        <v>3816</v>
      </c>
      <c r="BME21" s="282" t="s">
        <v>3816</v>
      </c>
      <c r="BMF21" s="282" t="s">
        <v>3816</v>
      </c>
      <c r="BMG21" s="282" t="s">
        <v>3816</v>
      </c>
      <c r="BMH21" s="282" t="s">
        <v>3816</v>
      </c>
      <c r="BMI21" s="282" t="s">
        <v>3816</v>
      </c>
      <c r="BMJ21" s="282" t="s">
        <v>3816</v>
      </c>
      <c r="BMK21" s="282" t="s">
        <v>3816</v>
      </c>
      <c r="BML21" s="282" t="s">
        <v>3816</v>
      </c>
      <c r="BMM21" s="282" t="s">
        <v>3816</v>
      </c>
      <c r="BMN21" s="282" t="s">
        <v>3816</v>
      </c>
      <c r="BMO21" s="282" t="s">
        <v>3816</v>
      </c>
      <c r="BMP21" s="282" t="s">
        <v>3816</v>
      </c>
      <c r="BMQ21" s="282" t="s">
        <v>3816</v>
      </c>
      <c r="BMR21" s="282" t="s">
        <v>3816</v>
      </c>
      <c r="BMS21" s="282" t="s">
        <v>3816</v>
      </c>
      <c r="BMT21" s="282" t="s">
        <v>3816</v>
      </c>
      <c r="BMU21" s="282" t="s">
        <v>3816</v>
      </c>
      <c r="BMV21" s="282" t="s">
        <v>3816</v>
      </c>
      <c r="BMW21" s="282" t="s">
        <v>3816</v>
      </c>
      <c r="BMX21" s="282" t="s">
        <v>3816</v>
      </c>
      <c r="BMY21" s="282" t="s">
        <v>3816</v>
      </c>
      <c r="BMZ21" s="282" t="s">
        <v>3816</v>
      </c>
      <c r="BNA21" s="282" t="s">
        <v>3816</v>
      </c>
      <c r="BNB21" s="282" t="s">
        <v>3816</v>
      </c>
      <c r="BNC21" s="282" t="s">
        <v>3816</v>
      </c>
      <c r="BND21" s="282" t="s">
        <v>3816</v>
      </c>
      <c r="BNE21" s="282" t="s">
        <v>3816</v>
      </c>
      <c r="BNF21" s="282" t="s">
        <v>3816</v>
      </c>
      <c r="BNG21" s="282" t="s">
        <v>3816</v>
      </c>
      <c r="BNH21" s="282" t="s">
        <v>3816</v>
      </c>
      <c r="BNI21" s="282" t="s">
        <v>3816</v>
      </c>
      <c r="BNJ21" s="282" t="s">
        <v>3816</v>
      </c>
      <c r="BNK21" s="282" t="s">
        <v>3816</v>
      </c>
      <c r="BNL21" s="282" t="s">
        <v>3816</v>
      </c>
      <c r="BNM21" s="282" t="s">
        <v>3816</v>
      </c>
      <c r="BNN21" s="282" t="s">
        <v>3816</v>
      </c>
      <c r="BNO21" s="282" t="s">
        <v>3816</v>
      </c>
      <c r="BNP21" s="282" t="s">
        <v>3816</v>
      </c>
      <c r="BNQ21" s="282" t="s">
        <v>3816</v>
      </c>
      <c r="BNR21" s="282" t="s">
        <v>3816</v>
      </c>
      <c r="BNS21" s="282" t="s">
        <v>3816</v>
      </c>
      <c r="BNT21" s="282" t="s">
        <v>3816</v>
      </c>
      <c r="BNU21" s="282" t="s">
        <v>3816</v>
      </c>
      <c r="BNV21" s="282" t="s">
        <v>3816</v>
      </c>
      <c r="BNW21" s="282" t="s">
        <v>3816</v>
      </c>
      <c r="BNX21" s="282" t="s">
        <v>3816</v>
      </c>
      <c r="BNY21" s="282" t="s">
        <v>3816</v>
      </c>
      <c r="BNZ21" s="282" t="s">
        <v>3816</v>
      </c>
      <c r="BOA21" s="282" t="s">
        <v>3816</v>
      </c>
      <c r="BOB21" s="282" t="s">
        <v>3816</v>
      </c>
      <c r="BOC21" s="282" t="s">
        <v>3816</v>
      </c>
      <c r="BOD21" s="282" t="s">
        <v>3816</v>
      </c>
      <c r="BOE21" s="282" t="s">
        <v>3816</v>
      </c>
      <c r="BOF21" s="282" t="s">
        <v>3816</v>
      </c>
      <c r="BOG21" s="282" t="s">
        <v>3816</v>
      </c>
      <c r="BOH21" s="282" t="s">
        <v>3816</v>
      </c>
      <c r="BOI21" s="282" t="s">
        <v>3816</v>
      </c>
      <c r="BOJ21" s="282" t="s">
        <v>3816</v>
      </c>
      <c r="BOK21" s="282" t="s">
        <v>3816</v>
      </c>
      <c r="BOL21" s="282" t="s">
        <v>3816</v>
      </c>
      <c r="BOM21" s="282" t="s">
        <v>3816</v>
      </c>
      <c r="BON21" s="282" t="s">
        <v>3816</v>
      </c>
      <c r="BOO21" s="282" t="s">
        <v>3816</v>
      </c>
      <c r="BOP21" s="282" t="s">
        <v>3816</v>
      </c>
      <c r="BOQ21" s="282" t="s">
        <v>3816</v>
      </c>
      <c r="BOR21" s="282" t="s">
        <v>3816</v>
      </c>
      <c r="BOS21" s="282" t="s">
        <v>3816</v>
      </c>
      <c r="BOT21" s="282" t="s">
        <v>3816</v>
      </c>
      <c r="BOU21" s="282" t="s">
        <v>3816</v>
      </c>
      <c r="BOV21" s="282" t="s">
        <v>3816</v>
      </c>
      <c r="BOW21" s="282" t="s">
        <v>3816</v>
      </c>
      <c r="BOX21" s="282" t="s">
        <v>3816</v>
      </c>
      <c r="BOY21" s="282" t="s">
        <v>3816</v>
      </c>
      <c r="BOZ21" s="282" t="s">
        <v>3816</v>
      </c>
      <c r="BPA21" s="282" t="s">
        <v>3816</v>
      </c>
      <c r="BPB21" s="282" t="s">
        <v>3816</v>
      </c>
      <c r="BPC21" s="282" t="s">
        <v>3816</v>
      </c>
      <c r="BPD21" s="282" t="s">
        <v>3816</v>
      </c>
      <c r="BPE21" s="282" t="s">
        <v>3816</v>
      </c>
      <c r="BPF21" s="282" t="s">
        <v>3816</v>
      </c>
      <c r="BPG21" s="282" t="s">
        <v>3816</v>
      </c>
      <c r="BPH21" s="282" t="s">
        <v>3816</v>
      </c>
      <c r="BPI21" s="282" t="s">
        <v>3816</v>
      </c>
      <c r="BPJ21" s="282" t="s">
        <v>3816</v>
      </c>
      <c r="BPK21" s="282" t="s">
        <v>3816</v>
      </c>
      <c r="BPL21" s="282" t="s">
        <v>3816</v>
      </c>
      <c r="BPM21" s="282" t="s">
        <v>3816</v>
      </c>
      <c r="BPN21" s="282" t="s">
        <v>3816</v>
      </c>
      <c r="BPO21" s="282" t="s">
        <v>3816</v>
      </c>
      <c r="BPP21" s="282" t="s">
        <v>3816</v>
      </c>
      <c r="BPQ21" s="282" t="s">
        <v>3816</v>
      </c>
      <c r="BPR21" s="282" t="s">
        <v>3816</v>
      </c>
      <c r="BPS21" s="282" t="s">
        <v>3816</v>
      </c>
      <c r="BPT21" s="282" t="s">
        <v>3816</v>
      </c>
      <c r="BPU21" s="282" t="s">
        <v>3816</v>
      </c>
      <c r="BPV21" s="282" t="s">
        <v>3816</v>
      </c>
      <c r="BPW21" s="282" t="s">
        <v>3816</v>
      </c>
      <c r="BPX21" s="282" t="s">
        <v>3816</v>
      </c>
      <c r="BPY21" s="282" t="s">
        <v>3816</v>
      </c>
      <c r="BPZ21" s="282" t="s">
        <v>3816</v>
      </c>
      <c r="BQA21" s="282" t="s">
        <v>3816</v>
      </c>
      <c r="BQB21" s="282" t="s">
        <v>3816</v>
      </c>
      <c r="BQC21" s="282" t="s">
        <v>3816</v>
      </c>
      <c r="BQD21" s="282" t="s">
        <v>3816</v>
      </c>
      <c r="BQE21" s="282" t="s">
        <v>3816</v>
      </c>
      <c r="BQF21" s="282" t="s">
        <v>3816</v>
      </c>
      <c r="BQG21" s="282" t="s">
        <v>3816</v>
      </c>
      <c r="BQH21" s="282" t="s">
        <v>3816</v>
      </c>
      <c r="BQI21" s="282" t="s">
        <v>3816</v>
      </c>
      <c r="BQJ21" s="282" t="s">
        <v>3816</v>
      </c>
      <c r="BQK21" s="282" t="s">
        <v>3816</v>
      </c>
      <c r="BQL21" s="282" t="s">
        <v>3816</v>
      </c>
      <c r="BQM21" s="282" t="s">
        <v>3816</v>
      </c>
      <c r="BQN21" s="282" t="s">
        <v>3816</v>
      </c>
      <c r="BQO21" s="282" t="s">
        <v>3816</v>
      </c>
      <c r="BQP21" s="282" t="s">
        <v>3816</v>
      </c>
      <c r="BQQ21" s="282" t="s">
        <v>3816</v>
      </c>
      <c r="BQR21" s="282" t="s">
        <v>3816</v>
      </c>
      <c r="BQS21" s="282" t="s">
        <v>3816</v>
      </c>
      <c r="BQT21" s="282" t="s">
        <v>3816</v>
      </c>
      <c r="BQU21" s="282" t="s">
        <v>3816</v>
      </c>
      <c r="BQV21" s="282" t="s">
        <v>3816</v>
      </c>
      <c r="BQW21" s="282" t="s">
        <v>3816</v>
      </c>
      <c r="BQX21" s="282" t="s">
        <v>3816</v>
      </c>
      <c r="BQY21" s="282" t="s">
        <v>3816</v>
      </c>
      <c r="BQZ21" s="282" t="s">
        <v>3816</v>
      </c>
      <c r="BRA21" s="282" t="s">
        <v>3816</v>
      </c>
      <c r="BRB21" s="282" t="s">
        <v>3816</v>
      </c>
      <c r="BRC21" s="282" t="s">
        <v>3816</v>
      </c>
      <c r="BRD21" s="282" t="s">
        <v>3816</v>
      </c>
      <c r="BRE21" s="282" t="s">
        <v>3816</v>
      </c>
      <c r="BRF21" s="282" t="s">
        <v>3816</v>
      </c>
      <c r="BRG21" s="282" t="s">
        <v>3816</v>
      </c>
      <c r="BRH21" s="282" t="s">
        <v>3816</v>
      </c>
      <c r="BRI21" s="282" t="s">
        <v>3816</v>
      </c>
      <c r="BRJ21" s="282" t="s">
        <v>3816</v>
      </c>
      <c r="BRK21" s="282" t="s">
        <v>3816</v>
      </c>
      <c r="BRL21" s="282" t="s">
        <v>3816</v>
      </c>
      <c r="BRM21" s="282" t="s">
        <v>3816</v>
      </c>
      <c r="BRN21" s="282" t="s">
        <v>3816</v>
      </c>
      <c r="BRO21" s="282" t="s">
        <v>3816</v>
      </c>
      <c r="BRP21" s="282" t="s">
        <v>3816</v>
      </c>
      <c r="BRQ21" s="282" t="s">
        <v>3816</v>
      </c>
      <c r="BRR21" s="282" t="s">
        <v>3816</v>
      </c>
      <c r="BRS21" s="282" t="s">
        <v>3816</v>
      </c>
      <c r="BRT21" s="282" t="s">
        <v>3816</v>
      </c>
      <c r="BRU21" s="282" t="s">
        <v>3816</v>
      </c>
      <c r="BRV21" s="282" t="s">
        <v>3816</v>
      </c>
      <c r="BRW21" s="282" t="s">
        <v>3816</v>
      </c>
      <c r="BRX21" s="282" t="s">
        <v>3816</v>
      </c>
      <c r="BRY21" s="282" t="s">
        <v>3816</v>
      </c>
      <c r="BRZ21" s="282" t="s">
        <v>3816</v>
      </c>
      <c r="BSA21" s="282" t="s">
        <v>3816</v>
      </c>
      <c r="BSB21" s="282" t="s">
        <v>3816</v>
      </c>
      <c r="BSC21" s="282" t="s">
        <v>3816</v>
      </c>
      <c r="BSD21" s="282" t="s">
        <v>3816</v>
      </c>
      <c r="BSE21" s="282" t="s">
        <v>3816</v>
      </c>
      <c r="BSF21" s="282" t="s">
        <v>3816</v>
      </c>
      <c r="BSG21" s="282" t="s">
        <v>3816</v>
      </c>
      <c r="BSH21" s="282" t="s">
        <v>3816</v>
      </c>
      <c r="BSI21" s="282" t="s">
        <v>3816</v>
      </c>
      <c r="BSJ21" s="282" t="s">
        <v>3816</v>
      </c>
      <c r="BSK21" s="282" t="s">
        <v>3816</v>
      </c>
      <c r="BSL21" s="282" t="s">
        <v>3816</v>
      </c>
      <c r="BSM21" s="282" t="s">
        <v>3816</v>
      </c>
      <c r="BSN21" s="282" t="s">
        <v>3816</v>
      </c>
      <c r="BSO21" s="282" t="s">
        <v>3816</v>
      </c>
      <c r="BSP21" s="282" t="s">
        <v>3816</v>
      </c>
      <c r="BSQ21" s="282" t="s">
        <v>3816</v>
      </c>
      <c r="BSR21" s="282" t="s">
        <v>3816</v>
      </c>
      <c r="BSS21" s="282" t="s">
        <v>3816</v>
      </c>
      <c r="BST21" s="282" t="s">
        <v>3816</v>
      </c>
      <c r="BSU21" s="282" t="s">
        <v>3816</v>
      </c>
      <c r="BSV21" s="282" t="s">
        <v>3816</v>
      </c>
      <c r="BSW21" s="282" t="s">
        <v>3816</v>
      </c>
      <c r="BSX21" s="282" t="s">
        <v>3816</v>
      </c>
      <c r="BSY21" s="282" t="s">
        <v>3816</v>
      </c>
      <c r="BSZ21" s="282" t="s">
        <v>3816</v>
      </c>
      <c r="BTA21" s="282" t="s">
        <v>3816</v>
      </c>
      <c r="BTB21" s="282" t="s">
        <v>3816</v>
      </c>
      <c r="BTC21" s="282" t="s">
        <v>3816</v>
      </c>
      <c r="BTD21" s="282" t="s">
        <v>3816</v>
      </c>
      <c r="BTE21" s="282" t="s">
        <v>3816</v>
      </c>
      <c r="BTF21" s="282" t="s">
        <v>3816</v>
      </c>
      <c r="BTG21" s="282" t="s">
        <v>3816</v>
      </c>
      <c r="BTH21" s="282" t="s">
        <v>3816</v>
      </c>
      <c r="BTI21" s="282" t="s">
        <v>3816</v>
      </c>
      <c r="BTJ21" s="282" t="s">
        <v>3816</v>
      </c>
      <c r="BTK21" s="282" t="s">
        <v>3816</v>
      </c>
      <c r="BTL21" s="282" t="s">
        <v>3816</v>
      </c>
      <c r="BTM21" s="282" t="s">
        <v>3816</v>
      </c>
      <c r="BTN21" s="282" t="s">
        <v>3816</v>
      </c>
      <c r="BTO21" s="282" t="s">
        <v>3816</v>
      </c>
      <c r="BTP21" s="282" t="s">
        <v>3816</v>
      </c>
      <c r="BTQ21" s="282" t="s">
        <v>3816</v>
      </c>
      <c r="BTR21" s="282" t="s">
        <v>3816</v>
      </c>
      <c r="BTS21" s="282" t="s">
        <v>3816</v>
      </c>
      <c r="BTT21" s="282" t="s">
        <v>3816</v>
      </c>
      <c r="BTU21" s="282" t="s">
        <v>3816</v>
      </c>
      <c r="BTV21" s="282" t="s">
        <v>3816</v>
      </c>
      <c r="BTW21" s="282" t="s">
        <v>3816</v>
      </c>
      <c r="BTX21" s="282" t="s">
        <v>3816</v>
      </c>
      <c r="BTY21" s="282" t="s">
        <v>3816</v>
      </c>
      <c r="BTZ21" s="282" t="s">
        <v>3816</v>
      </c>
      <c r="BUA21" s="282" t="s">
        <v>3816</v>
      </c>
      <c r="BUB21" s="282" t="s">
        <v>3816</v>
      </c>
      <c r="BUC21" s="282" t="s">
        <v>3816</v>
      </c>
      <c r="BUD21" s="282" t="s">
        <v>3816</v>
      </c>
      <c r="BUE21" s="282" t="s">
        <v>3816</v>
      </c>
      <c r="BUF21" s="282" t="s">
        <v>3816</v>
      </c>
      <c r="BUG21" s="282" t="s">
        <v>3816</v>
      </c>
      <c r="BUH21" s="282" t="s">
        <v>3816</v>
      </c>
      <c r="BUI21" s="282" t="s">
        <v>3816</v>
      </c>
      <c r="BUJ21" s="282" t="s">
        <v>3816</v>
      </c>
      <c r="BUK21" s="282" t="s">
        <v>3816</v>
      </c>
      <c r="BUL21" s="282" t="s">
        <v>3816</v>
      </c>
      <c r="BUM21" s="282" t="s">
        <v>3816</v>
      </c>
      <c r="BUN21" s="282" t="s">
        <v>3816</v>
      </c>
      <c r="BUO21" s="282" t="s">
        <v>3816</v>
      </c>
      <c r="BUP21" s="282" t="s">
        <v>3816</v>
      </c>
      <c r="BUQ21" s="282" t="s">
        <v>3816</v>
      </c>
      <c r="BUR21" s="282" t="s">
        <v>3816</v>
      </c>
      <c r="BUS21" s="282" t="s">
        <v>3816</v>
      </c>
      <c r="BUT21" s="282" t="s">
        <v>3816</v>
      </c>
      <c r="BUU21" s="282" t="s">
        <v>3816</v>
      </c>
      <c r="BUV21" s="282" t="s">
        <v>3816</v>
      </c>
      <c r="BUW21" s="282" t="s">
        <v>3816</v>
      </c>
      <c r="BUX21" s="282" t="s">
        <v>3816</v>
      </c>
      <c r="BUY21" s="282" t="s">
        <v>3816</v>
      </c>
      <c r="BUZ21" s="282" t="s">
        <v>3816</v>
      </c>
      <c r="BVA21" s="282" t="s">
        <v>3816</v>
      </c>
      <c r="BVB21" s="282" t="s">
        <v>3816</v>
      </c>
      <c r="BVC21" s="282" t="s">
        <v>3816</v>
      </c>
      <c r="BVD21" s="282" t="s">
        <v>3816</v>
      </c>
      <c r="BVE21" s="282" t="s">
        <v>3816</v>
      </c>
      <c r="BVF21" s="282" t="s">
        <v>3816</v>
      </c>
      <c r="BVG21" s="282" t="s">
        <v>3816</v>
      </c>
      <c r="BVH21" s="282" t="s">
        <v>3816</v>
      </c>
      <c r="BVI21" s="282" t="s">
        <v>3816</v>
      </c>
      <c r="BVJ21" s="282" t="s">
        <v>3816</v>
      </c>
      <c r="BVK21" s="282" t="s">
        <v>3816</v>
      </c>
      <c r="BVL21" s="282" t="s">
        <v>3816</v>
      </c>
      <c r="BVM21" s="282" t="s">
        <v>3816</v>
      </c>
      <c r="BVN21" s="282" t="s">
        <v>3816</v>
      </c>
      <c r="BVO21" s="282" t="s">
        <v>3816</v>
      </c>
      <c r="BVP21" s="282" t="s">
        <v>3816</v>
      </c>
      <c r="BVQ21" s="282" t="s">
        <v>3816</v>
      </c>
      <c r="BVR21" s="282" t="s">
        <v>3816</v>
      </c>
      <c r="BVS21" s="282" t="s">
        <v>3816</v>
      </c>
      <c r="BVT21" s="282" t="s">
        <v>3816</v>
      </c>
      <c r="BVU21" s="282" t="s">
        <v>3816</v>
      </c>
      <c r="BVV21" s="282" t="s">
        <v>3816</v>
      </c>
      <c r="BVW21" s="282" t="s">
        <v>3816</v>
      </c>
      <c r="BVX21" s="282" t="s">
        <v>3816</v>
      </c>
      <c r="BVY21" s="282" t="s">
        <v>3816</v>
      </c>
      <c r="BVZ21" s="282" t="s">
        <v>3816</v>
      </c>
      <c r="BWA21" s="282" t="s">
        <v>3816</v>
      </c>
      <c r="BWB21" s="282" t="s">
        <v>3816</v>
      </c>
      <c r="BWC21" s="282" t="s">
        <v>3816</v>
      </c>
      <c r="BWD21" s="282" t="s">
        <v>3816</v>
      </c>
      <c r="BWE21" s="282" t="s">
        <v>3816</v>
      </c>
      <c r="BWF21" s="282" t="s">
        <v>3816</v>
      </c>
      <c r="BWG21" s="282" t="s">
        <v>3816</v>
      </c>
      <c r="BWH21" s="282" t="s">
        <v>3816</v>
      </c>
      <c r="BWI21" s="282" t="s">
        <v>3816</v>
      </c>
      <c r="BWJ21" s="282" t="s">
        <v>3816</v>
      </c>
      <c r="BWK21" s="282" t="s">
        <v>3816</v>
      </c>
      <c r="BWL21" s="282" t="s">
        <v>3816</v>
      </c>
      <c r="BWM21" s="282" t="s">
        <v>3816</v>
      </c>
      <c r="BWN21" s="282" t="s">
        <v>3816</v>
      </c>
      <c r="BWO21" s="282" t="s">
        <v>3816</v>
      </c>
      <c r="BWP21" s="282" t="s">
        <v>3816</v>
      </c>
      <c r="BWQ21" s="282" t="s">
        <v>3816</v>
      </c>
      <c r="BWR21" s="282" t="s">
        <v>3816</v>
      </c>
      <c r="BWS21" s="282" t="s">
        <v>3816</v>
      </c>
      <c r="BWT21" s="282" t="s">
        <v>3816</v>
      </c>
      <c r="BWU21" s="282" t="s">
        <v>3816</v>
      </c>
      <c r="BWV21" s="282" t="s">
        <v>3816</v>
      </c>
      <c r="BWW21" s="282" t="s">
        <v>3816</v>
      </c>
      <c r="BWX21" s="282" t="s">
        <v>3816</v>
      </c>
      <c r="BWY21" s="282" t="s">
        <v>3816</v>
      </c>
      <c r="BWZ21" s="282" t="s">
        <v>3816</v>
      </c>
      <c r="BXA21" s="282" t="s">
        <v>3816</v>
      </c>
      <c r="BXB21" s="282" t="s">
        <v>3816</v>
      </c>
      <c r="BXC21" s="282" t="s">
        <v>3816</v>
      </c>
      <c r="BXD21" s="282" t="s">
        <v>3816</v>
      </c>
      <c r="BXE21" s="282" t="s">
        <v>3816</v>
      </c>
      <c r="BXF21" s="282" t="s">
        <v>3816</v>
      </c>
      <c r="BXG21" s="282" t="s">
        <v>3816</v>
      </c>
      <c r="BXH21" s="282" t="s">
        <v>3816</v>
      </c>
      <c r="BXI21" s="282" t="s">
        <v>3816</v>
      </c>
      <c r="BXJ21" s="282" t="s">
        <v>3816</v>
      </c>
      <c r="BXK21" s="282" t="s">
        <v>3816</v>
      </c>
      <c r="BXL21" s="282" t="s">
        <v>3816</v>
      </c>
      <c r="BXM21" s="282" t="s">
        <v>3816</v>
      </c>
      <c r="BXN21" s="282" t="s">
        <v>3816</v>
      </c>
      <c r="BXO21" s="282" t="s">
        <v>3816</v>
      </c>
      <c r="BXP21" s="282" t="s">
        <v>3816</v>
      </c>
      <c r="BXQ21" s="282" t="s">
        <v>3816</v>
      </c>
      <c r="BXR21" s="282" t="s">
        <v>3816</v>
      </c>
      <c r="BXS21" s="282" t="s">
        <v>3816</v>
      </c>
      <c r="BXT21" s="282" t="s">
        <v>3816</v>
      </c>
      <c r="BXU21" s="282" t="s">
        <v>3816</v>
      </c>
      <c r="BXV21" s="282" t="s">
        <v>3816</v>
      </c>
      <c r="BXW21" s="282" t="s">
        <v>3816</v>
      </c>
      <c r="BXX21" s="282" t="s">
        <v>3816</v>
      </c>
      <c r="BXY21" s="282" t="s">
        <v>3816</v>
      </c>
      <c r="BXZ21" s="282" t="s">
        <v>3816</v>
      </c>
      <c r="BYA21" s="282" t="s">
        <v>3816</v>
      </c>
      <c r="BYB21" s="282" t="s">
        <v>3816</v>
      </c>
      <c r="BYC21" s="282" t="s">
        <v>3816</v>
      </c>
      <c r="BYD21" s="282" t="s">
        <v>3816</v>
      </c>
      <c r="BYE21" s="282" t="s">
        <v>3816</v>
      </c>
      <c r="BYF21" s="282" t="s">
        <v>3816</v>
      </c>
      <c r="BYG21" s="282" t="s">
        <v>3816</v>
      </c>
      <c r="BYH21" s="282" t="s">
        <v>3816</v>
      </c>
      <c r="BYI21" s="282" t="s">
        <v>3816</v>
      </c>
      <c r="BYJ21" s="282" t="s">
        <v>3816</v>
      </c>
      <c r="BYK21" s="282" t="s">
        <v>3816</v>
      </c>
      <c r="BYL21" s="282" t="s">
        <v>3816</v>
      </c>
      <c r="BYM21" s="282" t="s">
        <v>3816</v>
      </c>
      <c r="BYN21" s="282" t="s">
        <v>3816</v>
      </c>
      <c r="BYO21" s="282" t="s">
        <v>3816</v>
      </c>
      <c r="BYP21" s="282" t="s">
        <v>3816</v>
      </c>
      <c r="BYQ21" s="282" t="s">
        <v>3816</v>
      </c>
      <c r="BYR21" s="282" t="s">
        <v>3816</v>
      </c>
      <c r="BYS21" s="282" t="s">
        <v>3816</v>
      </c>
      <c r="BYT21" s="282" t="s">
        <v>3816</v>
      </c>
      <c r="BYU21" s="282" t="s">
        <v>3816</v>
      </c>
      <c r="BYV21" s="282" t="s">
        <v>3816</v>
      </c>
      <c r="BYW21" s="282" t="s">
        <v>3816</v>
      </c>
      <c r="BYX21" s="282" t="s">
        <v>3816</v>
      </c>
      <c r="BYY21" s="282" t="s">
        <v>3816</v>
      </c>
      <c r="BYZ21" s="282" t="s">
        <v>3816</v>
      </c>
      <c r="BZA21" s="282" t="s">
        <v>3816</v>
      </c>
      <c r="BZB21" s="282" t="s">
        <v>3816</v>
      </c>
      <c r="BZC21" s="282" t="s">
        <v>3816</v>
      </c>
      <c r="BZD21" s="282" t="s">
        <v>3816</v>
      </c>
      <c r="BZE21" s="282" t="s">
        <v>3816</v>
      </c>
      <c r="BZF21" s="282" t="s">
        <v>3816</v>
      </c>
      <c r="BZG21" s="282" t="s">
        <v>3816</v>
      </c>
      <c r="BZH21" s="282" t="s">
        <v>3816</v>
      </c>
      <c r="BZI21" s="282" t="s">
        <v>3816</v>
      </c>
      <c r="BZJ21" s="282" t="s">
        <v>3816</v>
      </c>
      <c r="BZK21" s="282" t="s">
        <v>3816</v>
      </c>
      <c r="BZL21" s="282" t="s">
        <v>3816</v>
      </c>
      <c r="BZM21" s="282" t="s">
        <v>3816</v>
      </c>
      <c r="BZN21" s="282" t="s">
        <v>3816</v>
      </c>
      <c r="BZO21" s="282" t="s">
        <v>3816</v>
      </c>
      <c r="BZP21" s="282" t="s">
        <v>3816</v>
      </c>
      <c r="BZQ21" s="282" t="s">
        <v>3816</v>
      </c>
      <c r="BZR21" s="282" t="s">
        <v>3816</v>
      </c>
      <c r="BZS21" s="282" t="s">
        <v>3816</v>
      </c>
      <c r="BZT21" s="282" t="s">
        <v>3816</v>
      </c>
      <c r="BZU21" s="282" t="s">
        <v>3816</v>
      </c>
      <c r="BZV21" s="282" t="s">
        <v>3816</v>
      </c>
      <c r="BZW21" s="282" t="s">
        <v>3816</v>
      </c>
      <c r="BZX21" s="282" t="s">
        <v>3816</v>
      </c>
      <c r="BZY21" s="282" t="s">
        <v>3816</v>
      </c>
      <c r="BZZ21" s="282" t="s">
        <v>3816</v>
      </c>
      <c r="CAA21" s="282" t="s">
        <v>3816</v>
      </c>
      <c r="CAB21" s="282" t="s">
        <v>3816</v>
      </c>
      <c r="CAC21" s="282" t="s">
        <v>3816</v>
      </c>
      <c r="CAD21" s="282" t="s">
        <v>3816</v>
      </c>
      <c r="CAE21" s="282" t="s">
        <v>3816</v>
      </c>
      <c r="CAF21" s="282" t="s">
        <v>3816</v>
      </c>
      <c r="CAG21" s="282" t="s">
        <v>3816</v>
      </c>
      <c r="CAH21" s="282" t="s">
        <v>3816</v>
      </c>
      <c r="CAI21" s="282" t="s">
        <v>3816</v>
      </c>
      <c r="CAJ21" s="282" t="s">
        <v>3816</v>
      </c>
      <c r="CAK21" s="282" t="s">
        <v>3816</v>
      </c>
      <c r="CAL21" s="282" t="s">
        <v>3816</v>
      </c>
      <c r="CAM21" s="282" t="s">
        <v>3816</v>
      </c>
      <c r="CAN21" s="282" t="s">
        <v>3816</v>
      </c>
      <c r="CAO21" s="282" t="s">
        <v>3816</v>
      </c>
      <c r="CAP21" s="282" t="s">
        <v>3816</v>
      </c>
      <c r="CAQ21" s="282" t="s">
        <v>3816</v>
      </c>
      <c r="CAR21" s="282" t="s">
        <v>3816</v>
      </c>
      <c r="CAS21" s="282" t="s">
        <v>3816</v>
      </c>
      <c r="CAT21" s="282" t="s">
        <v>3816</v>
      </c>
      <c r="CAU21" s="282" t="s">
        <v>3816</v>
      </c>
      <c r="CAV21" s="282" t="s">
        <v>3816</v>
      </c>
      <c r="CAW21" s="282" t="s">
        <v>3816</v>
      </c>
      <c r="CAX21" s="282" t="s">
        <v>3816</v>
      </c>
      <c r="CAY21" s="282" t="s">
        <v>3816</v>
      </c>
      <c r="CAZ21" s="282" t="s">
        <v>3816</v>
      </c>
      <c r="CBA21" s="282" t="s">
        <v>3816</v>
      </c>
      <c r="CBB21" s="282" t="s">
        <v>3816</v>
      </c>
      <c r="CBC21" s="282" t="s">
        <v>3816</v>
      </c>
      <c r="CBD21" s="282" t="s">
        <v>3816</v>
      </c>
      <c r="CBE21" s="282" t="s">
        <v>3816</v>
      </c>
      <c r="CBF21" s="282" t="s">
        <v>3816</v>
      </c>
      <c r="CBG21" s="282" t="s">
        <v>3816</v>
      </c>
      <c r="CBH21" s="282" t="s">
        <v>3816</v>
      </c>
      <c r="CBI21" s="282" t="s">
        <v>3816</v>
      </c>
      <c r="CBJ21" s="282" t="s">
        <v>3816</v>
      </c>
      <c r="CBK21" s="282" t="s">
        <v>3816</v>
      </c>
      <c r="CBL21" s="282" t="s">
        <v>3816</v>
      </c>
      <c r="CBM21" s="282" t="s">
        <v>3816</v>
      </c>
      <c r="CBN21" s="282" t="s">
        <v>3816</v>
      </c>
      <c r="CBO21" s="282" t="s">
        <v>3816</v>
      </c>
      <c r="CBP21" s="282" t="s">
        <v>3816</v>
      </c>
      <c r="CBQ21" s="282" t="s">
        <v>3816</v>
      </c>
      <c r="CBR21" s="282" t="s">
        <v>3816</v>
      </c>
      <c r="CBS21" s="282" t="s">
        <v>3816</v>
      </c>
      <c r="CBT21" s="282" t="s">
        <v>3816</v>
      </c>
      <c r="CBU21" s="282" t="s">
        <v>3816</v>
      </c>
      <c r="CBV21" s="282" t="s">
        <v>3816</v>
      </c>
      <c r="CBW21" s="282" t="s">
        <v>3816</v>
      </c>
      <c r="CBX21" s="282" t="s">
        <v>3816</v>
      </c>
      <c r="CBY21" s="282" t="s">
        <v>3816</v>
      </c>
      <c r="CBZ21" s="282" t="s">
        <v>3816</v>
      </c>
      <c r="CCA21" s="282" t="s">
        <v>3816</v>
      </c>
      <c r="CCB21" s="282" t="s">
        <v>3816</v>
      </c>
      <c r="CCC21" s="282" t="s">
        <v>3816</v>
      </c>
      <c r="CCD21" s="282" t="s">
        <v>3816</v>
      </c>
      <c r="CCE21" s="282" t="s">
        <v>3816</v>
      </c>
      <c r="CCF21" s="282" t="s">
        <v>3816</v>
      </c>
      <c r="CCG21" s="282" t="s">
        <v>3816</v>
      </c>
      <c r="CCH21" s="282" t="s">
        <v>3816</v>
      </c>
      <c r="CCI21" s="282" t="s">
        <v>3816</v>
      </c>
      <c r="CCJ21" s="282" t="s">
        <v>3816</v>
      </c>
      <c r="CCK21" s="282" t="s">
        <v>3816</v>
      </c>
      <c r="CCL21" s="282" t="s">
        <v>3816</v>
      </c>
      <c r="CCM21" s="282" t="s">
        <v>3816</v>
      </c>
      <c r="CCN21" s="282" t="s">
        <v>3816</v>
      </c>
      <c r="CCO21" s="282" t="s">
        <v>3816</v>
      </c>
      <c r="CCP21" s="282" t="s">
        <v>3816</v>
      </c>
      <c r="CCQ21" s="282" t="s">
        <v>3816</v>
      </c>
      <c r="CCR21" s="282" t="s">
        <v>3816</v>
      </c>
      <c r="CCS21" s="282" t="s">
        <v>3816</v>
      </c>
      <c r="CCT21" s="282" t="s">
        <v>3816</v>
      </c>
      <c r="CCU21" s="282" t="s">
        <v>3816</v>
      </c>
      <c r="CCV21" s="282" t="s">
        <v>3816</v>
      </c>
      <c r="CCW21" s="282" t="s">
        <v>3816</v>
      </c>
      <c r="CCX21" s="282" t="s">
        <v>3816</v>
      </c>
      <c r="CCY21" s="282" t="s">
        <v>3816</v>
      </c>
      <c r="CCZ21" s="282" t="s">
        <v>3816</v>
      </c>
      <c r="CDA21" s="282" t="s">
        <v>3816</v>
      </c>
      <c r="CDB21" s="282" t="s">
        <v>3816</v>
      </c>
      <c r="CDC21" s="282" t="s">
        <v>3816</v>
      </c>
      <c r="CDD21" s="282" t="s">
        <v>3816</v>
      </c>
      <c r="CDE21" s="282" t="s">
        <v>3816</v>
      </c>
      <c r="CDF21" s="282" t="s">
        <v>3816</v>
      </c>
      <c r="CDG21" s="282" t="s">
        <v>3816</v>
      </c>
      <c r="CDH21" s="282" t="s">
        <v>3816</v>
      </c>
      <c r="CDI21" s="282" t="s">
        <v>3816</v>
      </c>
      <c r="CDJ21" s="282" t="s">
        <v>3816</v>
      </c>
      <c r="CDK21" s="282" t="s">
        <v>3816</v>
      </c>
      <c r="CDL21" s="282" t="s">
        <v>3816</v>
      </c>
      <c r="CDM21" s="282" t="s">
        <v>3816</v>
      </c>
      <c r="CDN21" s="282" t="s">
        <v>3816</v>
      </c>
      <c r="CDO21" s="282" t="s">
        <v>3816</v>
      </c>
      <c r="CDP21" s="282" t="s">
        <v>3816</v>
      </c>
      <c r="CDQ21" s="282" t="s">
        <v>3816</v>
      </c>
      <c r="CDR21" s="282" t="s">
        <v>3816</v>
      </c>
      <c r="CDS21" s="282" t="s">
        <v>3816</v>
      </c>
      <c r="CDT21" s="282" t="s">
        <v>3816</v>
      </c>
      <c r="CDU21" s="282" t="s">
        <v>3816</v>
      </c>
      <c r="CDV21" s="282" t="s">
        <v>3816</v>
      </c>
      <c r="CDW21" s="282" t="s">
        <v>3816</v>
      </c>
      <c r="CDX21" s="282" t="s">
        <v>3816</v>
      </c>
      <c r="CDY21" s="282" t="s">
        <v>3816</v>
      </c>
      <c r="CDZ21" s="282" t="s">
        <v>3816</v>
      </c>
      <c r="CEA21" s="282" t="s">
        <v>3816</v>
      </c>
      <c r="CEB21" s="282" t="s">
        <v>3816</v>
      </c>
      <c r="CEC21" s="282" t="s">
        <v>3816</v>
      </c>
      <c r="CED21" s="282" t="s">
        <v>3816</v>
      </c>
      <c r="CEE21" s="282" t="s">
        <v>3816</v>
      </c>
      <c r="CEF21" s="282" t="s">
        <v>3816</v>
      </c>
      <c r="CEG21" s="282" t="s">
        <v>3816</v>
      </c>
      <c r="CEH21" s="282" t="s">
        <v>3816</v>
      </c>
      <c r="CEI21" s="282" t="s">
        <v>3816</v>
      </c>
      <c r="CEJ21" s="282" t="s">
        <v>3816</v>
      </c>
      <c r="CEK21" s="282" t="s">
        <v>3816</v>
      </c>
      <c r="CEL21" s="282" t="s">
        <v>3816</v>
      </c>
      <c r="CEM21" s="282" t="s">
        <v>3816</v>
      </c>
      <c r="CEN21" s="282" t="s">
        <v>3816</v>
      </c>
      <c r="CEO21" s="282" t="s">
        <v>3816</v>
      </c>
      <c r="CEP21" s="282" t="s">
        <v>3816</v>
      </c>
      <c r="CEQ21" s="282" t="s">
        <v>3816</v>
      </c>
      <c r="CER21" s="282" t="s">
        <v>3816</v>
      </c>
      <c r="CES21" s="282" t="s">
        <v>3816</v>
      </c>
      <c r="CET21" s="282" t="s">
        <v>3816</v>
      </c>
      <c r="CEU21" s="282" t="s">
        <v>3816</v>
      </c>
      <c r="CEV21" s="282" t="s">
        <v>3816</v>
      </c>
      <c r="CEW21" s="282" t="s">
        <v>3816</v>
      </c>
      <c r="CEX21" s="282" t="s">
        <v>3816</v>
      </c>
      <c r="CEY21" s="282" t="s">
        <v>3816</v>
      </c>
      <c r="CEZ21" s="282" t="s">
        <v>3816</v>
      </c>
      <c r="CFA21" s="282" t="s">
        <v>3816</v>
      </c>
      <c r="CFB21" s="282" t="s">
        <v>3816</v>
      </c>
      <c r="CFC21" s="282" t="s">
        <v>3816</v>
      </c>
      <c r="CFD21" s="282" t="s">
        <v>3816</v>
      </c>
      <c r="CFE21" s="282" t="s">
        <v>3816</v>
      </c>
      <c r="CFF21" s="282" t="s">
        <v>3816</v>
      </c>
      <c r="CFG21" s="282" t="s">
        <v>3816</v>
      </c>
      <c r="CFH21" s="282" t="s">
        <v>3816</v>
      </c>
      <c r="CFI21" s="282" t="s">
        <v>3816</v>
      </c>
      <c r="CFJ21" s="282" t="s">
        <v>3816</v>
      </c>
      <c r="CFK21" s="282" t="s">
        <v>3816</v>
      </c>
      <c r="CFL21" s="282" t="s">
        <v>3816</v>
      </c>
      <c r="CFM21" s="282" t="s">
        <v>3816</v>
      </c>
      <c r="CFN21" s="282" t="s">
        <v>3816</v>
      </c>
      <c r="CFO21" s="282" t="s">
        <v>3816</v>
      </c>
      <c r="CFP21" s="282" t="s">
        <v>3816</v>
      </c>
      <c r="CFQ21" s="282" t="s">
        <v>3816</v>
      </c>
      <c r="CFR21" s="282" t="s">
        <v>3816</v>
      </c>
      <c r="CFS21" s="282" t="s">
        <v>3816</v>
      </c>
      <c r="CFT21" s="282" t="s">
        <v>3816</v>
      </c>
      <c r="CFU21" s="282" t="s">
        <v>3816</v>
      </c>
      <c r="CFV21" s="282" t="s">
        <v>3816</v>
      </c>
      <c r="CFW21" s="282" t="s">
        <v>3816</v>
      </c>
      <c r="CFX21" s="282" t="s">
        <v>3816</v>
      </c>
      <c r="CFY21" s="282" t="s">
        <v>3816</v>
      </c>
      <c r="CFZ21" s="282" t="s">
        <v>3816</v>
      </c>
      <c r="CGA21" s="282" t="s">
        <v>3816</v>
      </c>
      <c r="CGB21" s="282" t="s">
        <v>3816</v>
      </c>
      <c r="CGC21" s="282" t="s">
        <v>3816</v>
      </c>
      <c r="CGD21" s="282" t="s">
        <v>3816</v>
      </c>
      <c r="CGE21" s="282" t="s">
        <v>3816</v>
      </c>
      <c r="CGF21" s="282" t="s">
        <v>3816</v>
      </c>
      <c r="CGG21" s="282" t="s">
        <v>3816</v>
      </c>
      <c r="CGH21" s="282" t="s">
        <v>3816</v>
      </c>
      <c r="CGI21" s="282" t="s">
        <v>3816</v>
      </c>
      <c r="CGJ21" s="282" t="s">
        <v>3816</v>
      </c>
      <c r="CGK21" s="282" t="s">
        <v>3816</v>
      </c>
      <c r="CGL21" s="282" t="s">
        <v>3816</v>
      </c>
      <c r="CGM21" s="282" t="s">
        <v>3816</v>
      </c>
      <c r="CGN21" s="282" t="s">
        <v>3816</v>
      </c>
      <c r="CGO21" s="282" t="s">
        <v>3816</v>
      </c>
      <c r="CGP21" s="282" t="s">
        <v>3816</v>
      </c>
      <c r="CGQ21" s="282" t="s">
        <v>3816</v>
      </c>
      <c r="CGR21" s="282" t="s">
        <v>3816</v>
      </c>
      <c r="CGS21" s="282" t="s">
        <v>3816</v>
      </c>
      <c r="CGT21" s="282" t="s">
        <v>3816</v>
      </c>
      <c r="CGU21" s="282" t="s">
        <v>3816</v>
      </c>
      <c r="CGV21" s="282" t="s">
        <v>3816</v>
      </c>
      <c r="CGW21" s="282" t="s">
        <v>3816</v>
      </c>
      <c r="CGX21" s="282" t="s">
        <v>3816</v>
      </c>
      <c r="CGY21" s="282" t="s">
        <v>3816</v>
      </c>
      <c r="CGZ21" s="282" t="s">
        <v>3816</v>
      </c>
      <c r="CHA21" s="282" t="s">
        <v>3816</v>
      </c>
      <c r="CHB21" s="282" t="s">
        <v>3816</v>
      </c>
      <c r="CHC21" s="282" t="s">
        <v>3816</v>
      </c>
      <c r="CHD21" s="282" t="s">
        <v>3816</v>
      </c>
      <c r="CHE21" s="282" t="s">
        <v>3816</v>
      </c>
      <c r="CHF21" s="282" t="s">
        <v>3816</v>
      </c>
      <c r="CHG21" s="282" t="s">
        <v>3816</v>
      </c>
      <c r="CHH21" s="282" t="s">
        <v>3816</v>
      </c>
      <c r="CHI21" s="282" t="s">
        <v>3816</v>
      </c>
      <c r="CHJ21" s="282" t="s">
        <v>3816</v>
      </c>
      <c r="CHK21" s="282" t="s">
        <v>3816</v>
      </c>
      <c r="CHL21" s="282" t="s">
        <v>3816</v>
      </c>
      <c r="CHM21" s="282" t="s">
        <v>3816</v>
      </c>
      <c r="CHN21" s="282" t="s">
        <v>3816</v>
      </c>
      <c r="CHO21" s="282" t="s">
        <v>3816</v>
      </c>
      <c r="CHP21" s="282" t="s">
        <v>3816</v>
      </c>
      <c r="CHQ21" s="282" t="s">
        <v>3816</v>
      </c>
      <c r="CHR21" s="282" t="s">
        <v>3816</v>
      </c>
      <c r="CHS21" s="282" t="s">
        <v>3816</v>
      </c>
      <c r="CHT21" s="282" t="s">
        <v>3816</v>
      </c>
      <c r="CHU21" s="282" t="s">
        <v>3816</v>
      </c>
      <c r="CHV21" s="282" t="s">
        <v>3816</v>
      </c>
      <c r="CHW21" s="282" t="s">
        <v>3816</v>
      </c>
      <c r="CHX21" s="282" t="s">
        <v>3816</v>
      </c>
      <c r="CHY21" s="282" t="s">
        <v>3816</v>
      </c>
      <c r="CHZ21" s="282" t="s">
        <v>3816</v>
      </c>
      <c r="CIA21" s="282" t="s">
        <v>3816</v>
      </c>
      <c r="CIB21" s="282" t="s">
        <v>3816</v>
      </c>
      <c r="CIC21" s="282" t="s">
        <v>3816</v>
      </c>
      <c r="CID21" s="282" t="s">
        <v>3816</v>
      </c>
      <c r="CIE21" s="282" t="s">
        <v>3816</v>
      </c>
      <c r="CIF21" s="282" t="s">
        <v>3816</v>
      </c>
      <c r="CIG21" s="282" t="s">
        <v>3816</v>
      </c>
      <c r="CIH21" s="282" t="s">
        <v>3816</v>
      </c>
      <c r="CII21" s="282" t="s">
        <v>3816</v>
      </c>
      <c r="CIJ21" s="282" t="s">
        <v>3816</v>
      </c>
      <c r="CIK21" s="282" t="s">
        <v>3816</v>
      </c>
      <c r="CIL21" s="282" t="s">
        <v>3816</v>
      </c>
      <c r="CIM21" s="282" t="s">
        <v>3816</v>
      </c>
      <c r="CIN21" s="282" t="s">
        <v>3816</v>
      </c>
      <c r="CIO21" s="282" t="s">
        <v>3816</v>
      </c>
      <c r="CIP21" s="282" t="s">
        <v>3816</v>
      </c>
      <c r="CIQ21" s="282" t="s">
        <v>3816</v>
      </c>
      <c r="CIR21" s="282" t="s">
        <v>3816</v>
      </c>
      <c r="CIS21" s="282" t="s">
        <v>3816</v>
      </c>
      <c r="CIT21" s="282" t="s">
        <v>3816</v>
      </c>
      <c r="CIU21" s="282" t="s">
        <v>3816</v>
      </c>
      <c r="CIV21" s="282" t="s">
        <v>3816</v>
      </c>
      <c r="CIW21" s="282" t="s">
        <v>3816</v>
      </c>
      <c r="CIX21" s="282" t="s">
        <v>3816</v>
      </c>
      <c r="CIY21" s="282" t="s">
        <v>3816</v>
      </c>
      <c r="CIZ21" s="282" t="s">
        <v>3816</v>
      </c>
      <c r="CJA21" s="282" t="s">
        <v>3816</v>
      </c>
      <c r="CJB21" s="282" t="s">
        <v>3816</v>
      </c>
      <c r="CJC21" s="282" t="s">
        <v>3816</v>
      </c>
      <c r="CJD21" s="282" t="s">
        <v>3816</v>
      </c>
      <c r="CJE21" s="282" t="s">
        <v>3816</v>
      </c>
      <c r="CJF21" s="282" t="s">
        <v>3816</v>
      </c>
      <c r="CJG21" s="282" t="s">
        <v>3816</v>
      </c>
      <c r="CJH21" s="282" t="s">
        <v>3816</v>
      </c>
      <c r="CJI21" s="282" t="s">
        <v>3816</v>
      </c>
      <c r="CJJ21" s="282" t="s">
        <v>3816</v>
      </c>
      <c r="CJK21" s="282" t="s">
        <v>3816</v>
      </c>
      <c r="CJL21" s="282" t="s">
        <v>3816</v>
      </c>
      <c r="CJM21" s="282" t="s">
        <v>3816</v>
      </c>
      <c r="CJN21" s="282" t="s">
        <v>3816</v>
      </c>
      <c r="CJO21" s="282" t="s">
        <v>3816</v>
      </c>
      <c r="CJP21" s="282" t="s">
        <v>3816</v>
      </c>
      <c r="CJQ21" s="282" t="s">
        <v>3816</v>
      </c>
      <c r="CJR21" s="282" t="s">
        <v>3816</v>
      </c>
      <c r="CJS21" s="282" t="s">
        <v>3816</v>
      </c>
      <c r="CJT21" s="282" t="s">
        <v>3816</v>
      </c>
      <c r="CJU21" s="282" t="s">
        <v>3816</v>
      </c>
      <c r="CJV21" s="282" t="s">
        <v>3816</v>
      </c>
      <c r="CJW21" s="282" t="s">
        <v>3816</v>
      </c>
      <c r="CJX21" s="282" t="s">
        <v>3816</v>
      </c>
      <c r="CJY21" s="282" t="s">
        <v>3816</v>
      </c>
      <c r="CJZ21" s="282" t="s">
        <v>3816</v>
      </c>
      <c r="CKA21" s="282" t="s">
        <v>3816</v>
      </c>
      <c r="CKB21" s="282" t="s">
        <v>3816</v>
      </c>
      <c r="CKC21" s="282" t="s">
        <v>3816</v>
      </c>
      <c r="CKD21" s="282" t="s">
        <v>3816</v>
      </c>
      <c r="CKE21" s="282" t="s">
        <v>3816</v>
      </c>
      <c r="CKF21" s="282" t="s">
        <v>3816</v>
      </c>
      <c r="CKG21" s="282" t="s">
        <v>3816</v>
      </c>
      <c r="CKH21" s="282" t="s">
        <v>3816</v>
      </c>
      <c r="CKI21" s="282" t="s">
        <v>3816</v>
      </c>
      <c r="CKJ21" s="282" t="s">
        <v>3816</v>
      </c>
      <c r="CKK21" s="282" t="s">
        <v>3816</v>
      </c>
      <c r="CKL21" s="282" t="s">
        <v>3816</v>
      </c>
      <c r="CKM21" s="282" t="s">
        <v>3816</v>
      </c>
      <c r="CKN21" s="282" t="s">
        <v>3816</v>
      </c>
      <c r="CKO21" s="282" t="s">
        <v>3816</v>
      </c>
      <c r="CKP21" s="282" t="s">
        <v>3816</v>
      </c>
      <c r="CKQ21" s="282" t="s">
        <v>3816</v>
      </c>
      <c r="CKR21" s="282" t="s">
        <v>3816</v>
      </c>
      <c r="CKS21" s="282" t="s">
        <v>3816</v>
      </c>
      <c r="CKT21" s="282" t="s">
        <v>3816</v>
      </c>
      <c r="CKU21" s="282" t="s">
        <v>3816</v>
      </c>
      <c r="CKV21" s="282" t="s">
        <v>3816</v>
      </c>
      <c r="CKW21" s="282" t="s">
        <v>3816</v>
      </c>
      <c r="CKX21" s="282" t="s">
        <v>3816</v>
      </c>
      <c r="CKY21" s="282" t="s">
        <v>3816</v>
      </c>
      <c r="CKZ21" s="282" t="s">
        <v>3816</v>
      </c>
      <c r="CLA21" s="282" t="s">
        <v>3816</v>
      </c>
      <c r="CLB21" s="282" t="s">
        <v>3816</v>
      </c>
      <c r="CLC21" s="282" t="s">
        <v>3816</v>
      </c>
      <c r="CLD21" s="282" t="s">
        <v>3816</v>
      </c>
      <c r="CLE21" s="282" t="s">
        <v>3816</v>
      </c>
      <c r="CLF21" s="282" t="s">
        <v>3816</v>
      </c>
      <c r="CLG21" s="282" t="s">
        <v>3816</v>
      </c>
      <c r="CLH21" s="282" t="s">
        <v>3816</v>
      </c>
      <c r="CLI21" s="282" t="s">
        <v>3816</v>
      </c>
      <c r="CLJ21" s="282" t="s">
        <v>3816</v>
      </c>
      <c r="CLK21" s="282" t="s">
        <v>3816</v>
      </c>
      <c r="CLL21" s="282" t="s">
        <v>3816</v>
      </c>
      <c r="CLM21" s="282" t="s">
        <v>3816</v>
      </c>
      <c r="CLN21" s="282" t="s">
        <v>3816</v>
      </c>
      <c r="CLO21" s="282" t="s">
        <v>3816</v>
      </c>
      <c r="CLP21" s="282" t="s">
        <v>3816</v>
      </c>
      <c r="CLQ21" s="282" t="s">
        <v>3816</v>
      </c>
      <c r="CLR21" s="282" t="s">
        <v>3816</v>
      </c>
      <c r="CLS21" s="282" t="s">
        <v>3816</v>
      </c>
      <c r="CLT21" s="282" t="s">
        <v>3816</v>
      </c>
      <c r="CLU21" s="282" t="s">
        <v>3816</v>
      </c>
      <c r="CLV21" s="282" t="s">
        <v>3816</v>
      </c>
      <c r="CLW21" s="282" t="s">
        <v>3816</v>
      </c>
      <c r="CLX21" s="282" t="s">
        <v>3816</v>
      </c>
      <c r="CLY21" s="282" t="s">
        <v>3816</v>
      </c>
      <c r="CLZ21" s="282" t="s">
        <v>3816</v>
      </c>
      <c r="CMA21" s="282" t="s">
        <v>3816</v>
      </c>
      <c r="CMB21" s="282" t="s">
        <v>3816</v>
      </c>
      <c r="CMC21" s="282" t="s">
        <v>3816</v>
      </c>
      <c r="CMD21" s="282" t="s">
        <v>3816</v>
      </c>
      <c r="CME21" s="282" t="s">
        <v>3816</v>
      </c>
      <c r="CMF21" s="282" t="s">
        <v>3816</v>
      </c>
      <c r="CMG21" s="282" t="s">
        <v>3816</v>
      </c>
      <c r="CMH21" s="282" t="s">
        <v>3816</v>
      </c>
      <c r="CMI21" s="282" t="s">
        <v>3816</v>
      </c>
      <c r="CMJ21" s="282" t="s">
        <v>3816</v>
      </c>
      <c r="CMK21" s="282" t="s">
        <v>3816</v>
      </c>
      <c r="CML21" s="282" t="s">
        <v>3816</v>
      </c>
      <c r="CMM21" s="282" t="s">
        <v>3816</v>
      </c>
      <c r="CMN21" s="282" t="s">
        <v>3816</v>
      </c>
      <c r="CMO21" s="282" t="s">
        <v>3816</v>
      </c>
      <c r="CMP21" s="282" t="s">
        <v>3816</v>
      </c>
      <c r="CMQ21" s="282" t="s">
        <v>3816</v>
      </c>
      <c r="CMR21" s="282" t="s">
        <v>3816</v>
      </c>
      <c r="CMS21" s="282" t="s">
        <v>3816</v>
      </c>
      <c r="CMT21" s="282" t="s">
        <v>3816</v>
      </c>
      <c r="CMU21" s="282" t="s">
        <v>3816</v>
      </c>
      <c r="CMV21" s="282" t="s">
        <v>3816</v>
      </c>
      <c r="CMW21" s="282" t="s">
        <v>3816</v>
      </c>
      <c r="CMX21" s="282" t="s">
        <v>3816</v>
      </c>
      <c r="CMY21" s="282" t="s">
        <v>3816</v>
      </c>
      <c r="CMZ21" s="282" t="s">
        <v>3816</v>
      </c>
      <c r="CNA21" s="282" t="s">
        <v>3816</v>
      </c>
      <c r="CNB21" s="282" t="s">
        <v>3816</v>
      </c>
      <c r="CNC21" s="282" t="s">
        <v>3816</v>
      </c>
      <c r="CND21" s="282" t="s">
        <v>3816</v>
      </c>
      <c r="CNE21" s="282" t="s">
        <v>3816</v>
      </c>
      <c r="CNF21" s="282" t="s">
        <v>3816</v>
      </c>
      <c r="CNG21" s="282" t="s">
        <v>3816</v>
      </c>
      <c r="CNH21" s="282" t="s">
        <v>3816</v>
      </c>
      <c r="CNI21" s="282" t="s">
        <v>3816</v>
      </c>
      <c r="CNJ21" s="282" t="s">
        <v>3816</v>
      </c>
      <c r="CNK21" s="282" t="s">
        <v>3816</v>
      </c>
      <c r="CNL21" s="282" t="s">
        <v>3816</v>
      </c>
      <c r="CNM21" s="282" t="s">
        <v>3816</v>
      </c>
      <c r="CNN21" s="282" t="s">
        <v>3816</v>
      </c>
      <c r="CNO21" s="282" t="s">
        <v>3816</v>
      </c>
      <c r="CNP21" s="282" t="s">
        <v>3816</v>
      </c>
      <c r="CNQ21" s="282" t="s">
        <v>3816</v>
      </c>
      <c r="CNR21" s="282" t="s">
        <v>3816</v>
      </c>
      <c r="CNS21" s="282" t="s">
        <v>3816</v>
      </c>
      <c r="CNT21" s="282" t="s">
        <v>3816</v>
      </c>
      <c r="CNU21" s="282" t="s">
        <v>3816</v>
      </c>
      <c r="CNV21" s="282" t="s">
        <v>3816</v>
      </c>
      <c r="CNW21" s="282" t="s">
        <v>3816</v>
      </c>
      <c r="CNX21" s="282" t="s">
        <v>3816</v>
      </c>
      <c r="CNY21" s="282" t="s">
        <v>3816</v>
      </c>
      <c r="CNZ21" s="282" t="s">
        <v>3816</v>
      </c>
      <c r="COA21" s="282" t="s">
        <v>3816</v>
      </c>
      <c r="COB21" s="282" t="s">
        <v>3816</v>
      </c>
      <c r="COC21" s="282" t="s">
        <v>3816</v>
      </c>
      <c r="COD21" s="282" t="s">
        <v>3816</v>
      </c>
      <c r="COE21" s="282" t="s">
        <v>3816</v>
      </c>
      <c r="COF21" s="282" t="s">
        <v>3816</v>
      </c>
      <c r="COG21" s="282" t="s">
        <v>3816</v>
      </c>
      <c r="COH21" s="282" t="s">
        <v>3816</v>
      </c>
      <c r="COI21" s="282" t="s">
        <v>3816</v>
      </c>
      <c r="COJ21" s="282" t="s">
        <v>3816</v>
      </c>
      <c r="COK21" s="282" t="s">
        <v>3816</v>
      </c>
      <c r="COL21" s="282" t="s">
        <v>3816</v>
      </c>
      <c r="COM21" s="282" t="s">
        <v>3816</v>
      </c>
      <c r="CON21" s="282" t="s">
        <v>3816</v>
      </c>
      <c r="COO21" s="282" t="s">
        <v>3816</v>
      </c>
      <c r="COP21" s="282" t="s">
        <v>3816</v>
      </c>
      <c r="COQ21" s="282" t="s">
        <v>3816</v>
      </c>
      <c r="COR21" s="282" t="s">
        <v>3816</v>
      </c>
      <c r="COS21" s="282" t="s">
        <v>3816</v>
      </c>
      <c r="COT21" s="282" t="s">
        <v>3816</v>
      </c>
      <c r="COU21" s="282" t="s">
        <v>3816</v>
      </c>
      <c r="COV21" s="282" t="s">
        <v>3816</v>
      </c>
      <c r="COW21" s="282" t="s">
        <v>3816</v>
      </c>
      <c r="COX21" s="282" t="s">
        <v>3816</v>
      </c>
      <c r="COY21" s="282" t="s">
        <v>3816</v>
      </c>
      <c r="COZ21" s="282" t="s">
        <v>3816</v>
      </c>
      <c r="CPA21" s="282" t="s">
        <v>3816</v>
      </c>
      <c r="CPB21" s="282" t="s">
        <v>3816</v>
      </c>
      <c r="CPC21" s="282" t="s">
        <v>3816</v>
      </c>
      <c r="CPD21" s="282" t="s">
        <v>3816</v>
      </c>
      <c r="CPE21" s="282" t="s">
        <v>3816</v>
      </c>
      <c r="CPF21" s="282" t="s">
        <v>3816</v>
      </c>
      <c r="CPG21" s="282" t="s">
        <v>3816</v>
      </c>
      <c r="CPH21" s="282" t="s">
        <v>3816</v>
      </c>
      <c r="CPI21" s="282" t="s">
        <v>3816</v>
      </c>
      <c r="CPJ21" s="282" t="s">
        <v>3816</v>
      </c>
      <c r="CPK21" s="282" t="s">
        <v>3816</v>
      </c>
      <c r="CPL21" s="282" t="s">
        <v>3816</v>
      </c>
      <c r="CPM21" s="282" t="s">
        <v>3816</v>
      </c>
      <c r="CPN21" s="282" t="s">
        <v>3816</v>
      </c>
      <c r="CPO21" s="282" t="s">
        <v>3816</v>
      </c>
      <c r="CPP21" s="282" t="s">
        <v>3816</v>
      </c>
      <c r="CPQ21" s="282" t="s">
        <v>3816</v>
      </c>
      <c r="CPR21" s="282" t="s">
        <v>3816</v>
      </c>
      <c r="CPS21" s="282" t="s">
        <v>3816</v>
      </c>
      <c r="CPT21" s="282" t="s">
        <v>3816</v>
      </c>
      <c r="CPU21" s="282" t="s">
        <v>3816</v>
      </c>
      <c r="CPV21" s="282" t="s">
        <v>3816</v>
      </c>
      <c r="CPW21" s="282" t="s">
        <v>3816</v>
      </c>
      <c r="CPX21" s="282" t="s">
        <v>3816</v>
      </c>
      <c r="CPY21" s="282" t="s">
        <v>3816</v>
      </c>
      <c r="CPZ21" s="282" t="s">
        <v>3816</v>
      </c>
      <c r="CQA21" s="282" t="s">
        <v>3816</v>
      </c>
      <c r="CQB21" s="282" t="s">
        <v>3816</v>
      </c>
      <c r="CQC21" s="282" t="s">
        <v>3816</v>
      </c>
      <c r="CQD21" s="282" t="s">
        <v>3816</v>
      </c>
      <c r="CQE21" s="282" t="s">
        <v>3816</v>
      </c>
      <c r="CQF21" s="282" t="s">
        <v>3816</v>
      </c>
      <c r="CQG21" s="282" t="s">
        <v>3816</v>
      </c>
      <c r="CQH21" s="282" t="s">
        <v>3816</v>
      </c>
      <c r="CQI21" s="282" t="s">
        <v>3816</v>
      </c>
      <c r="CQJ21" s="282" t="s">
        <v>3816</v>
      </c>
      <c r="CQK21" s="282" t="s">
        <v>3816</v>
      </c>
      <c r="CQL21" s="282" t="s">
        <v>3816</v>
      </c>
      <c r="CQM21" s="282" t="s">
        <v>3816</v>
      </c>
      <c r="CQN21" s="282" t="s">
        <v>3816</v>
      </c>
      <c r="CQO21" s="282" t="s">
        <v>3816</v>
      </c>
      <c r="CQP21" s="282" t="s">
        <v>3816</v>
      </c>
      <c r="CQQ21" s="282" t="s">
        <v>3816</v>
      </c>
      <c r="CQR21" s="282" t="s">
        <v>3816</v>
      </c>
      <c r="CQS21" s="282" t="s">
        <v>3816</v>
      </c>
      <c r="CQT21" s="282" t="s">
        <v>3816</v>
      </c>
      <c r="CQU21" s="282" t="s">
        <v>3816</v>
      </c>
      <c r="CQV21" s="282" t="s">
        <v>3816</v>
      </c>
      <c r="CQW21" s="282" t="s">
        <v>3816</v>
      </c>
      <c r="CQX21" s="282" t="s">
        <v>3816</v>
      </c>
      <c r="CQY21" s="282" t="s">
        <v>3816</v>
      </c>
      <c r="CQZ21" s="282" t="s">
        <v>3816</v>
      </c>
      <c r="CRA21" s="282" t="s">
        <v>3816</v>
      </c>
      <c r="CRB21" s="282" t="s">
        <v>3816</v>
      </c>
      <c r="CRC21" s="282" t="s">
        <v>3816</v>
      </c>
      <c r="CRD21" s="282" t="s">
        <v>3816</v>
      </c>
      <c r="CRE21" s="282" t="s">
        <v>3816</v>
      </c>
      <c r="CRF21" s="282" t="s">
        <v>3816</v>
      </c>
      <c r="CRG21" s="282" t="s">
        <v>3816</v>
      </c>
      <c r="CRH21" s="282" t="s">
        <v>3816</v>
      </c>
      <c r="CRI21" s="282" t="s">
        <v>3816</v>
      </c>
      <c r="CRJ21" s="282" t="s">
        <v>3816</v>
      </c>
      <c r="CRK21" s="282" t="s">
        <v>3816</v>
      </c>
      <c r="CRL21" s="282" t="s">
        <v>3816</v>
      </c>
      <c r="CRM21" s="282" t="s">
        <v>3816</v>
      </c>
      <c r="CRN21" s="282" t="s">
        <v>3816</v>
      </c>
      <c r="CRO21" s="282" t="s">
        <v>3816</v>
      </c>
      <c r="CRP21" s="282" t="s">
        <v>3816</v>
      </c>
      <c r="CRQ21" s="282" t="s">
        <v>3816</v>
      </c>
      <c r="CRR21" s="282" t="s">
        <v>3816</v>
      </c>
      <c r="CRS21" s="282" t="s">
        <v>3816</v>
      </c>
      <c r="CRT21" s="282" t="s">
        <v>3816</v>
      </c>
      <c r="CRU21" s="282" t="s">
        <v>3816</v>
      </c>
      <c r="CRV21" s="282" t="s">
        <v>3816</v>
      </c>
      <c r="CRW21" s="282" t="s">
        <v>3816</v>
      </c>
      <c r="CRX21" s="282" t="s">
        <v>3816</v>
      </c>
      <c r="CRY21" s="282" t="s">
        <v>3816</v>
      </c>
      <c r="CRZ21" s="282" t="s">
        <v>3816</v>
      </c>
      <c r="CSA21" s="282" t="s">
        <v>3816</v>
      </c>
      <c r="CSB21" s="282" t="s">
        <v>3816</v>
      </c>
      <c r="CSC21" s="282" t="s">
        <v>3816</v>
      </c>
      <c r="CSD21" s="282" t="s">
        <v>3816</v>
      </c>
      <c r="CSE21" s="282" t="s">
        <v>3816</v>
      </c>
      <c r="CSF21" s="282" t="s">
        <v>3816</v>
      </c>
      <c r="CSG21" s="282" t="s">
        <v>3816</v>
      </c>
      <c r="CSH21" s="282" t="s">
        <v>3816</v>
      </c>
      <c r="CSI21" s="282" t="s">
        <v>3816</v>
      </c>
      <c r="CSJ21" s="282" t="s">
        <v>3816</v>
      </c>
      <c r="CSK21" s="282" t="s">
        <v>3816</v>
      </c>
      <c r="CSL21" s="282" t="s">
        <v>3816</v>
      </c>
      <c r="CSM21" s="282" t="s">
        <v>3816</v>
      </c>
      <c r="CSN21" s="282" t="s">
        <v>3816</v>
      </c>
      <c r="CSO21" s="282" t="s">
        <v>3816</v>
      </c>
      <c r="CSP21" s="282" t="s">
        <v>3816</v>
      </c>
      <c r="CSQ21" s="282" t="s">
        <v>3816</v>
      </c>
      <c r="CSR21" s="282" t="s">
        <v>3816</v>
      </c>
      <c r="CSS21" s="282" t="s">
        <v>3816</v>
      </c>
      <c r="CST21" s="282" t="s">
        <v>3816</v>
      </c>
      <c r="CSU21" s="282" t="s">
        <v>3816</v>
      </c>
      <c r="CSV21" s="282" t="s">
        <v>3816</v>
      </c>
      <c r="CSW21" s="282" t="s">
        <v>3816</v>
      </c>
      <c r="CSX21" s="282" t="s">
        <v>3816</v>
      </c>
      <c r="CSY21" s="282" t="s">
        <v>3816</v>
      </c>
      <c r="CSZ21" s="282" t="s">
        <v>3816</v>
      </c>
      <c r="CTA21" s="282" t="s">
        <v>3816</v>
      </c>
      <c r="CTB21" s="282" t="s">
        <v>3816</v>
      </c>
      <c r="CTC21" s="282" t="s">
        <v>3816</v>
      </c>
      <c r="CTD21" s="282" t="s">
        <v>3816</v>
      </c>
      <c r="CTE21" s="282" t="s">
        <v>3816</v>
      </c>
      <c r="CTF21" s="282" t="s">
        <v>3816</v>
      </c>
      <c r="CTG21" s="282" t="s">
        <v>3816</v>
      </c>
      <c r="CTH21" s="282" t="s">
        <v>3816</v>
      </c>
      <c r="CTI21" s="282" t="s">
        <v>3816</v>
      </c>
      <c r="CTJ21" s="282" t="s">
        <v>3816</v>
      </c>
      <c r="CTK21" s="282" t="s">
        <v>3816</v>
      </c>
      <c r="CTL21" s="282" t="s">
        <v>3816</v>
      </c>
      <c r="CTM21" s="282" t="s">
        <v>3816</v>
      </c>
      <c r="CTN21" s="282" t="s">
        <v>3816</v>
      </c>
      <c r="CTO21" s="282" t="s">
        <v>3816</v>
      </c>
      <c r="CTP21" s="282" t="s">
        <v>3816</v>
      </c>
      <c r="CTQ21" s="282" t="s">
        <v>3816</v>
      </c>
      <c r="CTR21" s="282" t="s">
        <v>3816</v>
      </c>
      <c r="CTS21" s="282" t="s">
        <v>3816</v>
      </c>
      <c r="CTT21" s="282" t="s">
        <v>3816</v>
      </c>
      <c r="CTU21" s="282" t="s">
        <v>3816</v>
      </c>
      <c r="CTV21" s="282" t="s">
        <v>3816</v>
      </c>
      <c r="CTW21" s="282" t="s">
        <v>3816</v>
      </c>
      <c r="CTX21" s="282" t="s">
        <v>3816</v>
      </c>
      <c r="CTY21" s="282" t="s">
        <v>3816</v>
      </c>
      <c r="CTZ21" s="282" t="s">
        <v>3816</v>
      </c>
      <c r="CUA21" s="282" t="s">
        <v>3816</v>
      </c>
      <c r="CUB21" s="282" t="s">
        <v>3816</v>
      </c>
      <c r="CUC21" s="282" t="s">
        <v>3816</v>
      </c>
      <c r="CUD21" s="282" t="s">
        <v>3816</v>
      </c>
      <c r="CUE21" s="282" t="s">
        <v>3816</v>
      </c>
      <c r="CUF21" s="282" t="s">
        <v>3816</v>
      </c>
      <c r="CUG21" s="282" t="s">
        <v>3816</v>
      </c>
      <c r="CUH21" s="282" t="s">
        <v>3816</v>
      </c>
      <c r="CUI21" s="282" t="s">
        <v>3816</v>
      </c>
      <c r="CUJ21" s="282" t="s">
        <v>3816</v>
      </c>
      <c r="CUK21" s="282" t="s">
        <v>3816</v>
      </c>
      <c r="CUL21" s="282" t="s">
        <v>3816</v>
      </c>
      <c r="CUM21" s="282" t="s">
        <v>3816</v>
      </c>
      <c r="CUN21" s="282" t="s">
        <v>3816</v>
      </c>
      <c r="CUO21" s="282" t="s">
        <v>3816</v>
      </c>
      <c r="CUP21" s="282" t="s">
        <v>3816</v>
      </c>
      <c r="CUQ21" s="282" t="s">
        <v>3816</v>
      </c>
      <c r="CUR21" s="282" t="s">
        <v>3816</v>
      </c>
      <c r="CUS21" s="282" t="s">
        <v>3816</v>
      </c>
      <c r="CUT21" s="282" t="s">
        <v>3816</v>
      </c>
      <c r="CUU21" s="282" t="s">
        <v>3816</v>
      </c>
      <c r="CUV21" s="282" t="s">
        <v>3816</v>
      </c>
      <c r="CUW21" s="282" t="s">
        <v>3816</v>
      </c>
      <c r="CUX21" s="282" t="s">
        <v>3816</v>
      </c>
      <c r="CUY21" s="282" t="s">
        <v>3816</v>
      </c>
      <c r="CUZ21" s="282" t="s">
        <v>3816</v>
      </c>
      <c r="CVA21" s="282" t="s">
        <v>3816</v>
      </c>
      <c r="CVB21" s="282" t="s">
        <v>3816</v>
      </c>
      <c r="CVC21" s="282" t="s">
        <v>3816</v>
      </c>
      <c r="CVD21" s="282" t="s">
        <v>3816</v>
      </c>
      <c r="CVE21" s="282" t="s">
        <v>3816</v>
      </c>
      <c r="CVF21" s="282" t="s">
        <v>3816</v>
      </c>
      <c r="CVG21" s="282" t="s">
        <v>3816</v>
      </c>
      <c r="CVH21" s="282" t="s">
        <v>3816</v>
      </c>
      <c r="CVI21" s="282" t="s">
        <v>3816</v>
      </c>
      <c r="CVJ21" s="282" t="s">
        <v>3816</v>
      </c>
      <c r="CVK21" s="282" t="s">
        <v>3816</v>
      </c>
      <c r="CVL21" s="282" t="s">
        <v>3816</v>
      </c>
      <c r="CVM21" s="282" t="s">
        <v>3816</v>
      </c>
      <c r="CVN21" s="282" t="s">
        <v>3816</v>
      </c>
      <c r="CVO21" s="282" t="s">
        <v>3816</v>
      </c>
      <c r="CVP21" s="282" t="s">
        <v>3816</v>
      </c>
      <c r="CVQ21" s="282" t="s">
        <v>3816</v>
      </c>
      <c r="CVR21" s="282" t="s">
        <v>3816</v>
      </c>
      <c r="CVS21" s="282" t="s">
        <v>3816</v>
      </c>
      <c r="CVT21" s="282" t="s">
        <v>3816</v>
      </c>
      <c r="CVU21" s="282" t="s">
        <v>3816</v>
      </c>
      <c r="CVV21" s="282" t="s">
        <v>3816</v>
      </c>
      <c r="CVW21" s="282" t="s">
        <v>3816</v>
      </c>
      <c r="CVX21" s="282" t="s">
        <v>3816</v>
      </c>
      <c r="CVY21" s="282" t="s">
        <v>3816</v>
      </c>
      <c r="CVZ21" s="282" t="s">
        <v>3816</v>
      </c>
      <c r="CWA21" s="282" t="s">
        <v>3816</v>
      </c>
      <c r="CWB21" s="282" t="s">
        <v>3816</v>
      </c>
      <c r="CWC21" s="282" t="s">
        <v>3816</v>
      </c>
      <c r="CWD21" s="282" t="s">
        <v>3816</v>
      </c>
      <c r="CWE21" s="282" t="s">
        <v>3816</v>
      </c>
      <c r="CWF21" s="282" t="s">
        <v>3816</v>
      </c>
      <c r="CWG21" s="282" t="s">
        <v>3816</v>
      </c>
      <c r="CWH21" s="282" t="s">
        <v>3816</v>
      </c>
      <c r="CWI21" s="282" t="s">
        <v>3816</v>
      </c>
      <c r="CWJ21" s="282" t="s">
        <v>3816</v>
      </c>
      <c r="CWK21" s="282" t="s">
        <v>3816</v>
      </c>
      <c r="CWL21" s="282" t="s">
        <v>3816</v>
      </c>
      <c r="CWM21" s="282" t="s">
        <v>3816</v>
      </c>
      <c r="CWN21" s="282" t="s">
        <v>3816</v>
      </c>
      <c r="CWO21" s="282" t="s">
        <v>3816</v>
      </c>
      <c r="CWP21" s="282" t="s">
        <v>3816</v>
      </c>
      <c r="CWQ21" s="282" t="s">
        <v>3816</v>
      </c>
      <c r="CWR21" s="282" t="s">
        <v>3816</v>
      </c>
      <c r="CWS21" s="282" t="s">
        <v>3816</v>
      </c>
      <c r="CWT21" s="282" t="s">
        <v>3816</v>
      </c>
      <c r="CWU21" s="282" t="s">
        <v>3816</v>
      </c>
      <c r="CWV21" s="282" t="s">
        <v>3816</v>
      </c>
      <c r="CWW21" s="282" t="s">
        <v>3816</v>
      </c>
      <c r="CWX21" s="282" t="s">
        <v>3816</v>
      </c>
      <c r="CWY21" s="282" t="s">
        <v>3816</v>
      </c>
      <c r="CWZ21" s="282" t="s">
        <v>3816</v>
      </c>
      <c r="CXA21" s="282" t="s">
        <v>3816</v>
      </c>
      <c r="CXB21" s="282" t="s">
        <v>3816</v>
      </c>
      <c r="CXC21" s="282" t="s">
        <v>3816</v>
      </c>
      <c r="CXD21" s="282" t="s">
        <v>3816</v>
      </c>
      <c r="CXE21" s="282" t="s">
        <v>3816</v>
      </c>
      <c r="CXF21" s="282" t="s">
        <v>3816</v>
      </c>
      <c r="CXG21" s="282" t="s">
        <v>3816</v>
      </c>
      <c r="CXH21" s="282" t="s">
        <v>3816</v>
      </c>
      <c r="CXI21" s="282" t="s">
        <v>3816</v>
      </c>
      <c r="CXJ21" s="282" t="s">
        <v>3816</v>
      </c>
      <c r="CXK21" s="282" t="s">
        <v>3816</v>
      </c>
      <c r="CXL21" s="282" t="s">
        <v>3816</v>
      </c>
      <c r="CXM21" s="282" t="s">
        <v>3816</v>
      </c>
      <c r="CXN21" s="282" t="s">
        <v>3816</v>
      </c>
      <c r="CXO21" s="282" t="s">
        <v>3816</v>
      </c>
      <c r="CXP21" s="282" t="s">
        <v>3816</v>
      </c>
      <c r="CXQ21" s="282" t="s">
        <v>3816</v>
      </c>
      <c r="CXR21" s="282" t="s">
        <v>3816</v>
      </c>
      <c r="CXS21" s="282" t="s">
        <v>3816</v>
      </c>
      <c r="CXT21" s="282" t="s">
        <v>3816</v>
      </c>
      <c r="CXU21" s="282" t="s">
        <v>3816</v>
      </c>
      <c r="CXV21" s="282" t="s">
        <v>3816</v>
      </c>
      <c r="CXW21" s="282" t="s">
        <v>3816</v>
      </c>
      <c r="CXX21" s="282" t="s">
        <v>3816</v>
      </c>
      <c r="CXY21" s="282" t="s">
        <v>3816</v>
      </c>
      <c r="CXZ21" s="282" t="s">
        <v>3816</v>
      </c>
      <c r="CYA21" s="282" t="s">
        <v>3816</v>
      </c>
      <c r="CYB21" s="282" t="s">
        <v>3816</v>
      </c>
      <c r="CYC21" s="282" t="s">
        <v>3816</v>
      </c>
      <c r="CYD21" s="282" t="s">
        <v>3816</v>
      </c>
      <c r="CYE21" s="282" t="s">
        <v>3816</v>
      </c>
      <c r="CYF21" s="282" t="s">
        <v>3816</v>
      </c>
      <c r="CYG21" s="282" t="s">
        <v>3816</v>
      </c>
      <c r="CYH21" s="282" t="s">
        <v>3816</v>
      </c>
      <c r="CYI21" s="282" t="s">
        <v>3816</v>
      </c>
      <c r="CYJ21" s="282" t="s">
        <v>3816</v>
      </c>
      <c r="CYK21" s="282" t="s">
        <v>3816</v>
      </c>
      <c r="CYL21" s="282" t="s">
        <v>3816</v>
      </c>
      <c r="CYM21" s="282" t="s">
        <v>3816</v>
      </c>
      <c r="CYN21" s="282" t="s">
        <v>3816</v>
      </c>
      <c r="CYO21" s="282" t="s">
        <v>3816</v>
      </c>
      <c r="CYP21" s="282" t="s">
        <v>3816</v>
      </c>
      <c r="CYQ21" s="282" t="s">
        <v>3816</v>
      </c>
      <c r="CYR21" s="282" t="s">
        <v>3816</v>
      </c>
      <c r="CYS21" s="282" t="s">
        <v>3816</v>
      </c>
      <c r="CYT21" s="282" t="s">
        <v>3816</v>
      </c>
      <c r="CYU21" s="282" t="s">
        <v>3816</v>
      </c>
      <c r="CYV21" s="282" t="s">
        <v>3816</v>
      </c>
      <c r="CYW21" s="282" t="s">
        <v>3816</v>
      </c>
      <c r="CYX21" s="282" t="s">
        <v>3816</v>
      </c>
      <c r="CYY21" s="282" t="s">
        <v>3816</v>
      </c>
      <c r="CYZ21" s="282" t="s">
        <v>3816</v>
      </c>
      <c r="CZA21" s="282" t="s">
        <v>3816</v>
      </c>
      <c r="CZB21" s="282" t="s">
        <v>3816</v>
      </c>
      <c r="CZC21" s="282" t="s">
        <v>3816</v>
      </c>
      <c r="CZD21" s="282" t="s">
        <v>3816</v>
      </c>
      <c r="CZE21" s="282" t="s">
        <v>3816</v>
      </c>
      <c r="CZF21" s="282" t="s">
        <v>3816</v>
      </c>
      <c r="CZG21" s="282" t="s">
        <v>3816</v>
      </c>
      <c r="CZH21" s="282" t="s">
        <v>3816</v>
      </c>
      <c r="CZI21" s="282" t="s">
        <v>3816</v>
      </c>
      <c r="CZJ21" s="282" t="s">
        <v>3816</v>
      </c>
      <c r="CZK21" s="282" t="s">
        <v>3816</v>
      </c>
      <c r="CZL21" s="282" t="s">
        <v>3816</v>
      </c>
      <c r="CZM21" s="282" t="s">
        <v>3816</v>
      </c>
      <c r="CZN21" s="282" t="s">
        <v>3816</v>
      </c>
      <c r="CZO21" s="282" t="s">
        <v>3816</v>
      </c>
      <c r="CZP21" s="282" t="s">
        <v>3816</v>
      </c>
      <c r="CZQ21" s="282" t="s">
        <v>3816</v>
      </c>
      <c r="CZR21" s="282" t="s">
        <v>3816</v>
      </c>
      <c r="CZS21" s="282" t="s">
        <v>3816</v>
      </c>
      <c r="CZT21" s="282" t="s">
        <v>3816</v>
      </c>
      <c r="CZU21" s="282" t="s">
        <v>3816</v>
      </c>
      <c r="CZV21" s="282" t="s">
        <v>3816</v>
      </c>
      <c r="CZW21" s="282" t="s">
        <v>3816</v>
      </c>
      <c r="CZX21" s="282" t="s">
        <v>3816</v>
      </c>
      <c r="CZY21" s="282" t="s">
        <v>3816</v>
      </c>
      <c r="CZZ21" s="282" t="s">
        <v>3816</v>
      </c>
      <c r="DAA21" s="282" t="s">
        <v>3816</v>
      </c>
      <c r="DAB21" s="282" t="s">
        <v>3816</v>
      </c>
      <c r="DAC21" s="282" t="s">
        <v>3816</v>
      </c>
      <c r="DAD21" s="282" t="s">
        <v>3816</v>
      </c>
      <c r="DAE21" s="282" t="s">
        <v>3816</v>
      </c>
      <c r="DAF21" s="282" t="s">
        <v>3816</v>
      </c>
      <c r="DAG21" s="282" t="s">
        <v>3816</v>
      </c>
      <c r="DAH21" s="282" t="s">
        <v>3816</v>
      </c>
      <c r="DAI21" s="282" t="s">
        <v>3816</v>
      </c>
      <c r="DAJ21" s="282" t="s">
        <v>3816</v>
      </c>
      <c r="DAK21" s="282" t="s">
        <v>3816</v>
      </c>
      <c r="DAL21" s="282" t="s">
        <v>3816</v>
      </c>
      <c r="DAM21" s="282" t="s">
        <v>3816</v>
      </c>
      <c r="DAN21" s="282" t="s">
        <v>3816</v>
      </c>
      <c r="DAO21" s="282" t="s">
        <v>3816</v>
      </c>
      <c r="DAP21" s="282" t="s">
        <v>3816</v>
      </c>
      <c r="DAQ21" s="282" t="s">
        <v>3816</v>
      </c>
      <c r="DAR21" s="282" t="s">
        <v>3816</v>
      </c>
      <c r="DAS21" s="282" t="s">
        <v>3816</v>
      </c>
      <c r="DAT21" s="282" t="s">
        <v>3816</v>
      </c>
      <c r="DAU21" s="282" t="s">
        <v>3816</v>
      </c>
      <c r="DAV21" s="282" t="s">
        <v>3816</v>
      </c>
      <c r="DAW21" s="282" t="s">
        <v>3816</v>
      </c>
      <c r="DAX21" s="282" t="s">
        <v>3816</v>
      </c>
      <c r="DAY21" s="282" t="s">
        <v>3816</v>
      </c>
      <c r="DAZ21" s="282" t="s">
        <v>3816</v>
      </c>
      <c r="DBA21" s="282" t="s">
        <v>3816</v>
      </c>
      <c r="DBB21" s="282" t="s">
        <v>3816</v>
      </c>
      <c r="DBC21" s="282" t="s">
        <v>3816</v>
      </c>
      <c r="DBD21" s="282" t="s">
        <v>3816</v>
      </c>
      <c r="DBE21" s="282" t="s">
        <v>3816</v>
      </c>
      <c r="DBF21" s="282" t="s">
        <v>3816</v>
      </c>
      <c r="DBG21" s="282" t="s">
        <v>3816</v>
      </c>
      <c r="DBH21" s="282" t="s">
        <v>3816</v>
      </c>
      <c r="DBI21" s="282" t="s">
        <v>3816</v>
      </c>
      <c r="DBJ21" s="282" t="s">
        <v>3816</v>
      </c>
      <c r="DBK21" s="282" t="s">
        <v>3816</v>
      </c>
      <c r="DBL21" s="282" t="s">
        <v>3816</v>
      </c>
      <c r="DBM21" s="282" t="s">
        <v>3816</v>
      </c>
      <c r="DBN21" s="282" t="s">
        <v>3816</v>
      </c>
      <c r="DBO21" s="282" t="s">
        <v>3816</v>
      </c>
      <c r="DBP21" s="282" t="s">
        <v>3816</v>
      </c>
      <c r="DBQ21" s="282" t="s">
        <v>3816</v>
      </c>
      <c r="DBR21" s="282" t="s">
        <v>3816</v>
      </c>
      <c r="DBS21" s="282" t="s">
        <v>3816</v>
      </c>
      <c r="DBT21" s="282" t="s">
        <v>3816</v>
      </c>
      <c r="DBU21" s="282" t="s">
        <v>3816</v>
      </c>
      <c r="DBV21" s="282" t="s">
        <v>3816</v>
      </c>
      <c r="DBW21" s="282" t="s">
        <v>3816</v>
      </c>
      <c r="DBX21" s="282" t="s">
        <v>3816</v>
      </c>
      <c r="DBY21" s="282" t="s">
        <v>3816</v>
      </c>
      <c r="DBZ21" s="282" t="s">
        <v>3816</v>
      </c>
      <c r="DCA21" s="282" t="s">
        <v>3816</v>
      </c>
      <c r="DCB21" s="282" t="s">
        <v>3816</v>
      </c>
      <c r="DCC21" s="282" t="s">
        <v>3816</v>
      </c>
      <c r="DCD21" s="282" t="s">
        <v>3816</v>
      </c>
      <c r="DCE21" s="282" t="s">
        <v>3816</v>
      </c>
      <c r="DCF21" s="282" t="s">
        <v>3816</v>
      </c>
      <c r="DCG21" s="282" t="s">
        <v>3816</v>
      </c>
      <c r="DCH21" s="282" t="s">
        <v>3816</v>
      </c>
      <c r="DCI21" s="282" t="s">
        <v>3816</v>
      </c>
      <c r="DCJ21" s="282" t="s">
        <v>3816</v>
      </c>
      <c r="DCK21" s="282" t="s">
        <v>3816</v>
      </c>
      <c r="DCL21" s="282" t="s">
        <v>3816</v>
      </c>
      <c r="DCM21" s="282" t="s">
        <v>3816</v>
      </c>
      <c r="DCN21" s="282" t="s">
        <v>3816</v>
      </c>
      <c r="DCO21" s="282" t="s">
        <v>3816</v>
      </c>
      <c r="DCP21" s="282" t="s">
        <v>3816</v>
      </c>
      <c r="DCQ21" s="282" t="s">
        <v>3816</v>
      </c>
      <c r="DCR21" s="282" t="s">
        <v>3816</v>
      </c>
      <c r="DCS21" s="282" t="s">
        <v>3816</v>
      </c>
      <c r="DCT21" s="282" t="s">
        <v>3816</v>
      </c>
      <c r="DCU21" s="282" t="s">
        <v>3816</v>
      </c>
      <c r="DCV21" s="282" t="s">
        <v>3816</v>
      </c>
      <c r="DCW21" s="282" t="s">
        <v>3816</v>
      </c>
      <c r="DCX21" s="282" t="s">
        <v>3816</v>
      </c>
      <c r="DCY21" s="282" t="s">
        <v>3816</v>
      </c>
      <c r="DCZ21" s="282" t="s">
        <v>3816</v>
      </c>
      <c r="DDA21" s="282" t="s">
        <v>3816</v>
      </c>
      <c r="DDB21" s="282" t="s">
        <v>3816</v>
      </c>
      <c r="DDC21" s="282" t="s">
        <v>3816</v>
      </c>
      <c r="DDD21" s="282" t="s">
        <v>3816</v>
      </c>
      <c r="DDE21" s="282" t="s">
        <v>3816</v>
      </c>
      <c r="DDF21" s="282" t="s">
        <v>3816</v>
      </c>
      <c r="DDG21" s="282" t="s">
        <v>3816</v>
      </c>
      <c r="DDH21" s="282" t="s">
        <v>3816</v>
      </c>
      <c r="DDI21" s="282" t="s">
        <v>3816</v>
      </c>
      <c r="DDJ21" s="282" t="s">
        <v>3816</v>
      </c>
      <c r="DDK21" s="282" t="s">
        <v>3816</v>
      </c>
      <c r="DDL21" s="282" t="s">
        <v>3816</v>
      </c>
      <c r="DDM21" s="282" t="s">
        <v>3816</v>
      </c>
      <c r="DDN21" s="282" t="s">
        <v>3816</v>
      </c>
      <c r="DDO21" s="282" t="s">
        <v>3816</v>
      </c>
      <c r="DDP21" s="282" t="s">
        <v>3816</v>
      </c>
      <c r="DDQ21" s="282" t="s">
        <v>3816</v>
      </c>
      <c r="DDR21" s="282" t="s">
        <v>3816</v>
      </c>
      <c r="DDS21" s="282" t="s">
        <v>3816</v>
      </c>
      <c r="DDT21" s="282" t="s">
        <v>3816</v>
      </c>
      <c r="DDU21" s="282" t="s">
        <v>3816</v>
      </c>
      <c r="DDV21" s="282" t="s">
        <v>3816</v>
      </c>
      <c r="DDW21" s="282" t="s">
        <v>3816</v>
      </c>
      <c r="DDX21" s="282" t="s">
        <v>3816</v>
      </c>
      <c r="DDY21" s="282" t="s">
        <v>3816</v>
      </c>
      <c r="DDZ21" s="282" t="s">
        <v>3816</v>
      </c>
      <c r="DEA21" s="282" t="s">
        <v>3816</v>
      </c>
      <c r="DEB21" s="282" t="s">
        <v>3816</v>
      </c>
      <c r="DEC21" s="282" t="s">
        <v>3816</v>
      </c>
      <c r="DED21" s="282" t="s">
        <v>3816</v>
      </c>
      <c r="DEE21" s="282" t="s">
        <v>3816</v>
      </c>
      <c r="DEF21" s="282" t="s">
        <v>3816</v>
      </c>
      <c r="DEG21" s="282" t="s">
        <v>3816</v>
      </c>
      <c r="DEH21" s="282" t="s">
        <v>3816</v>
      </c>
      <c r="DEI21" s="282" t="s">
        <v>3816</v>
      </c>
      <c r="DEJ21" s="282" t="s">
        <v>3816</v>
      </c>
      <c r="DEK21" s="282" t="s">
        <v>3816</v>
      </c>
      <c r="DEL21" s="282" t="s">
        <v>3816</v>
      </c>
      <c r="DEM21" s="282" t="s">
        <v>3816</v>
      </c>
      <c r="DEN21" s="282" t="s">
        <v>3816</v>
      </c>
      <c r="DEO21" s="282" t="s">
        <v>3816</v>
      </c>
      <c r="DEP21" s="282" t="s">
        <v>3816</v>
      </c>
      <c r="DEQ21" s="282" t="s">
        <v>3816</v>
      </c>
      <c r="DER21" s="282" t="s">
        <v>3816</v>
      </c>
      <c r="DES21" s="282" t="s">
        <v>3816</v>
      </c>
      <c r="DET21" s="282" t="s">
        <v>3816</v>
      </c>
      <c r="DEU21" s="282" t="s">
        <v>3816</v>
      </c>
      <c r="DEV21" s="282" t="s">
        <v>3816</v>
      </c>
      <c r="DEW21" s="282" t="s">
        <v>3816</v>
      </c>
      <c r="DEX21" s="282" t="s">
        <v>3816</v>
      </c>
      <c r="DEY21" s="282" t="s">
        <v>3816</v>
      </c>
      <c r="DEZ21" s="282" t="s">
        <v>3816</v>
      </c>
      <c r="DFA21" s="282" t="s">
        <v>3816</v>
      </c>
      <c r="DFB21" s="282" t="s">
        <v>3816</v>
      </c>
      <c r="DFC21" s="282" t="s">
        <v>3816</v>
      </c>
      <c r="DFD21" s="282" t="s">
        <v>3816</v>
      </c>
      <c r="DFE21" s="282" t="s">
        <v>3816</v>
      </c>
      <c r="DFF21" s="282" t="s">
        <v>3816</v>
      </c>
      <c r="DFG21" s="282" t="s">
        <v>3816</v>
      </c>
      <c r="DFH21" s="282" t="s">
        <v>3816</v>
      </c>
      <c r="DFI21" s="282" t="s">
        <v>3816</v>
      </c>
      <c r="DFJ21" s="282" t="s">
        <v>3816</v>
      </c>
      <c r="DFK21" s="282" t="s">
        <v>3816</v>
      </c>
      <c r="DFL21" s="282" t="s">
        <v>3816</v>
      </c>
      <c r="DFM21" s="282" t="s">
        <v>3816</v>
      </c>
      <c r="DFN21" s="282" t="s">
        <v>3816</v>
      </c>
      <c r="DFO21" s="282" t="s">
        <v>3816</v>
      </c>
      <c r="DFP21" s="282" t="s">
        <v>3816</v>
      </c>
      <c r="DFQ21" s="282" t="s">
        <v>3816</v>
      </c>
      <c r="DFR21" s="282" t="s">
        <v>3816</v>
      </c>
      <c r="DFS21" s="282" t="s">
        <v>3816</v>
      </c>
      <c r="DFT21" s="282" t="s">
        <v>3816</v>
      </c>
      <c r="DFU21" s="282" t="s">
        <v>3816</v>
      </c>
      <c r="DFV21" s="282" t="s">
        <v>3816</v>
      </c>
      <c r="DFW21" s="282" t="s">
        <v>3816</v>
      </c>
      <c r="DFX21" s="282" t="s">
        <v>3816</v>
      </c>
      <c r="DFY21" s="282" t="s">
        <v>3816</v>
      </c>
      <c r="DFZ21" s="282" t="s">
        <v>3816</v>
      </c>
      <c r="DGA21" s="282" t="s">
        <v>3816</v>
      </c>
      <c r="DGB21" s="282" t="s">
        <v>3816</v>
      </c>
      <c r="DGC21" s="282" t="s">
        <v>3816</v>
      </c>
      <c r="DGD21" s="282" t="s">
        <v>3816</v>
      </c>
      <c r="DGE21" s="282" t="s">
        <v>3816</v>
      </c>
      <c r="DGF21" s="282" t="s">
        <v>3816</v>
      </c>
      <c r="DGG21" s="282" t="s">
        <v>3816</v>
      </c>
      <c r="DGH21" s="282" t="s">
        <v>3816</v>
      </c>
      <c r="DGI21" s="282" t="s">
        <v>3816</v>
      </c>
      <c r="DGJ21" s="282" t="s">
        <v>3816</v>
      </c>
      <c r="DGK21" s="282" t="s">
        <v>3816</v>
      </c>
      <c r="DGL21" s="282" t="s">
        <v>3816</v>
      </c>
      <c r="DGM21" s="282" t="s">
        <v>3816</v>
      </c>
      <c r="DGN21" s="282" t="s">
        <v>3816</v>
      </c>
      <c r="DGO21" s="282" t="s">
        <v>3816</v>
      </c>
      <c r="DGP21" s="282" t="s">
        <v>3816</v>
      </c>
      <c r="DGQ21" s="282" t="s">
        <v>3816</v>
      </c>
      <c r="DGR21" s="282" t="s">
        <v>3816</v>
      </c>
      <c r="DGS21" s="282" t="s">
        <v>3816</v>
      </c>
      <c r="DGT21" s="282" t="s">
        <v>3816</v>
      </c>
      <c r="DGU21" s="282" t="s">
        <v>3816</v>
      </c>
      <c r="DGV21" s="282" t="s">
        <v>3816</v>
      </c>
      <c r="DGW21" s="282" t="s">
        <v>3816</v>
      </c>
      <c r="DGX21" s="282" t="s">
        <v>3816</v>
      </c>
      <c r="DGY21" s="282" t="s">
        <v>3816</v>
      </c>
      <c r="DGZ21" s="282" t="s">
        <v>3816</v>
      </c>
      <c r="DHA21" s="282" t="s">
        <v>3816</v>
      </c>
      <c r="DHB21" s="282" t="s">
        <v>3816</v>
      </c>
      <c r="DHC21" s="282" t="s">
        <v>3816</v>
      </c>
      <c r="DHD21" s="282" t="s">
        <v>3816</v>
      </c>
      <c r="DHE21" s="282" t="s">
        <v>3816</v>
      </c>
      <c r="DHF21" s="282" t="s">
        <v>3816</v>
      </c>
      <c r="DHG21" s="282" t="s">
        <v>3816</v>
      </c>
      <c r="DHH21" s="282" t="s">
        <v>3816</v>
      </c>
      <c r="DHI21" s="282" t="s">
        <v>3816</v>
      </c>
      <c r="DHJ21" s="282" t="s">
        <v>3816</v>
      </c>
      <c r="DHK21" s="282" t="s">
        <v>3816</v>
      </c>
      <c r="DHL21" s="282" t="s">
        <v>3816</v>
      </c>
      <c r="DHM21" s="282" t="s">
        <v>3816</v>
      </c>
      <c r="DHN21" s="282" t="s">
        <v>3816</v>
      </c>
      <c r="DHO21" s="282" t="s">
        <v>3816</v>
      </c>
      <c r="DHP21" s="282" t="s">
        <v>3816</v>
      </c>
      <c r="DHQ21" s="282" t="s">
        <v>3816</v>
      </c>
      <c r="DHR21" s="282" t="s">
        <v>3816</v>
      </c>
      <c r="DHS21" s="282" t="s">
        <v>3816</v>
      </c>
      <c r="DHT21" s="282" t="s">
        <v>3816</v>
      </c>
      <c r="DHU21" s="282" t="s">
        <v>3816</v>
      </c>
      <c r="DHV21" s="282" t="s">
        <v>3816</v>
      </c>
      <c r="DHW21" s="282" t="s">
        <v>3816</v>
      </c>
      <c r="DHX21" s="282" t="s">
        <v>3816</v>
      </c>
      <c r="DHY21" s="282" t="s">
        <v>3816</v>
      </c>
      <c r="DHZ21" s="282" t="s">
        <v>3816</v>
      </c>
      <c r="DIA21" s="282" t="s">
        <v>3816</v>
      </c>
      <c r="DIB21" s="282" t="s">
        <v>3816</v>
      </c>
      <c r="DIC21" s="282" t="s">
        <v>3816</v>
      </c>
      <c r="DID21" s="282" t="s">
        <v>3816</v>
      </c>
      <c r="DIE21" s="282" t="s">
        <v>3816</v>
      </c>
      <c r="DIF21" s="282" t="s">
        <v>3816</v>
      </c>
      <c r="DIG21" s="282" t="s">
        <v>3816</v>
      </c>
      <c r="DIH21" s="282" t="s">
        <v>3816</v>
      </c>
      <c r="DII21" s="282" t="s">
        <v>3816</v>
      </c>
      <c r="DIJ21" s="282" t="s">
        <v>3816</v>
      </c>
      <c r="DIK21" s="282" t="s">
        <v>3816</v>
      </c>
      <c r="DIL21" s="282" t="s">
        <v>3816</v>
      </c>
      <c r="DIM21" s="282" t="s">
        <v>3816</v>
      </c>
      <c r="DIN21" s="282" t="s">
        <v>3816</v>
      </c>
      <c r="DIO21" s="282" t="s">
        <v>3816</v>
      </c>
      <c r="DIP21" s="282" t="s">
        <v>3816</v>
      </c>
      <c r="DIQ21" s="282" t="s">
        <v>3816</v>
      </c>
      <c r="DIR21" s="282" t="s">
        <v>3816</v>
      </c>
      <c r="DIS21" s="282" t="s">
        <v>3816</v>
      </c>
      <c r="DIT21" s="282" t="s">
        <v>3816</v>
      </c>
      <c r="DIU21" s="282" t="s">
        <v>3816</v>
      </c>
      <c r="DIV21" s="282" t="s">
        <v>3816</v>
      </c>
      <c r="DIW21" s="282" t="s">
        <v>3816</v>
      </c>
      <c r="DIX21" s="282" t="s">
        <v>3816</v>
      </c>
      <c r="DIY21" s="282" t="s">
        <v>3816</v>
      </c>
      <c r="DIZ21" s="282" t="s">
        <v>3816</v>
      </c>
      <c r="DJA21" s="282" t="s">
        <v>3816</v>
      </c>
      <c r="DJB21" s="282" t="s">
        <v>3816</v>
      </c>
      <c r="DJC21" s="282" t="s">
        <v>3816</v>
      </c>
      <c r="DJD21" s="282" t="s">
        <v>3816</v>
      </c>
      <c r="DJE21" s="282" t="s">
        <v>3816</v>
      </c>
      <c r="DJF21" s="282" t="s">
        <v>3816</v>
      </c>
      <c r="DJG21" s="282" t="s">
        <v>3816</v>
      </c>
      <c r="DJH21" s="282" t="s">
        <v>3816</v>
      </c>
      <c r="DJI21" s="282" t="s">
        <v>3816</v>
      </c>
      <c r="DJJ21" s="282" t="s">
        <v>3816</v>
      </c>
      <c r="DJK21" s="282" t="s">
        <v>3816</v>
      </c>
      <c r="DJL21" s="282" t="s">
        <v>3816</v>
      </c>
      <c r="DJM21" s="282" t="s">
        <v>3816</v>
      </c>
      <c r="DJN21" s="282" t="s">
        <v>3816</v>
      </c>
      <c r="DJO21" s="282" t="s">
        <v>3816</v>
      </c>
      <c r="DJP21" s="282" t="s">
        <v>3816</v>
      </c>
      <c r="DJQ21" s="282" t="s">
        <v>3816</v>
      </c>
      <c r="DJR21" s="282" t="s">
        <v>3816</v>
      </c>
      <c r="DJS21" s="282" t="s">
        <v>3816</v>
      </c>
      <c r="DJT21" s="282" t="s">
        <v>3816</v>
      </c>
      <c r="DJU21" s="282" t="s">
        <v>3816</v>
      </c>
      <c r="DJV21" s="282" t="s">
        <v>3816</v>
      </c>
      <c r="DJW21" s="282" t="s">
        <v>3816</v>
      </c>
      <c r="DJX21" s="282" t="s">
        <v>3816</v>
      </c>
      <c r="DJY21" s="282" t="s">
        <v>3816</v>
      </c>
      <c r="DJZ21" s="282" t="s">
        <v>3816</v>
      </c>
      <c r="DKA21" s="282" t="s">
        <v>3816</v>
      </c>
      <c r="DKB21" s="282" t="s">
        <v>3816</v>
      </c>
      <c r="DKC21" s="282" t="s">
        <v>3816</v>
      </c>
      <c r="DKD21" s="282" t="s">
        <v>3816</v>
      </c>
      <c r="DKE21" s="282" t="s">
        <v>3816</v>
      </c>
      <c r="DKF21" s="282" t="s">
        <v>3816</v>
      </c>
      <c r="DKG21" s="282" t="s">
        <v>3816</v>
      </c>
      <c r="DKH21" s="282" t="s">
        <v>3816</v>
      </c>
      <c r="DKI21" s="282" t="s">
        <v>3816</v>
      </c>
      <c r="DKJ21" s="282" t="s">
        <v>3816</v>
      </c>
      <c r="DKK21" s="282" t="s">
        <v>3816</v>
      </c>
      <c r="DKL21" s="282" t="s">
        <v>3816</v>
      </c>
      <c r="DKM21" s="282" t="s">
        <v>3816</v>
      </c>
      <c r="DKN21" s="282" t="s">
        <v>3816</v>
      </c>
      <c r="DKO21" s="282" t="s">
        <v>3816</v>
      </c>
      <c r="DKP21" s="282" t="s">
        <v>3816</v>
      </c>
      <c r="DKQ21" s="282" t="s">
        <v>3816</v>
      </c>
      <c r="DKR21" s="282" t="s">
        <v>3816</v>
      </c>
      <c r="DKS21" s="282" t="s">
        <v>3816</v>
      </c>
      <c r="DKT21" s="282" t="s">
        <v>3816</v>
      </c>
      <c r="DKU21" s="282" t="s">
        <v>3816</v>
      </c>
      <c r="DKV21" s="282" t="s">
        <v>3816</v>
      </c>
      <c r="DKW21" s="282" t="s">
        <v>3816</v>
      </c>
      <c r="DKX21" s="282" t="s">
        <v>3816</v>
      </c>
      <c r="DKY21" s="282" t="s">
        <v>3816</v>
      </c>
      <c r="DKZ21" s="282" t="s">
        <v>3816</v>
      </c>
      <c r="DLA21" s="282" t="s">
        <v>3816</v>
      </c>
      <c r="DLB21" s="282" t="s">
        <v>3816</v>
      </c>
      <c r="DLC21" s="282" t="s">
        <v>3816</v>
      </c>
      <c r="DLD21" s="282" t="s">
        <v>3816</v>
      </c>
      <c r="DLE21" s="282" t="s">
        <v>3816</v>
      </c>
      <c r="DLF21" s="282" t="s">
        <v>3816</v>
      </c>
      <c r="DLG21" s="282" t="s">
        <v>3816</v>
      </c>
      <c r="DLH21" s="282" t="s">
        <v>3816</v>
      </c>
      <c r="DLI21" s="282" t="s">
        <v>3816</v>
      </c>
      <c r="DLJ21" s="282" t="s">
        <v>3816</v>
      </c>
      <c r="DLK21" s="282" t="s">
        <v>3816</v>
      </c>
      <c r="DLL21" s="282" t="s">
        <v>3816</v>
      </c>
      <c r="DLM21" s="282" t="s">
        <v>3816</v>
      </c>
      <c r="DLN21" s="282" t="s">
        <v>3816</v>
      </c>
      <c r="DLO21" s="282" t="s">
        <v>3816</v>
      </c>
      <c r="DLP21" s="282" t="s">
        <v>3816</v>
      </c>
      <c r="DLQ21" s="282" t="s">
        <v>3816</v>
      </c>
      <c r="DLR21" s="282" t="s">
        <v>3816</v>
      </c>
      <c r="DLS21" s="282" t="s">
        <v>3816</v>
      </c>
      <c r="DLT21" s="282" t="s">
        <v>3816</v>
      </c>
      <c r="DLU21" s="282" t="s">
        <v>3816</v>
      </c>
      <c r="DLV21" s="282" t="s">
        <v>3816</v>
      </c>
      <c r="DLW21" s="282" t="s">
        <v>3816</v>
      </c>
      <c r="DLX21" s="282" t="s">
        <v>3816</v>
      </c>
      <c r="DLY21" s="282" t="s">
        <v>3816</v>
      </c>
      <c r="DLZ21" s="282" t="s">
        <v>3816</v>
      </c>
      <c r="DMA21" s="282" t="s">
        <v>3816</v>
      </c>
      <c r="DMB21" s="282" t="s">
        <v>3816</v>
      </c>
      <c r="DMC21" s="282" t="s">
        <v>3816</v>
      </c>
      <c r="DMD21" s="282" t="s">
        <v>3816</v>
      </c>
      <c r="DME21" s="282" t="s">
        <v>3816</v>
      </c>
      <c r="DMF21" s="282" t="s">
        <v>3816</v>
      </c>
      <c r="DMG21" s="282" t="s">
        <v>3816</v>
      </c>
      <c r="DMH21" s="282" t="s">
        <v>3816</v>
      </c>
      <c r="DMI21" s="282" t="s">
        <v>3816</v>
      </c>
      <c r="DMJ21" s="282" t="s">
        <v>3816</v>
      </c>
      <c r="DMK21" s="282" t="s">
        <v>3816</v>
      </c>
      <c r="DML21" s="282" t="s">
        <v>3816</v>
      </c>
      <c r="DMM21" s="282" t="s">
        <v>3816</v>
      </c>
      <c r="DMN21" s="282" t="s">
        <v>3816</v>
      </c>
      <c r="DMO21" s="282" t="s">
        <v>3816</v>
      </c>
      <c r="DMP21" s="282" t="s">
        <v>3816</v>
      </c>
      <c r="DMQ21" s="282" t="s">
        <v>3816</v>
      </c>
      <c r="DMR21" s="282" t="s">
        <v>3816</v>
      </c>
      <c r="DMS21" s="282" t="s">
        <v>3816</v>
      </c>
      <c r="DMT21" s="282" t="s">
        <v>3816</v>
      </c>
      <c r="DMU21" s="282" t="s">
        <v>3816</v>
      </c>
      <c r="DMV21" s="282" t="s">
        <v>3816</v>
      </c>
      <c r="DMW21" s="282" t="s">
        <v>3816</v>
      </c>
      <c r="DMX21" s="282" t="s">
        <v>3816</v>
      </c>
      <c r="DMY21" s="282" t="s">
        <v>3816</v>
      </c>
      <c r="DMZ21" s="282" t="s">
        <v>3816</v>
      </c>
      <c r="DNA21" s="282" t="s">
        <v>3816</v>
      </c>
      <c r="DNB21" s="282" t="s">
        <v>3816</v>
      </c>
      <c r="DNC21" s="282" t="s">
        <v>3816</v>
      </c>
      <c r="DND21" s="282" t="s">
        <v>3816</v>
      </c>
      <c r="DNE21" s="282" t="s">
        <v>3816</v>
      </c>
      <c r="DNF21" s="282" t="s">
        <v>3816</v>
      </c>
      <c r="DNG21" s="282" t="s">
        <v>3816</v>
      </c>
      <c r="DNH21" s="282" t="s">
        <v>3816</v>
      </c>
      <c r="DNI21" s="282" t="s">
        <v>3816</v>
      </c>
      <c r="DNJ21" s="282" t="s">
        <v>3816</v>
      </c>
      <c r="DNK21" s="282" t="s">
        <v>3816</v>
      </c>
      <c r="DNL21" s="282" t="s">
        <v>3816</v>
      </c>
      <c r="DNM21" s="282" t="s">
        <v>3816</v>
      </c>
      <c r="DNN21" s="282" t="s">
        <v>3816</v>
      </c>
      <c r="DNO21" s="282" t="s">
        <v>3816</v>
      </c>
      <c r="DNP21" s="282" t="s">
        <v>3816</v>
      </c>
      <c r="DNQ21" s="282" t="s">
        <v>3816</v>
      </c>
      <c r="DNR21" s="282" t="s">
        <v>3816</v>
      </c>
      <c r="DNS21" s="282" t="s">
        <v>3816</v>
      </c>
      <c r="DNT21" s="282" t="s">
        <v>3816</v>
      </c>
      <c r="DNU21" s="282" t="s">
        <v>3816</v>
      </c>
      <c r="DNV21" s="282" t="s">
        <v>3816</v>
      </c>
      <c r="DNW21" s="282" t="s">
        <v>3816</v>
      </c>
      <c r="DNX21" s="282" t="s">
        <v>3816</v>
      </c>
      <c r="DNY21" s="282" t="s">
        <v>3816</v>
      </c>
      <c r="DNZ21" s="282" t="s">
        <v>3816</v>
      </c>
      <c r="DOA21" s="282" t="s">
        <v>3816</v>
      </c>
      <c r="DOB21" s="282" t="s">
        <v>3816</v>
      </c>
      <c r="DOC21" s="282" t="s">
        <v>3816</v>
      </c>
      <c r="DOD21" s="282" t="s">
        <v>3816</v>
      </c>
      <c r="DOE21" s="282" t="s">
        <v>3816</v>
      </c>
      <c r="DOF21" s="282" t="s">
        <v>3816</v>
      </c>
      <c r="DOG21" s="282" t="s">
        <v>3816</v>
      </c>
      <c r="DOH21" s="282" t="s">
        <v>3816</v>
      </c>
      <c r="DOI21" s="282" t="s">
        <v>3816</v>
      </c>
      <c r="DOJ21" s="282" t="s">
        <v>3816</v>
      </c>
      <c r="DOK21" s="282" t="s">
        <v>3816</v>
      </c>
      <c r="DOL21" s="282" t="s">
        <v>3816</v>
      </c>
      <c r="DOM21" s="282" t="s">
        <v>3816</v>
      </c>
      <c r="DON21" s="282" t="s">
        <v>3816</v>
      </c>
      <c r="DOO21" s="282" t="s">
        <v>3816</v>
      </c>
      <c r="DOP21" s="282" t="s">
        <v>3816</v>
      </c>
      <c r="DOQ21" s="282" t="s">
        <v>3816</v>
      </c>
      <c r="DOR21" s="282" t="s">
        <v>3816</v>
      </c>
      <c r="DOS21" s="282" t="s">
        <v>3816</v>
      </c>
      <c r="DOT21" s="282" t="s">
        <v>3816</v>
      </c>
      <c r="DOU21" s="282" t="s">
        <v>3816</v>
      </c>
      <c r="DOV21" s="282" t="s">
        <v>3816</v>
      </c>
      <c r="DOW21" s="282" t="s">
        <v>3816</v>
      </c>
      <c r="DOX21" s="282" t="s">
        <v>3816</v>
      </c>
      <c r="DOY21" s="282" t="s">
        <v>3816</v>
      </c>
      <c r="DOZ21" s="282" t="s">
        <v>3816</v>
      </c>
      <c r="DPA21" s="282" t="s">
        <v>3816</v>
      </c>
      <c r="DPB21" s="282" t="s">
        <v>3816</v>
      </c>
      <c r="DPC21" s="282" t="s">
        <v>3816</v>
      </c>
      <c r="DPD21" s="282" t="s">
        <v>3816</v>
      </c>
      <c r="DPE21" s="282" t="s">
        <v>3816</v>
      </c>
      <c r="DPF21" s="282" t="s">
        <v>3816</v>
      </c>
      <c r="DPG21" s="282" t="s">
        <v>3816</v>
      </c>
      <c r="DPH21" s="282" t="s">
        <v>3816</v>
      </c>
      <c r="DPI21" s="282" t="s">
        <v>3816</v>
      </c>
      <c r="DPJ21" s="282" t="s">
        <v>3816</v>
      </c>
      <c r="DPK21" s="282" t="s">
        <v>3816</v>
      </c>
      <c r="DPL21" s="282" t="s">
        <v>3816</v>
      </c>
      <c r="DPM21" s="282" t="s">
        <v>3816</v>
      </c>
      <c r="DPN21" s="282" t="s">
        <v>3816</v>
      </c>
      <c r="DPO21" s="282" t="s">
        <v>3816</v>
      </c>
      <c r="DPP21" s="282" t="s">
        <v>3816</v>
      </c>
      <c r="DPQ21" s="282" t="s">
        <v>3816</v>
      </c>
      <c r="DPR21" s="282" t="s">
        <v>3816</v>
      </c>
      <c r="DPS21" s="282" t="s">
        <v>3816</v>
      </c>
      <c r="DPT21" s="282" t="s">
        <v>3816</v>
      </c>
      <c r="DPU21" s="282" t="s">
        <v>3816</v>
      </c>
      <c r="DPV21" s="282" t="s">
        <v>3816</v>
      </c>
      <c r="DPW21" s="282" t="s">
        <v>3816</v>
      </c>
      <c r="DPX21" s="282" t="s">
        <v>3816</v>
      </c>
      <c r="DPY21" s="282" t="s">
        <v>3816</v>
      </c>
      <c r="DPZ21" s="282" t="s">
        <v>3816</v>
      </c>
      <c r="DQA21" s="282" t="s">
        <v>3816</v>
      </c>
      <c r="DQB21" s="282" t="s">
        <v>3816</v>
      </c>
      <c r="DQC21" s="282" t="s">
        <v>3816</v>
      </c>
      <c r="DQD21" s="282" t="s">
        <v>3816</v>
      </c>
      <c r="DQE21" s="282" t="s">
        <v>3816</v>
      </c>
      <c r="DQF21" s="282" t="s">
        <v>3816</v>
      </c>
      <c r="DQG21" s="282" t="s">
        <v>3816</v>
      </c>
      <c r="DQH21" s="282" t="s">
        <v>3816</v>
      </c>
      <c r="DQI21" s="282" t="s">
        <v>3816</v>
      </c>
      <c r="DQJ21" s="282" t="s">
        <v>3816</v>
      </c>
      <c r="DQK21" s="282" t="s">
        <v>3816</v>
      </c>
      <c r="DQL21" s="282" t="s">
        <v>3816</v>
      </c>
      <c r="DQM21" s="282" t="s">
        <v>3816</v>
      </c>
      <c r="DQN21" s="282" t="s">
        <v>3816</v>
      </c>
      <c r="DQO21" s="282" t="s">
        <v>3816</v>
      </c>
      <c r="DQP21" s="282" t="s">
        <v>3816</v>
      </c>
      <c r="DQQ21" s="282" t="s">
        <v>3816</v>
      </c>
      <c r="DQR21" s="282" t="s">
        <v>3816</v>
      </c>
      <c r="DQS21" s="282" t="s">
        <v>3816</v>
      </c>
      <c r="DQT21" s="282" t="s">
        <v>3816</v>
      </c>
      <c r="DQU21" s="282" t="s">
        <v>3816</v>
      </c>
      <c r="DQV21" s="282" t="s">
        <v>3816</v>
      </c>
      <c r="DQW21" s="282" t="s">
        <v>3816</v>
      </c>
      <c r="DQX21" s="282" t="s">
        <v>3816</v>
      </c>
      <c r="DQY21" s="282" t="s">
        <v>3816</v>
      </c>
      <c r="DQZ21" s="282" t="s">
        <v>3816</v>
      </c>
      <c r="DRA21" s="282" t="s">
        <v>3816</v>
      </c>
      <c r="DRB21" s="282" t="s">
        <v>3816</v>
      </c>
      <c r="DRC21" s="282" t="s">
        <v>3816</v>
      </c>
      <c r="DRD21" s="282" t="s">
        <v>3816</v>
      </c>
      <c r="DRE21" s="282" t="s">
        <v>3816</v>
      </c>
      <c r="DRF21" s="282" t="s">
        <v>3816</v>
      </c>
      <c r="DRG21" s="282" t="s">
        <v>3816</v>
      </c>
      <c r="DRH21" s="282" t="s">
        <v>3816</v>
      </c>
      <c r="DRI21" s="282" t="s">
        <v>3816</v>
      </c>
      <c r="DRJ21" s="282" t="s">
        <v>3816</v>
      </c>
      <c r="DRK21" s="282" t="s">
        <v>3816</v>
      </c>
      <c r="DRL21" s="282" t="s">
        <v>3816</v>
      </c>
      <c r="DRM21" s="282" t="s">
        <v>3816</v>
      </c>
      <c r="DRN21" s="282" t="s">
        <v>3816</v>
      </c>
      <c r="DRO21" s="282" t="s">
        <v>3816</v>
      </c>
      <c r="DRP21" s="282" t="s">
        <v>3816</v>
      </c>
      <c r="DRQ21" s="282" t="s">
        <v>3816</v>
      </c>
      <c r="DRR21" s="282" t="s">
        <v>3816</v>
      </c>
      <c r="DRS21" s="282" t="s">
        <v>3816</v>
      </c>
      <c r="DRT21" s="282" t="s">
        <v>3816</v>
      </c>
      <c r="DRU21" s="282" t="s">
        <v>3816</v>
      </c>
      <c r="DRV21" s="282" t="s">
        <v>3816</v>
      </c>
      <c r="DRW21" s="282" t="s">
        <v>3816</v>
      </c>
      <c r="DRX21" s="282" t="s">
        <v>3816</v>
      </c>
      <c r="DRY21" s="282" t="s">
        <v>3816</v>
      </c>
      <c r="DRZ21" s="282" t="s">
        <v>3816</v>
      </c>
      <c r="DSA21" s="282" t="s">
        <v>3816</v>
      </c>
      <c r="DSB21" s="282" t="s">
        <v>3816</v>
      </c>
      <c r="DSC21" s="282" t="s">
        <v>3816</v>
      </c>
      <c r="DSD21" s="282" t="s">
        <v>3816</v>
      </c>
      <c r="DSE21" s="282" t="s">
        <v>3816</v>
      </c>
      <c r="DSF21" s="282" t="s">
        <v>3816</v>
      </c>
      <c r="DSG21" s="282" t="s">
        <v>3816</v>
      </c>
      <c r="DSH21" s="282" t="s">
        <v>3816</v>
      </c>
      <c r="DSI21" s="282" t="s">
        <v>3816</v>
      </c>
      <c r="DSJ21" s="282" t="s">
        <v>3816</v>
      </c>
      <c r="DSK21" s="282" t="s">
        <v>3816</v>
      </c>
      <c r="DSL21" s="282" t="s">
        <v>3816</v>
      </c>
      <c r="DSM21" s="282" t="s">
        <v>3816</v>
      </c>
      <c r="DSN21" s="282" t="s">
        <v>3816</v>
      </c>
      <c r="DSO21" s="282" t="s">
        <v>3816</v>
      </c>
      <c r="DSP21" s="282" t="s">
        <v>3816</v>
      </c>
      <c r="DSQ21" s="282" t="s">
        <v>3816</v>
      </c>
      <c r="DSR21" s="282" t="s">
        <v>3816</v>
      </c>
      <c r="DSS21" s="282" t="s">
        <v>3816</v>
      </c>
      <c r="DST21" s="282" t="s">
        <v>3816</v>
      </c>
      <c r="DSU21" s="282" t="s">
        <v>3816</v>
      </c>
      <c r="DSV21" s="282" t="s">
        <v>3816</v>
      </c>
      <c r="DSW21" s="282" t="s">
        <v>3816</v>
      </c>
      <c r="DSX21" s="282" t="s">
        <v>3816</v>
      </c>
      <c r="DSY21" s="282" t="s">
        <v>3816</v>
      </c>
      <c r="DSZ21" s="282" t="s">
        <v>3816</v>
      </c>
      <c r="DTA21" s="282" t="s">
        <v>3816</v>
      </c>
      <c r="DTB21" s="282" t="s">
        <v>3816</v>
      </c>
      <c r="DTC21" s="282" t="s">
        <v>3816</v>
      </c>
      <c r="DTD21" s="282" t="s">
        <v>3816</v>
      </c>
      <c r="DTE21" s="282" t="s">
        <v>3816</v>
      </c>
      <c r="DTF21" s="282" t="s">
        <v>3816</v>
      </c>
      <c r="DTG21" s="282" t="s">
        <v>3816</v>
      </c>
      <c r="DTH21" s="282" t="s">
        <v>3816</v>
      </c>
      <c r="DTI21" s="282" t="s">
        <v>3816</v>
      </c>
      <c r="DTJ21" s="282" t="s">
        <v>3816</v>
      </c>
      <c r="DTK21" s="282" t="s">
        <v>3816</v>
      </c>
      <c r="DTL21" s="282" t="s">
        <v>3816</v>
      </c>
      <c r="DTM21" s="282" t="s">
        <v>3816</v>
      </c>
      <c r="DTN21" s="282" t="s">
        <v>3816</v>
      </c>
      <c r="DTO21" s="282" t="s">
        <v>3816</v>
      </c>
      <c r="DTP21" s="282" t="s">
        <v>3816</v>
      </c>
      <c r="DTQ21" s="282" t="s">
        <v>3816</v>
      </c>
      <c r="DTR21" s="282" t="s">
        <v>3816</v>
      </c>
      <c r="DTS21" s="282" t="s">
        <v>3816</v>
      </c>
      <c r="DTT21" s="282" t="s">
        <v>3816</v>
      </c>
      <c r="DTU21" s="282" t="s">
        <v>3816</v>
      </c>
      <c r="DTV21" s="282" t="s">
        <v>3816</v>
      </c>
      <c r="DTW21" s="282" t="s">
        <v>3816</v>
      </c>
      <c r="DTX21" s="282" t="s">
        <v>3816</v>
      </c>
      <c r="DTY21" s="282" t="s">
        <v>3816</v>
      </c>
      <c r="DTZ21" s="282" t="s">
        <v>3816</v>
      </c>
      <c r="DUA21" s="282" t="s">
        <v>3816</v>
      </c>
      <c r="DUB21" s="282" t="s">
        <v>3816</v>
      </c>
      <c r="DUC21" s="282" t="s">
        <v>3816</v>
      </c>
      <c r="DUD21" s="282" t="s">
        <v>3816</v>
      </c>
      <c r="DUE21" s="282" t="s">
        <v>3816</v>
      </c>
      <c r="DUF21" s="282" t="s">
        <v>3816</v>
      </c>
      <c r="DUG21" s="282" t="s">
        <v>3816</v>
      </c>
      <c r="DUH21" s="282" t="s">
        <v>3816</v>
      </c>
      <c r="DUI21" s="282" t="s">
        <v>3816</v>
      </c>
      <c r="DUJ21" s="282" t="s">
        <v>3816</v>
      </c>
      <c r="DUK21" s="282" t="s">
        <v>3816</v>
      </c>
      <c r="DUL21" s="282" t="s">
        <v>3816</v>
      </c>
      <c r="DUM21" s="282" t="s">
        <v>3816</v>
      </c>
      <c r="DUN21" s="282" t="s">
        <v>3816</v>
      </c>
      <c r="DUO21" s="282" t="s">
        <v>3816</v>
      </c>
      <c r="DUP21" s="282" t="s">
        <v>3816</v>
      </c>
      <c r="DUQ21" s="282" t="s">
        <v>3816</v>
      </c>
      <c r="DUR21" s="282" t="s">
        <v>3816</v>
      </c>
      <c r="DUS21" s="282" t="s">
        <v>3816</v>
      </c>
      <c r="DUT21" s="282" t="s">
        <v>3816</v>
      </c>
      <c r="DUU21" s="282" t="s">
        <v>3816</v>
      </c>
      <c r="DUV21" s="282" t="s">
        <v>3816</v>
      </c>
      <c r="DUW21" s="282" t="s">
        <v>3816</v>
      </c>
      <c r="DUX21" s="282" t="s">
        <v>3816</v>
      </c>
      <c r="DUY21" s="282" t="s">
        <v>3816</v>
      </c>
      <c r="DUZ21" s="282" t="s">
        <v>3816</v>
      </c>
      <c r="DVA21" s="282" t="s">
        <v>3816</v>
      </c>
      <c r="DVB21" s="282" t="s">
        <v>3816</v>
      </c>
      <c r="DVC21" s="282" t="s">
        <v>3816</v>
      </c>
      <c r="DVD21" s="282" t="s">
        <v>3816</v>
      </c>
      <c r="DVE21" s="282" t="s">
        <v>3816</v>
      </c>
      <c r="DVF21" s="282" t="s">
        <v>3816</v>
      </c>
      <c r="DVG21" s="282" t="s">
        <v>3816</v>
      </c>
      <c r="DVH21" s="282" t="s">
        <v>3816</v>
      </c>
      <c r="DVI21" s="282" t="s">
        <v>3816</v>
      </c>
      <c r="DVJ21" s="282" t="s">
        <v>3816</v>
      </c>
      <c r="DVK21" s="282" t="s">
        <v>3816</v>
      </c>
      <c r="DVL21" s="282" t="s">
        <v>3816</v>
      </c>
      <c r="DVM21" s="282" t="s">
        <v>3816</v>
      </c>
      <c r="DVN21" s="282" t="s">
        <v>3816</v>
      </c>
      <c r="DVO21" s="282" t="s">
        <v>3816</v>
      </c>
      <c r="DVP21" s="282" t="s">
        <v>3816</v>
      </c>
      <c r="DVQ21" s="282" t="s">
        <v>3816</v>
      </c>
      <c r="DVR21" s="282" t="s">
        <v>3816</v>
      </c>
      <c r="DVS21" s="282" t="s">
        <v>3816</v>
      </c>
      <c r="DVT21" s="282" t="s">
        <v>3816</v>
      </c>
      <c r="DVU21" s="282" t="s">
        <v>3816</v>
      </c>
      <c r="DVV21" s="282" t="s">
        <v>3816</v>
      </c>
      <c r="DVW21" s="282" t="s">
        <v>3816</v>
      </c>
      <c r="DVX21" s="282" t="s">
        <v>3816</v>
      </c>
      <c r="DVY21" s="282" t="s">
        <v>3816</v>
      </c>
      <c r="DVZ21" s="282" t="s">
        <v>3816</v>
      </c>
      <c r="DWA21" s="282" t="s">
        <v>3816</v>
      </c>
      <c r="DWB21" s="282" t="s">
        <v>3816</v>
      </c>
      <c r="DWC21" s="282" t="s">
        <v>3816</v>
      </c>
      <c r="DWD21" s="282" t="s">
        <v>3816</v>
      </c>
      <c r="DWE21" s="282" t="s">
        <v>3816</v>
      </c>
      <c r="DWF21" s="282" t="s">
        <v>3816</v>
      </c>
      <c r="DWG21" s="282" t="s">
        <v>3816</v>
      </c>
      <c r="DWH21" s="282" t="s">
        <v>3816</v>
      </c>
      <c r="DWI21" s="282" t="s">
        <v>3816</v>
      </c>
      <c r="DWJ21" s="282" t="s">
        <v>3816</v>
      </c>
      <c r="DWK21" s="282" t="s">
        <v>3816</v>
      </c>
      <c r="DWL21" s="282" t="s">
        <v>3816</v>
      </c>
      <c r="DWM21" s="282" t="s">
        <v>3816</v>
      </c>
      <c r="DWN21" s="282" t="s">
        <v>3816</v>
      </c>
      <c r="DWO21" s="282" t="s">
        <v>3816</v>
      </c>
      <c r="DWP21" s="282" t="s">
        <v>3816</v>
      </c>
      <c r="DWQ21" s="282" t="s">
        <v>3816</v>
      </c>
      <c r="DWR21" s="282" t="s">
        <v>3816</v>
      </c>
      <c r="DWS21" s="282" t="s">
        <v>3816</v>
      </c>
      <c r="DWT21" s="282" t="s">
        <v>3816</v>
      </c>
      <c r="DWU21" s="282" t="s">
        <v>3816</v>
      </c>
      <c r="DWV21" s="282" t="s">
        <v>3816</v>
      </c>
      <c r="DWW21" s="282" t="s">
        <v>3816</v>
      </c>
      <c r="DWX21" s="282" t="s">
        <v>3816</v>
      </c>
      <c r="DWY21" s="282" t="s">
        <v>3816</v>
      </c>
      <c r="DWZ21" s="282" t="s">
        <v>3816</v>
      </c>
      <c r="DXA21" s="282" t="s">
        <v>3816</v>
      </c>
      <c r="DXB21" s="282" t="s">
        <v>3816</v>
      </c>
      <c r="DXC21" s="282" t="s">
        <v>3816</v>
      </c>
      <c r="DXD21" s="282" t="s">
        <v>3816</v>
      </c>
      <c r="DXE21" s="282" t="s">
        <v>3816</v>
      </c>
      <c r="DXF21" s="282" t="s">
        <v>3816</v>
      </c>
      <c r="DXG21" s="282" t="s">
        <v>3816</v>
      </c>
      <c r="DXH21" s="282" t="s">
        <v>3816</v>
      </c>
      <c r="DXI21" s="282" t="s">
        <v>3816</v>
      </c>
      <c r="DXJ21" s="282" t="s">
        <v>3816</v>
      </c>
      <c r="DXK21" s="282" t="s">
        <v>3816</v>
      </c>
      <c r="DXL21" s="282" t="s">
        <v>3816</v>
      </c>
      <c r="DXM21" s="282" t="s">
        <v>3816</v>
      </c>
      <c r="DXN21" s="282" t="s">
        <v>3816</v>
      </c>
      <c r="DXO21" s="282" t="s">
        <v>3816</v>
      </c>
      <c r="DXP21" s="282" t="s">
        <v>3816</v>
      </c>
      <c r="DXQ21" s="282" t="s">
        <v>3816</v>
      </c>
      <c r="DXR21" s="282" t="s">
        <v>3816</v>
      </c>
      <c r="DXS21" s="282" t="s">
        <v>3816</v>
      </c>
      <c r="DXT21" s="282" t="s">
        <v>3816</v>
      </c>
      <c r="DXU21" s="282" t="s">
        <v>3816</v>
      </c>
      <c r="DXV21" s="282" t="s">
        <v>3816</v>
      </c>
      <c r="DXW21" s="282" t="s">
        <v>3816</v>
      </c>
      <c r="DXX21" s="282" t="s">
        <v>3816</v>
      </c>
      <c r="DXY21" s="282" t="s">
        <v>3816</v>
      </c>
      <c r="DXZ21" s="282" t="s">
        <v>3816</v>
      </c>
      <c r="DYA21" s="282" t="s">
        <v>3816</v>
      </c>
      <c r="DYB21" s="282" t="s">
        <v>3816</v>
      </c>
      <c r="DYC21" s="282" t="s">
        <v>3816</v>
      </c>
      <c r="DYD21" s="282" t="s">
        <v>3816</v>
      </c>
      <c r="DYE21" s="282" t="s">
        <v>3816</v>
      </c>
      <c r="DYF21" s="282" t="s">
        <v>3816</v>
      </c>
      <c r="DYG21" s="282" t="s">
        <v>3816</v>
      </c>
      <c r="DYH21" s="282" t="s">
        <v>3816</v>
      </c>
      <c r="DYI21" s="282" t="s">
        <v>3816</v>
      </c>
      <c r="DYJ21" s="282" t="s">
        <v>3816</v>
      </c>
      <c r="DYK21" s="282" t="s">
        <v>3816</v>
      </c>
      <c r="DYL21" s="282" t="s">
        <v>3816</v>
      </c>
      <c r="DYM21" s="282" t="s">
        <v>3816</v>
      </c>
      <c r="DYN21" s="282" t="s">
        <v>3816</v>
      </c>
      <c r="DYO21" s="282" t="s">
        <v>3816</v>
      </c>
      <c r="DYP21" s="282" t="s">
        <v>3816</v>
      </c>
      <c r="DYQ21" s="282" t="s">
        <v>3816</v>
      </c>
      <c r="DYR21" s="282" t="s">
        <v>3816</v>
      </c>
      <c r="DYS21" s="282" t="s">
        <v>3816</v>
      </c>
      <c r="DYT21" s="282" t="s">
        <v>3816</v>
      </c>
      <c r="DYU21" s="282" t="s">
        <v>3816</v>
      </c>
      <c r="DYV21" s="282" t="s">
        <v>3816</v>
      </c>
      <c r="DYW21" s="282" t="s">
        <v>3816</v>
      </c>
      <c r="DYX21" s="282" t="s">
        <v>3816</v>
      </c>
      <c r="DYY21" s="282" t="s">
        <v>3816</v>
      </c>
      <c r="DYZ21" s="282" t="s">
        <v>3816</v>
      </c>
      <c r="DZA21" s="282" t="s">
        <v>3816</v>
      </c>
      <c r="DZB21" s="282" t="s">
        <v>3816</v>
      </c>
      <c r="DZC21" s="282" t="s">
        <v>3816</v>
      </c>
      <c r="DZD21" s="282" t="s">
        <v>3816</v>
      </c>
      <c r="DZE21" s="282" t="s">
        <v>3816</v>
      </c>
      <c r="DZF21" s="282" t="s">
        <v>3816</v>
      </c>
      <c r="DZG21" s="282" t="s">
        <v>3816</v>
      </c>
      <c r="DZH21" s="282" t="s">
        <v>3816</v>
      </c>
      <c r="DZI21" s="282" t="s">
        <v>3816</v>
      </c>
      <c r="DZJ21" s="282" t="s">
        <v>3816</v>
      </c>
      <c r="DZK21" s="282" t="s">
        <v>3816</v>
      </c>
      <c r="DZL21" s="282" t="s">
        <v>3816</v>
      </c>
      <c r="DZM21" s="282" t="s">
        <v>3816</v>
      </c>
      <c r="DZN21" s="282" t="s">
        <v>3816</v>
      </c>
      <c r="DZO21" s="282" t="s">
        <v>3816</v>
      </c>
      <c r="DZP21" s="282" t="s">
        <v>3816</v>
      </c>
      <c r="DZQ21" s="282" t="s">
        <v>3816</v>
      </c>
      <c r="DZR21" s="282" t="s">
        <v>3816</v>
      </c>
      <c r="DZS21" s="282" t="s">
        <v>3816</v>
      </c>
      <c r="DZT21" s="282" t="s">
        <v>3816</v>
      </c>
      <c r="DZU21" s="282" t="s">
        <v>3816</v>
      </c>
      <c r="DZV21" s="282" t="s">
        <v>3816</v>
      </c>
      <c r="DZW21" s="282" t="s">
        <v>3816</v>
      </c>
      <c r="DZX21" s="282" t="s">
        <v>3816</v>
      </c>
      <c r="DZY21" s="282" t="s">
        <v>3816</v>
      </c>
      <c r="DZZ21" s="282" t="s">
        <v>3816</v>
      </c>
      <c r="EAA21" s="282" t="s">
        <v>3816</v>
      </c>
      <c r="EAB21" s="282" t="s">
        <v>3816</v>
      </c>
      <c r="EAC21" s="282" t="s">
        <v>3816</v>
      </c>
      <c r="EAD21" s="282" t="s">
        <v>3816</v>
      </c>
      <c r="EAE21" s="282" t="s">
        <v>3816</v>
      </c>
      <c r="EAF21" s="282" t="s">
        <v>3816</v>
      </c>
      <c r="EAG21" s="282" t="s">
        <v>3816</v>
      </c>
      <c r="EAH21" s="282" t="s">
        <v>3816</v>
      </c>
      <c r="EAI21" s="282" t="s">
        <v>3816</v>
      </c>
      <c r="EAJ21" s="282" t="s">
        <v>3816</v>
      </c>
      <c r="EAK21" s="282" t="s">
        <v>3816</v>
      </c>
      <c r="EAL21" s="282" t="s">
        <v>3816</v>
      </c>
      <c r="EAM21" s="282" t="s">
        <v>3816</v>
      </c>
      <c r="EAN21" s="282" t="s">
        <v>3816</v>
      </c>
      <c r="EAO21" s="282" t="s">
        <v>3816</v>
      </c>
      <c r="EAP21" s="282" t="s">
        <v>3816</v>
      </c>
      <c r="EAQ21" s="282" t="s">
        <v>3816</v>
      </c>
      <c r="EAR21" s="282" t="s">
        <v>3816</v>
      </c>
      <c r="EAS21" s="282" t="s">
        <v>3816</v>
      </c>
      <c r="EAT21" s="282" t="s">
        <v>3816</v>
      </c>
      <c r="EAU21" s="282" t="s">
        <v>3816</v>
      </c>
      <c r="EAV21" s="282" t="s">
        <v>3816</v>
      </c>
      <c r="EAW21" s="282" t="s">
        <v>3816</v>
      </c>
      <c r="EAX21" s="282" t="s">
        <v>3816</v>
      </c>
      <c r="EAY21" s="282" t="s">
        <v>3816</v>
      </c>
      <c r="EAZ21" s="282" t="s">
        <v>3816</v>
      </c>
      <c r="EBA21" s="282" t="s">
        <v>3816</v>
      </c>
      <c r="EBB21" s="282" t="s">
        <v>3816</v>
      </c>
      <c r="EBC21" s="282" t="s">
        <v>3816</v>
      </c>
      <c r="EBD21" s="282" t="s">
        <v>3816</v>
      </c>
      <c r="EBE21" s="282" t="s">
        <v>3816</v>
      </c>
      <c r="EBF21" s="282" t="s">
        <v>3816</v>
      </c>
      <c r="EBG21" s="282" t="s">
        <v>3816</v>
      </c>
      <c r="EBH21" s="282" t="s">
        <v>3816</v>
      </c>
      <c r="EBI21" s="282" t="s">
        <v>3816</v>
      </c>
      <c r="EBJ21" s="282" t="s">
        <v>3816</v>
      </c>
      <c r="EBK21" s="282" t="s">
        <v>3816</v>
      </c>
      <c r="EBL21" s="282" t="s">
        <v>3816</v>
      </c>
      <c r="EBM21" s="282" t="s">
        <v>3816</v>
      </c>
      <c r="EBN21" s="282" t="s">
        <v>3816</v>
      </c>
      <c r="EBO21" s="282" t="s">
        <v>3816</v>
      </c>
      <c r="EBP21" s="282" t="s">
        <v>3816</v>
      </c>
      <c r="EBQ21" s="282" t="s">
        <v>3816</v>
      </c>
      <c r="EBR21" s="282" t="s">
        <v>3816</v>
      </c>
      <c r="EBS21" s="282" t="s">
        <v>3816</v>
      </c>
      <c r="EBT21" s="282" t="s">
        <v>3816</v>
      </c>
      <c r="EBU21" s="282" t="s">
        <v>3816</v>
      </c>
      <c r="EBV21" s="282" t="s">
        <v>3816</v>
      </c>
      <c r="EBW21" s="282" t="s">
        <v>3816</v>
      </c>
      <c r="EBX21" s="282" t="s">
        <v>3816</v>
      </c>
      <c r="EBY21" s="282" t="s">
        <v>3816</v>
      </c>
      <c r="EBZ21" s="282" t="s">
        <v>3816</v>
      </c>
      <c r="ECA21" s="282" t="s">
        <v>3816</v>
      </c>
      <c r="ECB21" s="282" t="s">
        <v>3816</v>
      </c>
      <c r="ECC21" s="282" t="s">
        <v>3816</v>
      </c>
      <c r="ECD21" s="282" t="s">
        <v>3816</v>
      </c>
      <c r="ECE21" s="282" t="s">
        <v>3816</v>
      </c>
      <c r="ECF21" s="282" t="s">
        <v>3816</v>
      </c>
      <c r="ECG21" s="282" t="s">
        <v>3816</v>
      </c>
      <c r="ECH21" s="282" t="s">
        <v>3816</v>
      </c>
      <c r="ECI21" s="282" t="s">
        <v>3816</v>
      </c>
      <c r="ECJ21" s="282" t="s">
        <v>3816</v>
      </c>
      <c r="ECK21" s="282" t="s">
        <v>3816</v>
      </c>
      <c r="ECL21" s="282" t="s">
        <v>3816</v>
      </c>
      <c r="ECM21" s="282" t="s">
        <v>3816</v>
      </c>
      <c r="ECN21" s="282" t="s">
        <v>3816</v>
      </c>
      <c r="ECO21" s="282" t="s">
        <v>3816</v>
      </c>
      <c r="ECP21" s="282" t="s">
        <v>3816</v>
      </c>
      <c r="ECQ21" s="282" t="s">
        <v>3816</v>
      </c>
      <c r="ECR21" s="282" t="s">
        <v>3816</v>
      </c>
      <c r="ECS21" s="282" t="s">
        <v>3816</v>
      </c>
      <c r="ECT21" s="282" t="s">
        <v>3816</v>
      </c>
      <c r="ECU21" s="282" t="s">
        <v>3816</v>
      </c>
      <c r="ECV21" s="282" t="s">
        <v>3816</v>
      </c>
      <c r="ECW21" s="282" t="s">
        <v>3816</v>
      </c>
      <c r="ECX21" s="282" t="s">
        <v>3816</v>
      </c>
      <c r="ECY21" s="282" t="s">
        <v>3816</v>
      </c>
      <c r="ECZ21" s="282" t="s">
        <v>3816</v>
      </c>
      <c r="EDA21" s="282" t="s">
        <v>3816</v>
      </c>
      <c r="EDB21" s="282" t="s">
        <v>3816</v>
      </c>
      <c r="EDC21" s="282" t="s">
        <v>3816</v>
      </c>
      <c r="EDD21" s="282" t="s">
        <v>3816</v>
      </c>
      <c r="EDE21" s="282" t="s">
        <v>3816</v>
      </c>
      <c r="EDF21" s="282" t="s">
        <v>3816</v>
      </c>
      <c r="EDG21" s="282" t="s">
        <v>3816</v>
      </c>
      <c r="EDH21" s="282" t="s">
        <v>3816</v>
      </c>
      <c r="EDI21" s="282" t="s">
        <v>3816</v>
      </c>
      <c r="EDJ21" s="282" t="s">
        <v>3816</v>
      </c>
      <c r="EDK21" s="282" t="s">
        <v>3816</v>
      </c>
      <c r="EDL21" s="282" t="s">
        <v>3816</v>
      </c>
      <c r="EDM21" s="282" t="s">
        <v>3816</v>
      </c>
      <c r="EDN21" s="282" t="s">
        <v>3816</v>
      </c>
      <c r="EDO21" s="282" t="s">
        <v>3816</v>
      </c>
      <c r="EDP21" s="282" t="s">
        <v>3816</v>
      </c>
      <c r="EDQ21" s="282" t="s">
        <v>3816</v>
      </c>
      <c r="EDR21" s="282" t="s">
        <v>3816</v>
      </c>
      <c r="EDS21" s="282" t="s">
        <v>3816</v>
      </c>
      <c r="EDT21" s="282" t="s">
        <v>3816</v>
      </c>
      <c r="EDU21" s="282" t="s">
        <v>3816</v>
      </c>
      <c r="EDV21" s="282" t="s">
        <v>3816</v>
      </c>
      <c r="EDW21" s="282" t="s">
        <v>3816</v>
      </c>
      <c r="EDX21" s="282" t="s">
        <v>3816</v>
      </c>
      <c r="EDY21" s="282" t="s">
        <v>3816</v>
      </c>
      <c r="EDZ21" s="282" t="s">
        <v>3816</v>
      </c>
      <c r="EEA21" s="282" t="s">
        <v>3816</v>
      </c>
      <c r="EEB21" s="282" t="s">
        <v>3816</v>
      </c>
      <c r="EEC21" s="282" t="s">
        <v>3816</v>
      </c>
      <c r="EED21" s="282" t="s">
        <v>3816</v>
      </c>
      <c r="EEE21" s="282" t="s">
        <v>3816</v>
      </c>
      <c r="EEF21" s="282" t="s">
        <v>3816</v>
      </c>
      <c r="EEG21" s="282" t="s">
        <v>3816</v>
      </c>
      <c r="EEH21" s="282" t="s">
        <v>3816</v>
      </c>
      <c r="EEI21" s="282" t="s">
        <v>3816</v>
      </c>
      <c r="EEJ21" s="282" t="s">
        <v>3816</v>
      </c>
      <c r="EEK21" s="282" t="s">
        <v>3816</v>
      </c>
      <c r="EEL21" s="282" t="s">
        <v>3816</v>
      </c>
      <c r="EEM21" s="282" t="s">
        <v>3816</v>
      </c>
      <c r="EEN21" s="282" t="s">
        <v>3816</v>
      </c>
      <c r="EEO21" s="282" t="s">
        <v>3816</v>
      </c>
      <c r="EEP21" s="282" t="s">
        <v>3816</v>
      </c>
      <c r="EEQ21" s="282" t="s">
        <v>3816</v>
      </c>
      <c r="EER21" s="282" t="s">
        <v>3816</v>
      </c>
      <c r="EES21" s="282" t="s">
        <v>3816</v>
      </c>
      <c r="EET21" s="282" t="s">
        <v>3816</v>
      </c>
      <c r="EEU21" s="282" t="s">
        <v>3816</v>
      </c>
      <c r="EEV21" s="282" t="s">
        <v>3816</v>
      </c>
      <c r="EEW21" s="282" t="s">
        <v>3816</v>
      </c>
      <c r="EEX21" s="282" t="s">
        <v>3816</v>
      </c>
      <c r="EEY21" s="282" t="s">
        <v>3816</v>
      </c>
      <c r="EEZ21" s="282" t="s">
        <v>3816</v>
      </c>
      <c r="EFA21" s="282" t="s">
        <v>3816</v>
      </c>
      <c r="EFB21" s="282" t="s">
        <v>3816</v>
      </c>
      <c r="EFC21" s="282" t="s">
        <v>3816</v>
      </c>
      <c r="EFD21" s="282" t="s">
        <v>3816</v>
      </c>
      <c r="EFE21" s="282" t="s">
        <v>3816</v>
      </c>
      <c r="EFF21" s="282" t="s">
        <v>3816</v>
      </c>
      <c r="EFG21" s="282" t="s">
        <v>3816</v>
      </c>
      <c r="EFH21" s="282" t="s">
        <v>3816</v>
      </c>
      <c r="EFI21" s="282" t="s">
        <v>3816</v>
      </c>
      <c r="EFJ21" s="282" t="s">
        <v>3816</v>
      </c>
      <c r="EFK21" s="282" t="s">
        <v>3816</v>
      </c>
      <c r="EFL21" s="282" t="s">
        <v>3816</v>
      </c>
      <c r="EFM21" s="282" t="s">
        <v>3816</v>
      </c>
      <c r="EFN21" s="282" t="s">
        <v>3816</v>
      </c>
      <c r="EFO21" s="282" t="s">
        <v>3816</v>
      </c>
      <c r="EFP21" s="282" t="s">
        <v>3816</v>
      </c>
      <c r="EFQ21" s="282" t="s">
        <v>3816</v>
      </c>
      <c r="EFR21" s="282" t="s">
        <v>3816</v>
      </c>
      <c r="EFS21" s="282" t="s">
        <v>3816</v>
      </c>
      <c r="EFT21" s="282" t="s">
        <v>3816</v>
      </c>
      <c r="EFU21" s="282" t="s">
        <v>3816</v>
      </c>
      <c r="EFV21" s="282" t="s">
        <v>3816</v>
      </c>
      <c r="EFW21" s="282" t="s">
        <v>3816</v>
      </c>
      <c r="EFX21" s="282" t="s">
        <v>3816</v>
      </c>
      <c r="EFY21" s="282" t="s">
        <v>3816</v>
      </c>
      <c r="EFZ21" s="282" t="s">
        <v>3816</v>
      </c>
      <c r="EGA21" s="282" t="s">
        <v>3816</v>
      </c>
      <c r="EGB21" s="282" t="s">
        <v>3816</v>
      </c>
      <c r="EGC21" s="282" t="s">
        <v>3816</v>
      </c>
      <c r="EGD21" s="282" t="s">
        <v>3816</v>
      </c>
      <c r="EGE21" s="282" t="s">
        <v>3816</v>
      </c>
      <c r="EGF21" s="282" t="s">
        <v>3816</v>
      </c>
      <c r="EGG21" s="282" t="s">
        <v>3816</v>
      </c>
      <c r="EGH21" s="282" t="s">
        <v>3816</v>
      </c>
      <c r="EGI21" s="282" t="s">
        <v>3816</v>
      </c>
      <c r="EGJ21" s="282" t="s">
        <v>3816</v>
      </c>
      <c r="EGK21" s="282" t="s">
        <v>3816</v>
      </c>
      <c r="EGL21" s="282" t="s">
        <v>3816</v>
      </c>
      <c r="EGM21" s="282" t="s">
        <v>3816</v>
      </c>
      <c r="EGN21" s="282" t="s">
        <v>3816</v>
      </c>
      <c r="EGO21" s="282" t="s">
        <v>3816</v>
      </c>
      <c r="EGP21" s="282" t="s">
        <v>3816</v>
      </c>
      <c r="EGQ21" s="282" t="s">
        <v>3816</v>
      </c>
      <c r="EGR21" s="282" t="s">
        <v>3816</v>
      </c>
      <c r="EGS21" s="282" t="s">
        <v>3816</v>
      </c>
      <c r="EGT21" s="282" t="s">
        <v>3816</v>
      </c>
      <c r="EGU21" s="282" t="s">
        <v>3816</v>
      </c>
      <c r="EGV21" s="282" t="s">
        <v>3816</v>
      </c>
      <c r="EGW21" s="282" t="s">
        <v>3816</v>
      </c>
      <c r="EGX21" s="282" t="s">
        <v>3816</v>
      </c>
      <c r="EGY21" s="282" t="s">
        <v>3816</v>
      </c>
      <c r="EGZ21" s="282" t="s">
        <v>3816</v>
      </c>
      <c r="EHA21" s="282" t="s">
        <v>3816</v>
      </c>
      <c r="EHB21" s="282" t="s">
        <v>3816</v>
      </c>
      <c r="EHC21" s="282" t="s">
        <v>3816</v>
      </c>
      <c r="EHD21" s="282" t="s">
        <v>3816</v>
      </c>
      <c r="EHE21" s="282" t="s">
        <v>3816</v>
      </c>
      <c r="EHF21" s="282" t="s">
        <v>3816</v>
      </c>
      <c r="EHG21" s="282" t="s">
        <v>3816</v>
      </c>
      <c r="EHH21" s="282" t="s">
        <v>3816</v>
      </c>
      <c r="EHI21" s="282" t="s">
        <v>3816</v>
      </c>
      <c r="EHJ21" s="282" t="s">
        <v>3816</v>
      </c>
      <c r="EHK21" s="282" t="s">
        <v>3816</v>
      </c>
      <c r="EHL21" s="282" t="s">
        <v>3816</v>
      </c>
      <c r="EHM21" s="282" t="s">
        <v>3816</v>
      </c>
      <c r="EHN21" s="282" t="s">
        <v>3816</v>
      </c>
      <c r="EHO21" s="282" t="s">
        <v>3816</v>
      </c>
      <c r="EHP21" s="282" t="s">
        <v>3816</v>
      </c>
      <c r="EHQ21" s="282" t="s">
        <v>3816</v>
      </c>
      <c r="EHR21" s="282" t="s">
        <v>3816</v>
      </c>
      <c r="EHS21" s="282" t="s">
        <v>3816</v>
      </c>
      <c r="EHT21" s="282" t="s">
        <v>3816</v>
      </c>
      <c r="EHU21" s="282" t="s">
        <v>3816</v>
      </c>
      <c r="EHV21" s="282" t="s">
        <v>3816</v>
      </c>
      <c r="EHW21" s="282" t="s">
        <v>3816</v>
      </c>
      <c r="EHX21" s="282" t="s">
        <v>3816</v>
      </c>
      <c r="EHY21" s="282" t="s">
        <v>3816</v>
      </c>
      <c r="EHZ21" s="282" t="s">
        <v>3816</v>
      </c>
      <c r="EIA21" s="282" t="s">
        <v>3816</v>
      </c>
      <c r="EIB21" s="282" t="s">
        <v>3816</v>
      </c>
      <c r="EIC21" s="282" t="s">
        <v>3816</v>
      </c>
      <c r="EID21" s="282" t="s">
        <v>3816</v>
      </c>
      <c r="EIE21" s="282" t="s">
        <v>3816</v>
      </c>
      <c r="EIF21" s="282" t="s">
        <v>3816</v>
      </c>
      <c r="EIG21" s="282" t="s">
        <v>3816</v>
      </c>
      <c r="EIH21" s="282" t="s">
        <v>3816</v>
      </c>
      <c r="EII21" s="282" t="s">
        <v>3816</v>
      </c>
      <c r="EIJ21" s="282" t="s">
        <v>3816</v>
      </c>
      <c r="EIK21" s="282" t="s">
        <v>3816</v>
      </c>
      <c r="EIL21" s="282" t="s">
        <v>3816</v>
      </c>
      <c r="EIM21" s="282" t="s">
        <v>3816</v>
      </c>
      <c r="EIN21" s="282" t="s">
        <v>3816</v>
      </c>
      <c r="EIO21" s="282" t="s">
        <v>3816</v>
      </c>
      <c r="EIP21" s="282" t="s">
        <v>3816</v>
      </c>
      <c r="EIQ21" s="282" t="s">
        <v>3816</v>
      </c>
      <c r="EIR21" s="282" t="s">
        <v>3816</v>
      </c>
      <c r="EIS21" s="282" t="s">
        <v>3816</v>
      </c>
      <c r="EIT21" s="282" t="s">
        <v>3816</v>
      </c>
      <c r="EIU21" s="282" t="s">
        <v>3816</v>
      </c>
      <c r="EIV21" s="282" t="s">
        <v>3816</v>
      </c>
      <c r="EIW21" s="282" t="s">
        <v>3816</v>
      </c>
      <c r="EIX21" s="282" t="s">
        <v>3816</v>
      </c>
      <c r="EIY21" s="282" t="s">
        <v>3816</v>
      </c>
      <c r="EIZ21" s="282" t="s">
        <v>3816</v>
      </c>
      <c r="EJA21" s="282" t="s">
        <v>3816</v>
      </c>
      <c r="EJB21" s="282" t="s">
        <v>3816</v>
      </c>
      <c r="EJC21" s="282" t="s">
        <v>3816</v>
      </c>
      <c r="EJD21" s="282" t="s">
        <v>3816</v>
      </c>
      <c r="EJE21" s="282" t="s">
        <v>3816</v>
      </c>
      <c r="EJF21" s="282" t="s">
        <v>3816</v>
      </c>
      <c r="EJG21" s="282" t="s">
        <v>3816</v>
      </c>
      <c r="EJH21" s="282" t="s">
        <v>3816</v>
      </c>
      <c r="EJI21" s="282" t="s">
        <v>3816</v>
      </c>
      <c r="EJJ21" s="282" t="s">
        <v>3816</v>
      </c>
      <c r="EJK21" s="282" t="s">
        <v>3816</v>
      </c>
      <c r="EJL21" s="282" t="s">
        <v>3816</v>
      </c>
      <c r="EJM21" s="282" t="s">
        <v>3816</v>
      </c>
      <c r="EJN21" s="282" t="s">
        <v>3816</v>
      </c>
      <c r="EJO21" s="282" t="s">
        <v>3816</v>
      </c>
      <c r="EJP21" s="282" t="s">
        <v>3816</v>
      </c>
      <c r="EJQ21" s="282" t="s">
        <v>3816</v>
      </c>
      <c r="EJR21" s="282" t="s">
        <v>3816</v>
      </c>
      <c r="EJS21" s="282" t="s">
        <v>3816</v>
      </c>
      <c r="EJT21" s="282" t="s">
        <v>3816</v>
      </c>
      <c r="EJU21" s="282" t="s">
        <v>3816</v>
      </c>
      <c r="EJV21" s="282" t="s">
        <v>3816</v>
      </c>
      <c r="EJW21" s="282" t="s">
        <v>3816</v>
      </c>
      <c r="EJX21" s="282" t="s">
        <v>3816</v>
      </c>
      <c r="EJY21" s="282" t="s">
        <v>3816</v>
      </c>
      <c r="EJZ21" s="282" t="s">
        <v>3816</v>
      </c>
      <c r="EKA21" s="282" t="s">
        <v>3816</v>
      </c>
      <c r="EKB21" s="282" t="s">
        <v>3816</v>
      </c>
      <c r="EKC21" s="282" t="s">
        <v>3816</v>
      </c>
      <c r="EKD21" s="282" t="s">
        <v>3816</v>
      </c>
      <c r="EKE21" s="282" t="s">
        <v>3816</v>
      </c>
      <c r="EKF21" s="282" t="s">
        <v>3816</v>
      </c>
      <c r="EKG21" s="282" t="s">
        <v>3816</v>
      </c>
      <c r="EKH21" s="282" t="s">
        <v>3816</v>
      </c>
      <c r="EKI21" s="282" t="s">
        <v>3816</v>
      </c>
      <c r="EKJ21" s="282" t="s">
        <v>3816</v>
      </c>
      <c r="EKK21" s="282" t="s">
        <v>3816</v>
      </c>
      <c r="EKL21" s="282" t="s">
        <v>3816</v>
      </c>
      <c r="EKM21" s="282" t="s">
        <v>3816</v>
      </c>
      <c r="EKN21" s="282" t="s">
        <v>3816</v>
      </c>
      <c r="EKO21" s="282" t="s">
        <v>3816</v>
      </c>
      <c r="EKP21" s="282" t="s">
        <v>3816</v>
      </c>
      <c r="EKQ21" s="282" t="s">
        <v>3816</v>
      </c>
      <c r="EKR21" s="282" t="s">
        <v>3816</v>
      </c>
      <c r="EKS21" s="282" t="s">
        <v>3816</v>
      </c>
      <c r="EKT21" s="282" t="s">
        <v>3816</v>
      </c>
      <c r="EKU21" s="282" t="s">
        <v>3816</v>
      </c>
      <c r="EKV21" s="282" t="s">
        <v>3816</v>
      </c>
      <c r="EKW21" s="282" t="s">
        <v>3816</v>
      </c>
      <c r="EKX21" s="282" t="s">
        <v>3816</v>
      </c>
      <c r="EKY21" s="282" t="s">
        <v>3816</v>
      </c>
      <c r="EKZ21" s="282" t="s">
        <v>3816</v>
      </c>
      <c r="ELA21" s="282" t="s">
        <v>3816</v>
      </c>
      <c r="ELB21" s="282" t="s">
        <v>3816</v>
      </c>
      <c r="ELC21" s="282" t="s">
        <v>3816</v>
      </c>
      <c r="ELD21" s="282" t="s">
        <v>3816</v>
      </c>
      <c r="ELE21" s="282" t="s">
        <v>3816</v>
      </c>
      <c r="ELF21" s="282" t="s">
        <v>3816</v>
      </c>
      <c r="ELG21" s="282" t="s">
        <v>3816</v>
      </c>
      <c r="ELH21" s="282" t="s">
        <v>3816</v>
      </c>
      <c r="ELI21" s="282" t="s">
        <v>3816</v>
      </c>
      <c r="ELJ21" s="282" t="s">
        <v>3816</v>
      </c>
      <c r="ELK21" s="282" t="s">
        <v>3816</v>
      </c>
      <c r="ELL21" s="282" t="s">
        <v>3816</v>
      </c>
      <c r="ELM21" s="282" t="s">
        <v>3816</v>
      </c>
      <c r="ELN21" s="282" t="s">
        <v>3816</v>
      </c>
      <c r="ELO21" s="282" t="s">
        <v>3816</v>
      </c>
      <c r="ELP21" s="282" t="s">
        <v>3816</v>
      </c>
      <c r="ELQ21" s="282" t="s">
        <v>3816</v>
      </c>
      <c r="ELR21" s="282" t="s">
        <v>3816</v>
      </c>
      <c r="ELS21" s="282" t="s">
        <v>3816</v>
      </c>
      <c r="ELT21" s="282" t="s">
        <v>3816</v>
      </c>
      <c r="ELU21" s="282" t="s">
        <v>3816</v>
      </c>
      <c r="ELV21" s="282" t="s">
        <v>3816</v>
      </c>
      <c r="ELW21" s="282" t="s">
        <v>3816</v>
      </c>
      <c r="ELX21" s="282" t="s">
        <v>3816</v>
      </c>
      <c r="ELY21" s="282" t="s">
        <v>3816</v>
      </c>
      <c r="ELZ21" s="282" t="s">
        <v>3816</v>
      </c>
      <c r="EMA21" s="282" t="s">
        <v>3816</v>
      </c>
      <c r="EMB21" s="282" t="s">
        <v>3816</v>
      </c>
      <c r="EMC21" s="282" t="s">
        <v>3816</v>
      </c>
      <c r="EMD21" s="282" t="s">
        <v>3816</v>
      </c>
      <c r="EME21" s="282" t="s">
        <v>3816</v>
      </c>
      <c r="EMF21" s="282" t="s">
        <v>3816</v>
      </c>
      <c r="EMG21" s="282" t="s">
        <v>3816</v>
      </c>
      <c r="EMH21" s="282" t="s">
        <v>3816</v>
      </c>
      <c r="EMI21" s="282" t="s">
        <v>3816</v>
      </c>
      <c r="EMJ21" s="282" t="s">
        <v>3816</v>
      </c>
      <c r="EMK21" s="282" t="s">
        <v>3816</v>
      </c>
      <c r="EML21" s="282" t="s">
        <v>3816</v>
      </c>
      <c r="EMM21" s="282" t="s">
        <v>3816</v>
      </c>
      <c r="EMN21" s="282" t="s">
        <v>3816</v>
      </c>
      <c r="EMO21" s="282" t="s">
        <v>3816</v>
      </c>
      <c r="EMP21" s="282" t="s">
        <v>3816</v>
      </c>
      <c r="EMQ21" s="282" t="s">
        <v>3816</v>
      </c>
      <c r="EMR21" s="282" t="s">
        <v>3816</v>
      </c>
      <c r="EMS21" s="282" t="s">
        <v>3816</v>
      </c>
      <c r="EMT21" s="282" t="s">
        <v>3816</v>
      </c>
      <c r="EMU21" s="282" t="s">
        <v>3816</v>
      </c>
      <c r="EMV21" s="282" t="s">
        <v>3816</v>
      </c>
      <c r="EMW21" s="282" t="s">
        <v>3816</v>
      </c>
      <c r="EMX21" s="282" t="s">
        <v>3816</v>
      </c>
      <c r="EMY21" s="282" t="s">
        <v>3816</v>
      </c>
      <c r="EMZ21" s="282" t="s">
        <v>3816</v>
      </c>
      <c r="ENA21" s="282" t="s">
        <v>3816</v>
      </c>
      <c r="ENB21" s="282" t="s">
        <v>3816</v>
      </c>
      <c r="ENC21" s="282" t="s">
        <v>3816</v>
      </c>
      <c r="END21" s="282" t="s">
        <v>3816</v>
      </c>
      <c r="ENE21" s="282" t="s">
        <v>3816</v>
      </c>
      <c r="ENF21" s="282" t="s">
        <v>3816</v>
      </c>
      <c r="ENG21" s="282" t="s">
        <v>3816</v>
      </c>
      <c r="ENH21" s="282" t="s">
        <v>3816</v>
      </c>
      <c r="ENI21" s="282" t="s">
        <v>3816</v>
      </c>
      <c r="ENJ21" s="282" t="s">
        <v>3816</v>
      </c>
      <c r="ENK21" s="282" t="s">
        <v>3816</v>
      </c>
      <c r="ENL21" s="282" t="s">
        <v>3816</v>
      </c>
      <c r="ENM21" s="282" t="s">
        <v>3816</v>
      </c>
      <c r="ENN21" s="282" t="s">
        <v>3816</v>
      </c>
      <c r="ENO21" s="282" t="s">
        <v>3816</v>
      </c>
      <c r="ENP21" s="282" t="s">
        <v>3816</v>
      </c>
      <c r="ENQ21" s="282" t="s">
        <v>3816</v>
      </c>
      <c r="ENR21" s="282" t="s">
        <v>3816</v>
      </c>
      <c r="ENS21" s="282" t="s">
        <v>3816</v>
      </c>
      <c r="ENT21" s="282" t="s">
        <v>3816</v>
      </c>
      <c r="ENU21" s="282" t="s">
        <v>3816</v>
      </c>
      <c r="ENV21" s="282" t="s">
        <v>3816</v>
      </c>
      <c r="ENW21" s="282" t="s">
        <v>3816</v>
      </c>
      <c r="ENX21" s="282" t="s">
        <v>3816</v>
      </c>
      <c r="ENY21" s="282" t="s">
        <v>3816</v>
      </c>
      <c r="ENZ21" s="282" t="s">
        <v>3816</v>
      </c>
      <c r="EOA21" s="282" t="s">
        <v>3816</v>
      </c>
      <c r="EOB21" s="282" t="s">
        <v>3816</v>
      </c>
      <c r="EOC21" s="282" t="s">
        <v>3816</v>
      </c>
      <c r="EOD21" s="282" t="s">
        <v>3816</v>
      </c>
      <c r="EOE21" s="282" t="s">
        <v>3816</v>
      </c>
      <c r="EOF21" s="282" t="s">
        <v>3816</v>
      </c>
      <c r="EOG21" s="282" t="s">
        <v>3816</v>
      </c>
      <c r="EOH21" s="282" t="s">
        <v>3816</v>
      </c>
      <c r="EOI21" s="282" t="s">
        <v>3816</v>
      </c>
      <c r="EOJ21" s="282" t="s">
        <v>3816</v>
      </c>
      <c r="EOK21" s="282" t="s">
        <v>3816</v>
      </c>
      <c r="EOL21" s="282" t="s">
        <v>3816</v>
      </c>
      <c r="EOM21" s="282" t="s">
        <v>3816</v>
      </c>
      <c r="EON21" s="282" t="s">
        <v>3816</v>
      </c>
      <c r="EOO21" s="282" t="s">
        <v>3816</v>
      </c>
      <c r="EOP21" s="282" t="s">
        <v>3816</v>
      </c>
      <c r="EOQ21" s="282" t="s">
        <v>3816</v>
      </c>
      <c r="EOR21" s="282" t="s">
        <v>3816</v>
      </c>
      <c r="EOS21" s="282" t="s">
        <v>3816</v>
      </c>
      <c r="EOT21" s="282" t="s">
        <v>3816</v>
      </c>
      <c r="EOU21" s="282" t="s">
        <v>3816</v>
      </c>
      <c r="EOV21" s="282" t="s">
        <v>3816</v>
      </c>
      <c r="EOW21" s="282" t="s">
        <v>3816</v>
      </c>
      <c r="EOX21" s="282" t="s">
        <v>3816</v>
      </c>
      <c r="EOY21" s="282" t="s">
        <v>3816</v>
      </c>
      <c r="EOZ21" s="282" t="s">
        <v>3816</v>
      </c>
      <c r="EPA21" s="282" t="s">
        <v>3816</v>
      </c>
      <c r="EPB21" s="282" t="s">
        <v>3816</v>
      </c>
      <c r="EPC21" s="282" t="s">
        <v>3816</v>
      </c>
      <c r="EPD21" s="282" t="s">
        <v>3816</v>
      </c>
      <c r="EPE21" s="282" t="s">
        <v>3816</v>
      </c>
      <c r="EPF21" s="282" t="s">
        <v>3816</v>
      </c>
      <c r="EPG21" s="282" t="s">
        <v>3816</v>
      </c>
      <c r="EPH21" s="282" t="s">
        <v>3816</v>
      </c>
      <c r="EPI21" s="282" t="s">
        <v>3816</v>
      </c>
      <c r="EPJ21" s="282" t="s">
        <v>3816</v>
      </c>
      <c r="EPK21" s="282" t="s">
        <v>3816</v>
      </c>
      <c r="EPL21" s="282" t="s">
        <v>3816</v>
      </c>
      <c r="EPM21" s="282" t="s">
        <v>3816</v>
      </c>
      <c r="EPN21" s="282" t="s">
        <v>3816</v>
      </c>
      <c r="EPO21" s="282" t="s">
        <v>3816</v>
      </c>
      <c r="EPP21" s="282" t="s">
        <v>3816</v>
      </c>
      <c r="EPQ21" s="282" t="s">
        <v>3816</v>
      </c>
      <c r="EPR21" s="282" t="s">
        <v>3816</v>
      </c>
      <c r="EPS21" s="282" t="s">
        <v>3816</v>
      </c>
      <c r="EPT21" s="282" t="s">
        <v>3816</v>
      </c>
      <c r="EPU21" s="282" t="s">
        <v>3816</v>
      </c>
      <c r="EPV21" s="282" t="s">
        <v>3816</v>
      </c>
      <c r="EPW21" s="282" t="s">
        <v>3816</v>
      </c>
      <c r="EPX21" s="282" t="s">
        <v>3816</v>
      </c>
      <c r="EPY21" s="282" t="s">
        <v>3816</v>
      </c>
      <c r="EPZ21" s="282" t="s">
        <v>3816</v>
      </c>
      <c r="EQA21" s="282" t="s">
        <v>3816</v>
      </c>
      <c r="EQB21" s="282" t="s">
        <v>3816</v>
      </c>
      <c r="EQC21" s="282" t="s">
        <v>3816</v>
      </c>
      <c r="EQD21" s="282" t="s">
        <v>3816</v>
      </c>
      <c r="EQE21" s="282" t="s">
        <v>3816</v>
      </c>
      <c r="EQF21" s="282" t="s">
        <v>3816</v>
      </c>
      <c r="EQG21" s="282" t="s">
        <v>3816</v>
      </c>
      <c r="EQH21" s="282" t="s">
        <v>3816</v>
      </c>
      <c r="EQI21" s="282" t="s">
        <v>3816</v>
      </c>
      <c r="EQJ21" s="282" t="s">
        <v>3816</v>
      </c>
      <c r="EQK21" s="282" t="s">
        <v>3816</v>
      </c>
      <c r="EQL21" s="282" t="s">
        <v>3816</v>
      </c>
      <c r="EQM21" s="282" t="s">
        <v>3816</v>
      </c>
      <c r="EQN21" s="282" t="s">
        <v>3816</v>
      </c>
      <c r="EQO21" s="282" t="s">
        <v>3816</v>
      </c>
      <c r="EQP21" s="282" t="s">
        <v>3816</v>
      </c>
      <c r="EQQ21" s="282" t="s">
        <v>3816</v>
      </c>
      <c r="EQR21" s="282" t="s">
        <v>3816</v>
      </c>
      <c r="EQS21" s="282" t="s">
        <v>3816</v>
      </c>
      <c r="EQT21" s="282" t="s">
        <v>3816</v>
      </c>
      <c r="EQU21" s="282" t="s">
        <v>3816</v>
      </c>
      <c r="EQV21" s="282" t="s">
        <v>3816</v>
      </c>
      <c r="EQW21" s="282" t="s">
        <v>3816</v>
      </c>
      <c r="EQX21" s="282" t="s">
        <v>3816</v>
      </c>
      <c r="EQY21" s="282" t="s">
        <v>3816</v>
      </c>
      <c r="EQZ21" s="282" t="s">
        <v>3816</v>
      </c>
      <c r="ERA21" s="282" t="s">
        <v>3816</v>
      </c>
      <c r="ERB21" s="282" t="s">
        <v>3816</v>
      </c>
      <c r="ERC21" s="282" t="s">
        <v>3816</v>
      </c>
      <c r="ERD21" s="282" t="s">
        <v>3816</v>
      </c>
      <c r="ERE21" s="282" t="s">
        <v>3816</v>
      </c>
      <c r="ERF21" s="282" t="s">
        <v>3816</v>
      </c>
      <c r="ERG21" s="282" t="s">
        <v>3816</v>
      </c>
      <c r="ERH21" s="282" t="s">
        <v>3816</v>
      </c>
      <c r="ERI21" s="282" t="s">
        <v>3816</v>
      </c>
      <c r="ERJ21" s="282" t="s">
        <v>3816</v>
      </c>
      <c r="ERK21" s="282" t="s">
        <v>3816</v>
      </c>
      <c r="ERL21" s="282" t="s">
        <v>3816</v>
      </c>
      <c r="ERM21" s="282" t="s">
        <v>3816</v>
      </c>
      <c r="ERN21" s="282" t="s">
        <v>3816</v>
      </c>
      <c r="ERO21" s="282" t="s">
        <v>3816</v>
      </c>
      <c r="ERP21" s="282" t="s">
        <v>3816</v>
      </c>
      <c r="ERQ21" s="282" t="s">
        <v>3816</v>
      </c>
      <c r="ERR21" s="282" t="s">
        <v>3816</v>
      </c>
      <c r="ERS21" s="282" t="s">
        <v>3816</v>
      </c>
      <c r="ERT21" s="282" t="s">
        <v>3816</v>
      </c>
      <c r="ERU21" s="282" t="s">
        <v>3816</v>
      </c>
      <c r="ERV21" s="282" t="s">
        <v>3816</v>
      </c>
      <c r="ERW21" s="282" t="s">
        <v>3816</v>
      </c>
      <c r="ERX21" s="282" t="s">
        <v>3816</v>
      </c>
      <c r="ERY21" s="282" t="s">
        <v>3816</v>
      </c>
      <c r="ERZ21" s="282" t="s">
        <v>3816</v>
      </c>
      <c r="ESA21" s="282" t="s">
        <v>3816</v>
      </c>
      <c r="ESB21" s="282" t="s">
        <v>3816</v>
      </c>
      <c r="ESC21" s="282" t="s">
        <v>3816</v>
      </c>
      <c r="ESD21" s="282" t="s">
        <v>3816</v>
      </c>
      <c r="ESE21" s="282" t="s">
        <v>3816</v>
      </c>
      <c r="ESF21" s="282" t="s">
        <v>3816</v>
      </c>
      <c r="ESG21" s="282" t="s">
        <v>3816</v>
      </c>
      <c r="ESH21" s="282" t="s">
        <v>3816</v>
      </c>
      <c r="ESI21" s="282" t="s">
        <v>3816</v>
      </c>
      <c r="ESJ21" s="282" t="s">
        <v>3816</v>
      </c>
      <c r="ESK21" s="282" t="s">
        <v>3816</v>
      </c>
      <c r="ESL21" s="282" t="s">
        <v>3816</v>
      </c>
      <c r="ESM21" s="282" t="s">
        <v>3816</v>
      </c>
      <c r="ESN21" s="282" t="s">
        <v>3816</v>
      </c>
      <c r="ESO21" s="282" t="s">
        <v>3816</v>
      </c>
      <c r="ESP21" s="282" t="s">
        <v>3816</v>
      </c>
      <c r="ESQ21" s="282" t="s">
        <v>3816</v>
      </c>
      <c r="ESR21" s="282" t="s">
        <v>3816</v>
      </c>
      <c r="ESS21" s="282" t="s">
        <v>3816</v>
      </c>
      <c r="EST21" s="282" t="s">
        <v>3816</v>
      </c>
      <c r="ESU21" s="282" t="s">
        <v>3816</v>
      </c>
      <c r="ESV21" s="282" t="s">
        <v>3816</v>
      </c>
      <c r="ESW21" s="282" t="s">
        <v>3816</v>
      </c>
      <c r="ESX21" s="282" t="s">
        <v>3816</v>
      </c>
      <c r="ESY21" s="282" t="s">
        <v>3816</v>
      </c>
      <c r="ESZ21" s="282" t="s">
        <v>3816</v>
      </c>
      <c r="ETA21" s="282" t="s">
        <v>3816</v>
      </c>
      <c r="ETB21" s="282" t="s">
        <v>3816</v>
      </c>
      <c r="ETC21" s="282" t="s">
        <v>3816</v>
      </c>
      <c r="ETD21" s="282" t="s">
        <v>3816</v>
      </c>
      <c r="ETE21" s="282" t="s">
        <v>3816</v>
      </c>
      <c r="ETF21" s="282" t="s">
        <v>3816</v>
      </c>
      <c r="ETG21" s="282" t="s">
        <v>3816</v>
      </c>
      <c r="ETH21" s="282" t="s">
        <v>3816</v>
      </c>
      <c r="ETI21" s="282" t="s">
        <v>3816</v>
      </c>
      <c r="ETJ21" s="282" t="s">
        <v>3816</v>
      </c>
      <c r="ETK21" s="282" t="s">
        <v>3816</v>
      </c>
      <c r="ETL21" s="282" t="s">
        <v>3816</v>
      </c>
      <c r="ETM21" s="282" t="s">
        <v>3816</v>
      </c>
      <c r="ETN21" s="282" t="s">
        <v>3816</v>
      </c>
      <c r="ETO21" s="282" t="s">
        <v>3816</v>
      </c>
      <c r="ETP21" s="282" t="s">
        <v>3816</v>
      </c>
      <c r="ETQ21" s="282" t="s">
        <v>3816</v>
      </c>
      <c r="ETR21" s="282" t="s">
        <v>3816</v>
      </c>
      <c r="ETS21" s="282" t="s">
        <v>3816</v>
      </c>
      <c r="ETT21" s="282" t="s">
        <v>3816</v>
      </c>
      <c r="ETU21" s="282" t="s">
        <v>3816</v>
      </c>
      <c r="ETV21" s="282" t="s">
        <v>3816</v>
      </c>
      <c r="ETW21" s="282" t="s">
        <v>3816</v>
      </c>
      <c r="ETX21" s="282" t="s">
        <v>3816</v>
      </c>
      <c r="ETY21" s="282" t="s">
        <v>3816</v>
      </c>
      <c r="ETZ21" s="282" t="s">
        <v>3816</v>
      </c>
      <c r="EUA21" s="282" t="s">
        <v>3816</v>
      </c>
      <c r="EUB21" s="282" t="s">
        <v>3816</v>
      </c>
      <c r="EUC21" s="282" t="s">
        <v>3816</v>
      </c>
      <c r="EUD21" s="282" t="s">
        <v>3816</v>
      </c>
      <c r="EUE21" s="282" t="s">
        <v>3816</v>
      </c>
      <c r="EUF21" s="282" t="s">
        <v>3816</v>
      </c>
      <c r="EUG21" s="282" t="s">
        <v>3816</v>
      </c>
      <c r="EUH21" s="282" t="s">
        <v>3816</v>
      </c>
      <c r="EUI21" s="282" t="s">
        <v>3816</v>
      </c>
      <c r="EUJ21" s="282" t="s">
        <v>3816</v>
      </c>
      <c r="EUK21" s="282" t="s">
        <v>3816</v>
      </c>
      <c r="EUL21" s="282" t="s">
        <v>3816</v>
      </c>
      <c r="EUM21" s="282" t="s">
        <v>3816</v>
      </c>
      <c r="EUN21" s="282" t="s">
        <v>3816</v>
      </c>
      <c r="EUO21" s="282" t="s">
        <v>3816</v>
      </c>
      <c r="EUP21" s="282" t="s">
        <v>3816</v>
      </c>
      <c r="EUQ21" s="282" t="s">
        <v>3816</v>
      </c>
      <c r="EUR21" s="282" t="s">
        <v>3816</v>
      </c>
      <c r="EUS21" s="282" t="s">
        <v>3816</v>
      </c>
      <c r="EUT21" s="282" t="s">
        <v>3816</v>
      </c>
      <c r="EUU21" s="282" t="s">
        <v>3816</v>
      </c>
      <c r="EUV21" s="282" t="s">
        <v>3816</v>
      </c>
      <c r="EUW21" s="282" t="s">
        <v>3816</v>
      </c>
      <c r="EUX21" s="282" t="s">
        <v>3816</v>
      </c>
      <c r="EUY21" s="282" t="s">
        <v>3816</v>
      </c>
      <c r="EUZ21" s="282" t="s">
        <v>3816</v>
      </c>
      <c r="EVA21" s="282" t="s">
        <v>3816</v>
      </c>
      <c r="EVB21" s="282" t="s">
        <v>3816</v>
      </c>
      <c r="EVC21" s="282" t="s">
        <v>3816</v>
      </c>
      <c r="EVD21" s="282" t="s">
        <v>3816</v>
      </c>
      <c r="EVE21" s="282" t="s">
        <v>3816</v>
      </c>
      <c r="EVF21" s="282" t="s">
        <v>3816</v>
      </c>
      <c r="EVG21" s="282" t="s">
        <v>3816</v>
      </c>
      <c r="EVH21" s="282" t="s">
        <v>3816</v>
      </c>
      <c r="EVI21" s="282" t="s">
        <v>3816</v>
      </c>
      <c r="EVJ21" s="282" t="s">
        <v>3816</v>
      </c>
      <c r="EVK21" s="282" t="s">
        <v>3816</v>
      </c>
      <c r="EVL21" s="282" t="s">
        <v>3816</v>
      </c>
      <c r="EVM21" s="282" t="s">
        <v>3816</v>
      </c>
      <c r="EVN21" s="282" t="s">
        <v>3816</v>
      </c>
      <c r="EVO21" s="282" t="s">
        <v>3816</v>
      </c>
      <c r="EVP21" s="282" t="s">
        <v>3816</v>
      </c>
      <c r="EVQ21" s="282" t="s">
        <v>3816</v>
      </c>
      <c r="EVR21" s="282" t="s">
        <v>3816</v>
      </c>
      <c r="EVS21" s="282" t="s">
        <v>3816</v>
      </c>
      <c r="EVT21" s="282" t="s">
        <v>3816</v>
      </c>
      <c r="EVU21" s="282" t="s">
        <v>3816</v>
      </c>
      <c r="EVV21" s="282" t="s">
        <v>3816</v>
      </c>
      <c r="EVW21" s="282" t="s">
        <v>3816</v>
      </c>
      <c r="EVX21" s="282" t="s">
        <v>3816</v>
      </c>
      <c r="EVY21" s="282" t="s">
        <v>3816</v>
      </c>
      <c r="EVZ21" s="282" t="s">
        <v>3816</v>
      </c>
      <c r="EWA21" s="282" t="s">
        <v>3816</v>
      </c>
      <c r="EWB21" s="282" t="s">
        <v>3816</v>
      </c>
      <c r="EWC21" s="282" t="s">
        <v>3816</v>
      </c>
      <c r="EWD21" s="282" t="s">
        <v>3816</v>
      </c>
      <c r="EWE21" s="282" t="s">
        <v>3816</v>
      </c>
      <c r="EWF21" s="282" t="s">
        <v>3816</v>
      </c>
      <c r="EWG21" s="282" t="s">
        <v>3816</v>
      </c>
      <c r="EWH21" s="282" t="s">
        <v>3816</v>
      </c>
      <c r="EWI21" s="282" t="s">
        <v>3816</v>
      </c>
      <c r="EWJ21" s="282" t="s">
        <v>3816</v>
      </c>
      <c r="EWK21" s="282" t="s">
        <v>3816</v>
      </c>
      <c r="EWL21" s="282" t="s">
        <v>3816</v>
      </c>
      <c r="EWM21" s="282" t="s">
        <v>3816</v>
      </c>
      <c r="EWN21" s="282" t="s">
        <v>3816</v>
      </c>
      <c r="EWO21" s="282" t="s">
        <v>3816</v>
      </c>
      <c r="EWP21" s="282" t="s">
        <v>3816</v>
      </c>
      <c r="EWQ21" s="282" t="s">
        <v>3816</v>
      </c>
      <c r="EWR21" s="282" t="s">
        <v>3816</v>
      </c>
      <c r="EWS21" s="282" t="s">
        <v>3816</v>
      </c>
      <c r="EWT21" s="282" t="s">
        <v>3816</v>
      </c>
      <c r="EWU21" s="282" t="s">
        <v>3816</v>
      </c>
      <c r="EWV21" s="282" t="s">
        <v>3816</v>
      </c>
      <c r="EWW21" s="282" t="s">
        <v>3816</v>
      </c>
      <c r="EWX21" s="282" t="s">
        <v>3816</v>
      </c>
      <c r="EWY21" s="282" t="s">
        <v>3816</v>
      </c>
      <c r="EWZ21" s="282" t="s">
        <v>3816</v>
      </c>
      <c r="EXA21" s="282" t="s">
        <v>3816</v>
      </c>
      <c r="EXB21" s="282" t="s">
        <v>3816</v>
      </c>
      <c r="EXC21" s="282" t="s">
        <v>3816</v>
      </c>
      <c r="EXD21" s="282" t="s">
        <v>3816</v>
      </c>
      <c r="EXE21" s="282" t="s">
        <v>3816</v>
      </c>
      <c r="EXF21" s="282" t="s">
        <v>3816</v>
      </c>
      <c r="EXG21" s="282" t="s">
        <v>3816</v>
      </c>
      <c r="EXH21" s="282" t="s">
        <v>3816</v>
      </c>
      <c r="EXI21" s="282" t="s">
        <v>3816</v>
      </c>
      <c r="EXJ21" s="282" t="s">
        <v>3816</v>
      </c>
      <c r="EXK21" s="282" t="s">
        <v>3816</v>
      </c>
      <c r="EXL21" s="282" t="s">
        <v>3816</v>
      </c>
      <c r="EXM21" s="282" t="s">
        <v>3816</v>
      </c>
      <c r="EXN21" s="282" t="s">
        <v>3816</v>
      </c>
      <c r="EXO21" s="282" t="s">
        <v>3816</v>
      </c>
      <c r="EXP21" s="282" t="s">
        <v>3816</v>
      </c>
      <c r="EXQ21" s="282" t="s">
        <v>3816</v>
      </c>
      <c r="EXR21" s="282" t="s">
        <v>3816</v>
      </c>
      <c r="EXS21" s="282" t="s">
        <v>3816</v>
      </c>
      <c r="EXT21" s="282" t="s">
        <v>3816</v>
      </c>
      <c r="EXU21" s="282" t="s">
        <v>3816</v>
      </c>
      <c r="EXV21" s="282" t="s">
        <v>3816</v>
      </c>
      <c r="EXW21" s="282" t="s">
        <v>3816</v>
      </c>
      <c r="EXX21" s="282" t="s">
        <v>3816</v>
      </c>
      <c r="EXY21" s="282" t="s">
        <v>3816</v>
      </c>
      <c r="EXZ21" s="282" t="s">
        <v>3816</v>
      </c>
      <c r="EYA21" s="282" t="s">
        <v>3816</v>
      </c>
      <c r="EYB21" s="282" t="s">
        <v>3816</v>
      </c>
      <c r="EYC21" s="282" t="s">
        <v>3816</v>
      </c>
      <c r="EYD21" s="282" t="s">
        <v>3816</v>
      </c>
      <c r="EYE21" s="282" t="s">
        <v>3816</v>
      </c>
      <c r="EYF21" s="282" t="s">
        <v>3816</v>
      </c>
      <c r="EYG21" s="282" t="s">
        <v>3816</v>
      </c>
      <c r="EYH21" s="282" t="s">
        <v>3816</v>
      </c>
      <c r="EYI21" s="282" t="s">
        <v>3816</v>
      </c>
      <c r="EYJ21" s="282" t="s">
        <v>3816</v>
      </c>
      <c r="EYK21" s="282" t="s">
        <v>3816</v>
      </c>
      <c r="EYL21" s="282" t="s">
        <v>3816</v>
      </c>
      <c r="EYM21" s="282" t="s">
        <v>3816</v>
      </c>
      <c r="EYN21" s="282" t="s">
        <v>3816</v>
      </c>
      <c r="EYO21" s="282" t="s">
        <v>3816</v>
      </c>
      <c r="EYP21" s="282" t="s">
        <v>3816</v>
      </c>
      <c r="EYQ21" s="282" t="s">
        <v>3816</v>
      </c>
      <c r="EYR21" s="282" t="s">
        <v>3816</v>
      </c>
      <c r="EYS21" s="282" t="s">
        <v>3816</v>
      </c>
      <c r="EYT21" s="282" t="s">
        <v>3816</v>
      </c>
      <c r="EYU21" s="282" t="s">
        <v>3816</v>
      </c>
      <c r="EYV21" s="282" t="s">
        <v>3816</v>
      </c>
      <c r="EYW21" s="282" t="s">
        <v>3816</v>
      </c>
      <c r="EYX21" s="282" t="s">
        <v>3816</v>
      </c>
      <c r="EYY21" s="282" t="s">
        <v>3816</v>
      </c>
      <c r="EYZ21" s="282" t="s">
        <v>3816</v>
      </c>
      <c r="EZA21" s="282" t="s">
        <v>3816</v>
      </c>
      <c r="EZB21" s="282" t="s">
        <v>3816</v>
      </c>
      <c r="EZC21" s="282" t="s">
        <v>3816</v>
      </c>
      <c r="EZD21" s="282" t="s">
        <v>3816</v>
      </c>
      <c r="EZE21" s="282" t="s">
        <v>3816</v>
      </c>
      <c r="EZF21" s="282" t="s">
        <v>3816</v>
      </c>
      <c r="EZG21" s="282" t="s">
        <v>3816</v>
      </c>
      <c r="EZH21" s="282" t="s">
        <v>3816</v>
      </c>
      <c r="EZI21" s="282" t="s">
        <v>3816</v>
      </c>
      <c r="EZJ21" s="282" t="s">
        <v>3816</v>
      </c>
      <c r="EZK21" s="282" t="s">
        <v>3816</v>
      </c>
      <c r="EZL21" s="282" t="s">
        <v>3816</v>
      </c>
      <c r="EZM21" s="282" t="s">
        <v>3816</v>
      </c>
      <c r="EZN21" s="282" t="s">
        <v>3816</v>
      </c>
      <c r="EZO21" s="282" t="s">
        <v>3816</v>
      </c>
      <c r="EZP21" s="282" t="s">
        <v>3816</v>
      </c>
      <c r="EZQ21" s="282" t="s">
        <v>3816</v>
      </c>
      <c r="EZR21" s="282" t="s">
        <v>3816</v>
      </c>
      <c r="EZS21" s="282" t="s">
        <v>3816</v>
      </c>
      <c r="EZT21" s="282" t="s">
        <v>3816</v>
      </c>
      <c r="EZU21" s="282" t="s">
        <v>3816</v>
      </c>
      <c r="EZV21" s="282" t="s">
        <v>3816</v>
      </c>
      <c r="EZW21" s="282" t="s">
        <v>3816</v>
      </c>
      <c r="EZX21" s="282" t="s">
        <v>3816</v>
      </c>
      <c r="EZY21" s="282" t="s">
        <v>3816</v>
      </c>
      <c r="EZZ21" s="282" t="s">
        <v>3816</v>
      </c>
      <c r="FAA21" s="282" t="s">
        <v>3816</v>
      </c>
      <c r="FAB21" s="282" t="s">
        <v>3816</v>
      </c>
      <c r="FAC21" s="282" t="s">
        <v>3816</v>
      </c>
      <c r="FAD21" s="282" t="s">
        <v>3816</v>
      </c>
      <c r="FAE21" s="282" t="s">
        <v>3816</v>
      </c>
      <c r="FAF21" s="282" t="s">
        <v>3816</v>
      </c>
      <c r="FAG21" s="282" t="s">
        <v>3816</v>
      </c>
      <c r="FAH21" s="282" t="s">
        <v>3816</v>
      </c>
      <c r="FAI21" s="282" t="s">
        <v>3816</v>
      </c>
      <c r="FAJ21" s="282" t="s">
        <v>3816</v>
      </c>
      <c r="FAK21" s="282" t="s">
        <v>3816</v>
      </c>
      <c r="FAL21" s="282" t="s">
        <v>3816</v>
      </c>
      <c r="FAM21" s="282" t="s">
        <v>3816</v>
      </c>
      <c r="FAN21" s="282" t="s">
        <v>3816</v>
      </c>
      <c r="FAO21" s="282" t="s">
        <v>3816</v>
      </c>
      <c r="FAP21" s="282" t="s">
        <v>3816</v>
      </c>
      <c r="FAQ21" s="282" t="s">
        <v>3816</v>
      </c>
      <c r="FAR21" s="282" t="s">
        <v>3816</v>
      </c>
      <c r="FAS21" s="282" t="s">
        <v>3816</v>
      </c>
      <c r="FAT21" s="282" t="s">
        <v>3816</v>
      </c>
      <c r="FAU21" s="282" t="s">
        <v>3816</v>
      </c>
      <c r="FAV21" s="282" t="s">
        <v>3816</v>
      </c>
      <c r="FAW21" s="282" t="s">
        <v>3816</v>
      </c>
      <c r="FAX21" s="282" t="s">
        <v>3816</v>
      </c>
      <c r="FAY21" s="282" t="s">
        <v>3816</v>
      </c>
      <c r="FAZ21" s="282" t="s">
        <v>3816</v>
      </c>
      <c r="FBA21" s="282" t="s">
        <v>3816</v>
      </c>
      <c r="FBB21" s="282" t="s">
        <v>3816</v>
      </c>
      <c r="FBC21" s="282" t="s">
        <v>3816</v>
      </c>
      <c r="FBD21" s="282" t="s">
        <v>3816</v>
      </c>
      <c r="FBE21" s="282" t="s">
        <v>3816</v>
      </c>
      <c r="FBF21" s="282" t="s">
        <v>3816</v>
      </c>
      <c r="FBG21" s="282" t="s">
        <v>3816</v>
      </c>
      <c r="FBH21" s="282" t="s">
        <v>3816</v>
      </c>
      <c r="FBI21" s="282" t="s">
        <v>3816</v>
      </c>
      <c r="FBJ21" s="282" t="s">
        <v>3816</v>
      </c>
      <c r="FBK21" s="282" t="s">
        <v>3816</v>
      </c>
      <c r="FBL21" s="282" t="s">
        <v>3816</v>
      </c>
      <c r="FBM21" s="282" t="s">
        <v>3816</v>
      </c>
      <c r="FBN21" s="282" t="s">
        <v>3816</v>
      </c>
      <c r="FBO21" s="282" t="s">
        <v>3816</v>
      </c>
      <c r="FBP21" s="282" t="s">
        <v>3816</v>
      </c>
      <c r="FBQ21" s="282" t="s">
        <v>3816</v>
      </c>
      <c r="FBR21" s="282" t="s">
        <v>3816</v>
      </c>
      <c r="FBS21" s="282" t="s">
        <v>3816</v>
      </c>
      <c r="FBT21" s="282" t="s">
        <v>3816</v>
      </c>
      <c r="FBU21" s="282" t="s">
        <v>3816</v>
      </c>
      <c r="FBV21" s="282" t="s">
        <v>3816</v>
      </c>
      <c r="FBW21" s="282" t="s">
        <v>3816</v>
      </c>
      <c r="FBX21" s="282" t="s">
        <v>3816</v>
      </c>
      <c r="FBY21" s="282" t="s">
        <v>3816</v>
      </c>
      <c r="FBZ21" s="282" t="s">
        <v>3816</v>
      </c>
      <c r="FCA21" s="282" t="s">
        <v>3816</v>
      </c>
      <c r="FCB21" s="282" t="s">
        <v>3816</v>
      </c>
      <c r="FCC21" s="282" t="s">
        <v>3816</v>
      </c>
      <c r="FCD21" s="282" t="s">
        <v>3816</v>
      </c>
      <c r="FCE21" s="282" t="s">
        <v>3816</v>
      </c>
      <c r="FCF21" s="282" t="s">
        <v>3816</v>
      </c>
      <c r="FCG21" s="282" t="s">
        <v>3816</v>
      </c>
      <c r="FCH21" s="282" t="s">
        <v>3816</v>
      </c>
      <c r="FCI21" s="282" t="s">
        <v>3816</v>
      </c>
      <c r="FCJ21" s="282" t="s">
        <v>3816</v>
      </c>
      <c r="FCK21" s="282" t="s">
        <v>3816</v>
      </c>
      <c r="FCL21" s="282" t="s">
        <v>3816</v>
      </c>
      <c r="FCM21" s="282" t="s">
        <v>3816</v>
      </c>
      <c r="FCN21" s="282" t="s">
        <v>3816</v>
      </c>
      <c r="FCO21" s="282" t="s">
        <v>3816</v>
      </c>
      <c r="FCP21" s="282" t="s">
        <v>3816</v>
      </c>
      <c r="FCQ21" s="282" t="s">
        <v>3816</v>
      </c>
      <c r="FCR21" s="282" t="s">
        <v>3816</v>
      </c>
      <c r="FCS21" s="282" t="s">
        <v>3816</v>
      </c>
      <c r="FCT21" s="282" t="s">
        <v>3816</v>
      </c>
      <c r="FCU21" s="282" t="s">
        <v>3816</v>
      </c>
      <c r="FCV21" s="282" t="s">
        <v>3816</v>
      </c>
      <c r="FCW21" s="282" t="s">
        <v>3816</v>
      </c>
      <c r="FCX21" s="282" t="s">
        <v>3816</v>
      </c>
      <c r="FCY21" s="282" t="s">
        <v>3816</v>
      </c>
      <c r="FCZ21" s="282" t="s">
        <v>3816</v>
      </c>
      <c r="FDA21" s="282" t="s">
        <v>3816</v>
      </c>
      <c r="FDB21" s="282" t="s">
        <v>3816</v>
      </c>
      <c r="FDC21" s="282" t="s">
        <v>3816</v>
      </c>
      <c r="FDD21" s="282" t="s">
        <v>3816</v>
      </c>
      <c r="FDE21" s="282" t="s">
        <v>3816</v>
      </c>
      <c r="FDF21" s="282" t="s">
        <v>3816</v>
      </c>
      <c r="FDG21" s="282" t="s">
        <v>3816</v>
      </c>
      <c r="FDH21" s="282" t="s">
        <v>3816</v>
      </c>
      <c r="FDI21" s="282" t="s">
        <v>3816</v>
      </c>
      <c r="FDJ21" s="282" t="s">
        <v>3816</v>
      </c>
      <c r="FDK21" s="282" t="s">
        <v>3816</v>
      </c>
      <c r="FDL21" s="282" t="s">
        <v>3816</v>
      </c>
      <c r="FDM21" s="282" t="s">
        <v>3816</v>
      </c>
      <c r="FDN21" s="282" t="s">
        <v>3816</v>
      </c>
      <c r="FDO21" s="282" t="s">
        <v>3816</v>
      </c>
      <c r="FDP21" s="282" t="s">
        <v>3816</v>
      </c>
      <c r="FDQ21" s="282" t="s">
        <v>3816</v>
      </c>
      <c r="FDR21" s="282" t="s">
        <v>3816</v>
      </c>
      <c r="FDS21" s="282" t="s">
        <v>3816</v>
      </c>
      <c r="FDT21" s="282" t="s">
        <v>3816</v>
      </c>
      <c r="FDU21" s="282" t="s">
        <v>3816</v>
      </c>
      <c r="FDV21" s="282" t="s">
        <v>3816</v>
      </c>
      <c r="FDW21" s="282" t="s">
        <v>3816</v>
      </c>
      <c r="FDX21" s="282" t="s">
        <v>3816</v>
      </c>
      <c r="FDY21" s="282" t="s">
        <v>3816</v>
      </c>
      <c r="FDZ21" s="282" t="s">
        <v>3816</v>
      </c>
      <c r="FEA21" s="282" t="s">
        <v>3816</v>
      </c>
      <c r="FEB21" s="282" t="s">
        <v>3816</v>
      </c>
      <c r="FEC21" s="282" t="s">
        <v>3816</v>
      </c>
      <c r="FED21" s="282" t="s">
        <v>3816</v>
      </c>
      <c r="FEE21" s="282" t="s">
        <v>3816</v>
      </c>
      <c r="FEF21" s="282" t="s">
        <v>3816</v>
      </c>
      <c r="FEG21" s="282" t="s">
        <v>3816</v>
      </c>
      <c r="FEH21" s="282" t="s">
        <v>3816</v>
      </c>
      <c r="FEI21" s="282" t="s">
        <v>3816</v>
      </c>
      <c r="FEJ21" s="282" t="s">
        <v>3816</v>
      </c>
      <c r="FEK21" s="282" t="s">
        <v>3816</v>
      </c>
      <c r="FEL21" s="282" t="s">
        <v>3816</v>
      </c>
      <c r="FEM21" s="282" t="s">
        <v>3816</v>
      </c>
      <c r="FEN21" s="282" t="s">
        <v>3816</v>
      </c>
      <c r="FEO21" s="282" t="s">
        <v>3816</v>
      </c>
      <c r="FEP21" s="282" t="s">
        <v>3816</v>
      </c>
      <c r="FEQ21" s="282" t="s">
        <v>3816</v>
      </c>
      <c r="FER21" s="282" t="s">
        <v>3816</v>
      </c>
      <c r="FES21" s="282" t="s">
        <v>3816</v>
      </c>
      <c r="FET21" s="282" t="s">
        <v>3816</v>
      </c>
      <c r="FEU21" s="282" t="s">
        <v>3816</v>
      </c>
      <c r="FEV21" s="282" t="s">
        <v>3816</v>
      </c>
      <c r="FEW21" s="282" t="s">
        <v>3816</v>
      </c>
      <c r="FEX21" s="282" t="s">
        <v>3816</v>
      </c>
      <c r="FEY21" s="282" t="s">
        <v>3816</v>
      </c>
      <c r="FEZ21" s="282" t="s">
        <v>3816</v>
      </c>
      <c r="FFA21" s="282" t="s">
        <v>3816</v>
      </c>
      <c r="FFB21" s="282" t="s">
        <v>3816</v>
      </c>
      <c r="FFC21" s="282" t="s">
        <v>3816</v>
      </c>
      <c r="FFD21" s="282" t="s">
        <v>3816</v>
      </c>
      <c r="FFE21" s="282" t="s">
        <v>3816</v>
      </c>
      <c r="FFF21" s="282" t="s">
        <v>3816</v>
      </c>
      <c r="FFG21" s="282" t="s">
        <v>3816</v>
      </c>
      <c r="FFH21" s="282" t="s">
        <v>3816</v>
      </c>
      <c r="FFI21" s="282" t="s">
        <v>3816</v>
      </c>
      <c r="FFJ21" s="282" t="s">
        <v>3816</v>
      </c>
      <c r="FFK21" s="282" t="s">
        <v>3816</v>
      </c>
      <c r="FFL21" s="282" t="s">
        <v>3816</v>
      </c>
      <c r="FFM21" s="282" t="s">
        <v>3816</v>
      </c>
      <c r="FFN21" s="282" t="s">
        <v>3816</v>
      </c>
      <c r="FFO21" s="282" t="s">
        <v>3816</v>
      </c>
      <c r="FFP21" s="282" t="s">
        <v>3816</v>
      </c>
      <c r="FFQ21" s="282" t="s">
        <v>3816</v>
      </c>
      <c r="FFR21" s="282" t="s">
        <v>3816</v>
      </c>
      <c r="FFS21" s="282" t="s">
        <v>3816</v>
      </c>
      <c r="FFT21" s="282" t="s">
        <v>3816</v>
      </c>
      <c r="FFU21" s="282" t="s">
        <v>3816</v>
      </c>
      <c r="FFV21" s="282" t="s">
        <v>3816</v>
      </c>
      <c r="FFW21" s="282" t="s">
        <v>3816</v>
      </c>
      <c r="FFX21" s="282" t="s">
        <v>3816</v>
      </c>
      <c r="FFY21" s="282" t="s">
        <v>3816</v>
      </c>
      <c r="FFZ21" s="282" t="s">
        <v>3816</v>
      </c>
      <c r="FGA21" s="282" t="s">
        <v>3816</v>
      </c>
      <c r="FGB21" s="282" t="s">
        <v>3816</v>
      </c>
      <c r="FGC21" s="282" t="s">
        <v>3816</v>
      </c>
      <c r="FGD21" s="282" t="s">
        <v>3816</v>
      </c>
      <c r="FGE21" s="282" t="s">
        <v>3816</v>
      </c>
      <c r="FGF21" s="282" t="s">
        <v>3816</v>
      </c>
      <c r="FGG21" s="282" t="s">
        <v>3816</v>
      </c>
      <c r="FGH21" s="282" t="s">
        <v>3816</v>
      </c>
      <c r="FGI21" s="282" t="s">
        <v>3816</v>
      </c>
      <c r="FGJ21" s="282" t="s">
        <v>3816</v>
      </c>
      <c r="FGK21" s="282" t="s">
        <v>3816</v>
      </c>
      <c r="FGL21" s="282" t="s">
        <v>3816</v>
      </c>
      <c r="FGM21" s="282" t="s">
        <v>3816</v>
      </c>
      <c r="FGN21" s="282" t="s">
        <v>3816</v>
      </c>
      <c r="FGO21" s="282" t="s">
        <v>3816</v>
      </c>
      <c r="FGP21" s="282" t="s">
        <v>3816</v>
      </c>
      <c r="FGQ21" s="282" t="s">
        <v>3816</v>
      </c>
      <c r="FGR21" s="282" t="s">
        <v>3816</v>
      </c>
      <c r="FGS21" s="282" t="s">
        <v>3816</v>
      </c>
      <c r="FGT21" s="282" t="s">
        <v>3816</v>
      </c>
      <c r="FGU21" s="282" t="s">
        <v>3816</v>
      </c>
      <c r="FGV21" s="282" t="s">
        <v>3816</v>
      </c>
      <c r="FGW21" s="282" t="s">
        <v>3816</v>
      </c>
      <c r="FGX21" s="282" t="s">
        <v>3816</v>
      </c>
      <c r="FGY21" s="282" t="s">
        <v>3816</v>
      </c>
      <c r="FGZ21" s="282" t="s">
        <v>3816</v>
      </c>
      <c r="FHA21" s="282" t="s">
        <v>3816</v>
      </c>
      <c r="FHB21" s="282" t="s">
        <v>3816</v>
      </c>
      <c r="FHC21" s="282" t="s">
        <v>3816</v>
      </c>
      <c r="FHD21" s="282" t="s">
        <v>3816</v>
      </c>
      <c r="FHE21" s="282" t="s">
        <v>3816</v>
      </c>
      <c r="FHF21" s="282" t="s">
        <v>3816</v>
      </c>
      <c r="FHG21" s="282" t="s">
        <v>3816</v>
      </c>
      <c r="FHH21" s="282" t="s">
        <v>3816</v>
      </c>
      <c r="FHI21" s="282" t="s">
        <v>3816</v>
      </c>
      <c r="FHJ21" s="282" t="s">
        <v>3816</v>
      </c>
      <c r="FHK21" s="282" t="s">
        <v>3816</v>
      </c>
      <c r="FHL21" s="282" t="s">
        <v>3816</v>
      </c>
      <c r="FHM21" s="282" t="s">
        <v>3816</v>
      </c>
      <c r="FHN21" s="282" t="s">
        <v>3816</v>
      </c>
      <c r="FHO21" s="282" t="s">
        <v>3816</v>
      </c>
      <c r="FHP21" s="282" t="s">
        <v>3816</v>
      </c>
      <c r="FHQ21" s="282" t="s">
        <v>3816</v>
      </c>
      <c r="FHR21" s="282" t="s">
        <v>3816</v>
      </c>
      <c r="FHS21" s="282" t="s">
        <v>3816</v>
      </c>
      <c r="FHT21" s="282" t="s">
        <v>3816</v>
      </c>
      <c r="FHU21" s="282" t="s">
        <v>3816</v>
      </c>
      <c r="FHV21" s="282" t="s">
        <v>3816</v>
      </c>
      <c r="FHW21" s="282" t="s">
        <v>3816</v>
      </c>
      <c r="FHX21" s="282" t="s">
        <v>3816</v>
      </c>
      <c r="FHY21" s="282" t="s">
        <v>3816</v>
      </c>
      <c r="FHZ21" s="282" t="s">
        <v>3816</v>
      </c>
      <c r="FIA21" s="282" t="s">
        <v>3816</v>
      </c>
      <c r="FIB21" s="282" t="s">
        <v>3816</v>
      </c>
      <c r="FIC21" s="282" t="s">
        <v>3816</v>
      </c>
      <c r="FID21" s="282" t="s">
        <v>3816</v>
      </c>
      <c r="FIE21" s="282" t="s">
        <v>3816</v>
      </c>
      <c r="FIF21" s="282" t="s">
        <v>3816</v>
      </c>
      <c r="FIG21" s="282" t="s">
        <v>3816</v>
      </c>
      <c r="FIH21" s="282" t="s">
        <v>3816</v>
      </c>
      <c r="FII21" s="282" t="s">
        <v>3816</v>
      </c>
      <c r="FIJ21" s="282" t="s">
        <v>3816</v>
      </c>
      <c r="FIK21" s="282" t="s">
        <v>3816</v>
      </c>
      <c r="FIL21" s="282" t="s">
        <v>3816</v>
      </c>
      <c r="FIM21" s="282" t="s">
        <v>3816</v>
      </c>
      <c r="FIN21" s="282" t="s">
        <v>3816</v>
      </c>
      <c r="FIO21" s="282" t="s">
        <v>3816</v>
      </c>
      <c r="FIP21" s="282" t="s">
        <v>3816</v>
      </c>
      <c r="FIQ21" s="282" t="s">
        <v>3816</v>
      </c>
      <c r="FIR21" s="282" t="s">
        <v>3816</v>
      </c>
      <c r="FIS21" s="282" t="s">
        <v>3816</v>
      </c>
      <c r="FIT21" s="282" t="s">
        <v>3816</v>
      </c>
      <c r="FIU21" s="282" t="s">
        <v>3816</v>
      </c>
      <c r="FIV21" s="282" t="s">
        <v>3816</v>
      </c>
      <c r="FIW21" s="282" t="s">
        <v>3816</v>
      </c>
      <c r="FIX21" s="282" t="s">
        <v>3816</v>
      </c>
      <c r="FIY21" s="282" t="s">
        <v>3816</v>
      </c>
      <c r="FIZ21" s="282" t="s">
        <v>3816</v>
      </c>
      <c r="FJA21" s="282" t="s">
        <v>3816</v>
      </c>
      <c r="FJB21" s="282" t="s">
        <v>3816</v>
      </c>
      <c r="FJC21" s="282" t="s">
        <v>3816</v>
      </c>
      <c r="FJD21" s="282" t="s">
        <v>3816</v>
      </c>
      <c r="FJE21" s="282" t="s">
        <v>3816</v>
      </c>
      <c r="FJF21" s="282" t="s">
        <v>3816</v>
      </c>
      <c r="FJG21" s="282" t="s">
        <v>3816</v>
      </c>
      <c r="FJH21" s="282" t="s">
        <v>3816</v>
      </c>
      <c r="FJI21" s="282" t="s">
        <v>3816</v>
      </c>
      <c r="FJJ21" s="282" t="s">
        <v>3816</v>
      </c>
      <c r="FJK21" s="282" t="s">
        <v>3816</v>
      </c>
      <c r="FJL21" s="282" t="s">
        <v>3816</v>
      </c>
      <c r="FJM21" s="282" t="s">
        <v>3816</v>
      </c>
      <c r="FJN21" s="282" t="s">
        <v>3816</v>
      </c>
      <c r="FJO21" s="282" t="s">
        <v>3816</v>
      </c>
      <c r="FJP21" s="282" t="s">
        <v>3816</v>
      </c>
      <c r="FJQ21" s="282" t="s">
        <v>3816</v>
      </c>
      <c r="FJR21" s="282" t="s">
        <v>3816</v>
      </c>
      <c r="FJS21" s="282" t="s">
        <v>3816</v>
      </c>
      <c r="FJT21" s="282" t="s">
        <v>3816</v>
      </c>
      <c r="FJU21" s="282" t="s">
        <v>3816</v>
      </c>
      <c r="FJV21" s="282" t="s">
        <v>3816</v>
      </c>
      <c r="FJW21" s="282" t="s">
        <v>3816</v>
      </c>
      <c r="FJX21" s="282" t="s">
        <v>3816</v>
      </c>
      <c r="FJY21" s="282" t="s">
        <v>3816</v>
      </c>
      <c r="FJZ21" s="282" t="s">
        <v>3816</v>
      </c>
      <c r="FKA21" s="282" t="s">
        <v>3816</v>
      </c>
      <c r="FKB21" s="282" t="s">
        <v>3816</v>
      </c>
      <c r="FKC21" s="282" t="s">
        <v>3816</v>
      </c>
      <c r="FKD21" s="282" t="s">
        <v>3816</v>
      </c>
      <c r="FKE21" s="282" t="s">
        <v>3816</v>
      </c>
      <c r="FKF21" s="282" t="s">
        <v>3816</v>
      </c>
      <c r="FKG21" s="282" t="s">
        <v>3816</v>
      </c>
      <c r="FKH21" s="282" t="s">
        <v>3816</v>
      </c>
      <c r="FKI21" s="282" t="s">
        <v>3816</v>
      </c>
      <c r="FKJ21" s="282" t="s">
        <v>3816</v>
      </c>
      <c r="FKK21" s="282" t="s">
        <v>3816</v>
      </c>
      <c r="FKL21" s="282" t="s">
        <v>3816</v>
      </c>
      <c r="FKM21" s="282" t="s">
        <v>3816</v>
      </c>
      <c r="FKN21" s="282" t="s">
        <v>3816</v>
      </c>
      <c r="FKO21" s="282" t="s">
        <v>3816</v>
      </c>
      <c r="FKP21" s="282" t="s">
        <v>3816</v>
      </c>
      <c r="FKQ21" s="282" t="s">
        <v>3816</v>
      </c>
      <c r="FKR21" s="282" t="s">
        <v>3816</v>
      </c>
      <c r="FKS21" s="282" t="s">
        <v>3816</v>
      </c>
      <c r="FKT21" s="282" t="s">
        <v>3816</v>
      </c>
      <c r="FKU21" s="282" t="s">
        <v>3816</v>
      </c>
      <c r="FKV21" s="282" t="s">
        <v>3816</v>
      </c>
      <c r="FKW21" s="282" t="s">
        <v>3816</v>
      </c>
      <c r="FKX21" s="282" t="s">
        <v>3816</v>
      </c>
      <c r="FKY21" s="282" t="s">
        <v>3816</v>
      </c>
      <c r="FKZ21" s="282" t="s">
        <v>3816</v>
      </c>
      <c r="FLA21" s="282" t="s">
        <v>3816</v>
      </c>
      <c r="FLB21" s="282" t="s">
        <v>3816</v>
      </c>
      <c r="FLC21" s="282" t="s">
        <v>3816</v>
      </c>
      <c r="FLD21" s="282" t="s">
        <v>3816</v>
      </c>
      <c r="FLE21" s="282" t="s">
        <v>3816</v>
      </c>
      <c r="FLF21" s="282" t="s">
        <v>3816</v>
      </c>
      <c r="FLG21" s="282" t="s">
        <v>3816</v>
      </c>
      <c r="FLH21" s="282" t="s">
        <v>3816</v>
      </c>
      <c r="FLI21" s="282" t="s">
        <v>3816</v>
      </c>
      <c r="FLJ21" s="282" t="s">
        <v>3816</v>
      </c>
      <c r="FLK21" s="282" t="s">
        <v>3816</v>
      </c>
      <c r="FLL21" s="282" t="s">
        <v>3816</v>
      </c>
      <c r="FLM21" s="282" t="s">
        <v>3816</v>
      </c>
      <c r="FLN21" s="282" t="s">
        <v>3816</v>
      </c>
      <c r="FLO21" s="282" t="s">
        <v>3816</v>
      </c>
      <c r="FLP21" s="282" t="s">
        <v>3816</v>
      </c>
      <c r="FLQ21" s="282" t="s">
        <v>3816</v>
      </c>
      <c r="FLR21" s="282" t="s">
        <v>3816</v>
      </c>
      <c r="FLS21" s="282" t="s">
        <v>3816</v>
      </c>
      <c r="FLT21" s="282" t="s">
        <v>3816</v>
      </c>
      <c r="FLU21" s="282" t="s">
        <v>3816</v>
      </c>
      <c r="FLV21" s="282" t="s">
        <v>3816</v>
      </c>
      <c r="FLW21" s="282" t="s">
        <v>3816</v>
      </c>
      <c r="FLX21" s="282" t="s">
        <v>3816</v>
      </c>
      <c r="FLY21" s="282" t="s">
        <v>3816</v>
      </c>
      <c r="FLZ21" s="282" t="s">
        <v>3816</v>
      </c>
      <c r="FMA21" s="282" t="s">
        <v>3816</v>
      </c>
      <c r="FMB21" s="282" t="s">
        <v>3816</v>
      </c>
      <c r="FMC21" s="282" t="s">
        <v>3816</v>
      </c>
      <c r="FMD21" s="282" t="s">
        <v>3816</v>
      </c>
      <c r="FME21" s="282" t="s">
        <v>3816</v>
      </c>
      <c r="FMF21" s="282" t="s">
        <v>3816</v>
      </c>
      <c r="FMG21" s="282" t="s">
        <v>3816</v>
      </c>
      <c r="FMH21" s="282" t="s">
        <v>3816</v>
      </c>
      <c r="FMI21" s="282" t="s">
        <v>3816</v>
      </c>
      <c r="FMJ21" s="282" t="s">
        <v>3816</v>
      </c>
      <c r="FMK21" s="282" t="s">
        <v>3816</v>
      </c>
      <c r="FML21" s="282" t="s">
        <v>3816</v>
      </c>
      <c r="FMM21" s="282" t="s">
        <v>3816</v>
      </c>
      <c r="FMN21" s="282" t="s">
        <v>3816</v>
      </c>
      <c r="FMO21" s="282" t="s">
        <v>3816</v>
      </c>
      <c r="FMP21" s="282" t="s">
        <v>3816</v>
      </c>
      <c r="FMQ21" s="282" t="s">
        <v>3816</v>
      </c>
      <c r="FMR21" s="282" t="s">
        <v>3816</v>
      </c>
      <c r="FMS21" s="282" t="s">
        <v>3816</v>
      </c>
      <c r="FMT21" s="282" t="s">
        <v>3816</v>
      </c>
      <c r="FMU21" s="282" t="s">
        <v>3816</v>
      </c>
      <c r="FMV21" s="282" t="s">
        <v>3816</v>
      </c>
      <c r="FMW21" s="282" t="s">
        <v>3816</v>
      </c>
      <c r="FMX21" s="282" t="s">
        <v>3816</v>
      </c>
      <c r="FMY21" s="282" t="s">
        <v>3816</v>
      </c>
      <c r="FMZ21" s="282" t="s">
        <v>3816</v>
      </c>
      <c r="FNA21" s="282" t="s">
        <v>3816</v>
      </c>
      <c r="FNB21" s="282" t="s">
        <v>3816</v>
      </c>
      <c r="FNC21" s="282" t="s">
        <v>3816</v>
      </c>
      <c r="FND21" s="282" t="s">
        <v>3816</v>
      </c>
      <c r="FNE21" s="282" t="s">
        <v>3816</v>
      </c>
      <c r="FNF21" s="282" t="s">
        <v>3816</v>
      </c>
      <c r="FNG21" s="282" t="s">
        <v>3816</v>
      </c>
      <c r="FNH21" s="282" t="s">
        <v>3816</v>
      </c>
      <c r="FNI21" s="282" t="s">
        <v>3816</v>
      </c>
      <c r="FNJ21" s="282" t="s">
        <v>3816</v>
      </c>
      <c r="FNK21" s="282" t="s">
        <v>3816</v>
      </c>
      <c r="FNL21" s="282" t="s">
        <v>3816</v>
      </c>
      <c r="FNM21" s="282" t="s">
        <v>3816</v>
      </c>
      <c r="FNN21" s="282" t="s">
        <v>3816</v>
      </c>
      <c r="FNO21" s="282" t="s">
        <v>3816</v>
      </c>
      <c r="FNP21" s="282" t="s">
        <v>3816</v>
      </c>
      <c r="FNQ21" s="282" t="s">
        <v>3816</v>
      </c>
      <c r="FNR21" s="282" t="s">
        <v>3816</v>
      </c>
      <c r="FNS21" s="282" t="s">
        <v>3816</v>
      </c>
      <c r="FNT21" s="282" t="s">
        <v>3816</v>
      </c>
      <c r="FNU21" s="282" t="s">
        <v>3816</v>
      </c>
      <c r="FNV21" s="282" t="s">
        <v>3816</v>
      </c>
      <c r="FNW21" s="282" t="s">
        <v>3816</v>
      </c>
      <c r="FNX21" s="282" t="s">
        <v>3816</v>
      </c>
      <c r="FNY21" s="282" t="s">
        <v>3816</v>
      </c>
      <c r="FNZ21" s="282" t="s">
        <v>3816</v>
      </c>
      <c r="FOA21" s="282" t="s">
        <v>3816</v>
      </c>
      <c r="FOB21" s="282" t="s">
        <v>3816</v>
      </c>
      <c r="FOC21" s="282" t="s">
        <v>3816</v>
      </c>
      <c r="FOD21" s="282" t="s">
        <v>3816</v>
      </c>
      <c r="FOE21" s="282" t="s">
        <v>3816</v>
      </c>
      <c r="FOF21" s="282" t="s">
        <v>3816</v>
      </c>
      <c r="FOG21" s="282" t="s">
        <v>3816</v>
      </c>
      <c r="FOH21" s="282" t="s">
        <v>3816</v>
      </c>
      <c r="FOI21" s="282" t="s">
        <v>3816</v>
      </c>
      <c r="FOJ21" s="282" t="s">
        <v>3816</v>
      </c>
      <c r="FOK21" s="282" t="s">
        <v>3816</v>
      </c>
      <c r="FOL21" s="282" t="s">
        <v>3816</v>
      </c>
      <c r="FOM21" s="282" t="s">
        <v>3816</v>
      </c>
      <c r="FON21" s="282" t="s">
        <v>3816</v>
      </c>
      <c r="FOO21" s="282" t="s">
        <v>3816</v>
      </c>
      <c r="FOP21" s="282" t="s">
        <v>3816</v>
      </c>
      <c r="FOQ21" s="282" t="s">
        <v>3816</v>
      </c>
      <c r="FOR21" s="282" t="s">
        <v>3816</v>
      </c>
      <c r="FOS21" s="282" t="s">
        <v>3816</v>
      </c>
      <c r="FOT21" s="282" t="s">
        <v>3816</v>
      </c>
      <c r="FOU21" s="282" t="s">
        <v>3816</v>
      </c>
      <c r="FOV21" s="282" t="s">
        <v>3816</v>
      </c>
      <c r="FOW21" s="282" t="s">
        <v>3816</v>
      </c>
      <c r="FOX21" s="282" t="s">
        <v>3816</v>
      </c>
      <c r="FOY21" s="282" t="s">
        <v>3816</v>
      </c>
      <c r="FOZ21" s="282" t="s">
        <v>3816</v>
      </c>
      <c r="FPA21" s="282" t="s">
        <v>3816</v>
      </c>
      <c r="FPB21" s="282" t="s">
        <v>3816</v>
      </c>
      <c r="FPC21" s="282" t="s">
        <v>3816</v>
      </c>
      <c r="FPD21" s="282" t="s">
        <v>3816</v>
      </c>
      <c r="FPE21" s="282" t="s">
        <v>3816</v>
      </c>
      <c r="FPF21" s="282" t="s">
        <v>3816</v>
      </c>
      <c r="FPG21" s="282" t="s">
        <v>3816</v>
      </c>
      <c r="FPH21" s="282" t="s">
        <v>3816</v>
      </c>
      <c r="FPI21" s="282" t="s">
        <v>3816</v>
      </c>
      <c r="FPJ21" s="282" t="s">
        <v>3816</v>
      </c>
      <c r="FPK21" s="282" t="s">
        <v>3816</v>
      </c>
      <c r="FPL21" s="282" t="s">
        <v>3816</v>
      </c>
      <c r="FPM21" s="282" t="s">
        <v>3816</v>
      </c>
      <c r="FPN21" s="282" t="s">
        <v>3816</v>
      </c>
      <c r="FPO21" s="282" t="s">
        <v>3816</v>
      </c>
      <c r="FPP21" s="282" t="s">
        <v>3816</v>
      </c>
      <c r="FPQ21" s="282" t="s">
        <v>3816</v>
      </c>
      <c r="FPR21" s="282" t="s">
        <v>3816</v>
      </c>
      <c r="FPS21" s="282" t="s">
        <v>3816</v>
      </c>
      <c r="FPT21" s="282" t="s">
        <v>3816</v>
      </c>
      <c r="FPU21" s="282" t="s">
        <v>3816</v>
      </c>
      <c r="FPV21" s="282" t="s">
        <v>3816</v>
      </c>
      <c r="FPW21" s="282" t="s">
        <v>3816</v>
      </c>
      <c r="FPX21" s="282" t="s">
        <v>3816</v>
      </c>
      <c r="FPY21" s="282" t="s">
        <v>3816</v>
      </c>
      <c r="FPZ21" s="282" t="s">
        <v>3816</v>
      </c>
      <c r="FQA21" s="282" t="s">
        <v>3816</v>
      </c>
      <c r="FQB21" s="282" t="s">
        <v>3816</v>
      </c>
      <c r="FQC21" s="282" t="s">
        <v>3816</v>
      </c>
      <c r="FQD21" s="282" t="s">
        <v>3816</v>
      </c>
      <c r="FQE21" s="282" t="s">
        <v>3816</v>
      </c>
      <c r="FQF21" s="282" t="s">
        <v>3816</v>
      </c>
      <c r="FQG21" s="282" t="s">
        <v>3816</v>
      </c>
      <c r="FQH21" s="282" t="s">
        <v>3816</v>
      </c>
      <c r="FQI21" s="282" t="s">
        <v>3816</v>
      </c>
      <c r="FQJ21" s="282" t="s">
        <v>3816</v>
      </c>
      <c r="FQK21" s="282" t="s">
        <v>3816</v>
      </c>
      <c r="FQL21" s="282" t="s">
        <v>3816</v>
      </c>
      <c r="FQM21" s="282" t="s">
        <v>3816</v>
      </c>
      <c r="FQN21" s="282" t="s">
        <v>3816</v>
      </c>
      <c r="FQO21" s="282" t="s">
        <v>3816</v>
      </c>
      <c r="FQP21" s="282" t="s">
        <v>3816</v>
      </c>
      <c r="FQQ21" s="282" t="s">
        <v>3816</v>
      </c>
      <c r="FQR21" s="282" t="s">
        <v>3816</v>
      </c>
      <c r="FQS21" s="282" t="s">
        <v>3816</v>
      </c>
      <c r="FQT21" s="282" t="s">
        <v>3816</v>
      </c>
      <c r="FQU21" s="282" t="s">
        <v>3816</v>
      </c>
      <c r="FQV21" s="282" t="s">
        <v>3816</v>
      </c>
      <c r="FQW21" s="282" t="s">
        <v>3816</v>
      </c>
      <c r="FQX21" s="282" t="s">
        <v>3816</v>
      </c>
      <c r="FQY21" s="282" t="s">
        <v>3816</v>
      </c>
      <c r="FQZ21" s="282" t="s">
        <v>3816</v>
      </c>
      <c r="FRA21" s="282" t="s">
        <v>3816</v>
      </c>
      <c r="FRB21" s="282" t="s">
        <v>3816</v>
      </c>
      <c r="FRC21" s="282" t="s">
        <v>3816</v>
      </c>
      <c r="FRD21" s="282" t="s">
        <v>3816</v>
      </c>
      <c r="FRE21" s="282" t="s">
        <v>3816</v>
      </c>
      <c r="FRF21" s="282" t="s">
        <v>3816</v>
      </c>
      <c r="FRG21" s="282" t="s">
        <v>3816</v>
      </c>
      <c r="FRH21" s="282" t="s">
        <v>3816</v>
      </c>
      <c r="FRI21" s="282" t="s">
        <v>3816</v>
      </c>
      <c r="FRJ21" s="282" t="s">
        <v>3816</v>
      </c>
      <c r="FRK21" s="282" t="s">
        <v>3816</v>
      </c>
      <c r="FRL21" s="282" t="s">
        <v>3816</v>
      </c>
      <c r="FRM21" s="282" t="s">
        <v>3816</v>
      </c>
      <c r="FRN21" s="282" t="s">
        <v>3816</v>
      </c>
      <c r="FRO21" s="282" t="s">
        <v>3816</v>
      </c>
      <c r="FRP21" s="282" t="s">
        <v>3816</v>
      </c>
      <c r="FRQ21" s="282" t="s">
        <v>3816</v>
      </c>
      <c r="FRR21" s="282" t="s">
        <v>3816</v>
      </c>
      <c r="FRS21" s="282" t="s">
        <v>3816</v>
      </c>
      <c r="FRT21" s="282" t="s">
        <v>3816</v>
      </c>
      <c r="FRU21" s="282" t="s">
        <v>3816</v>
      </c>
      <c r="FRV21" s="282" t="s">
        <v>3816</v>
      </c>
      <c r="FRW21" s="282" t="s">
        <v>3816</v>
      </c>
      <c r="FRX21" s="282" t="s">
        <v>3816</v>
      </c>
      <c r="FRY21" s="282" t="s">
        <v>3816</v>
      </c>
      <c r="FRZ21" s="282" t="s">
        <v>3816</v>
      </c>
      <c r="FSA21" s="282" t="s">
        <v>3816</v>
      </c>
      <c r="FSB21" s="282" t="s">
        <v>3816</v>
      </c>
      <c r="FSC21" s="282" t="s">
        <v>3816</v>
      </c>
      <c r="FSD21" s="282" t="s">
        <v>3816</v>
      </c>
      <c r="FSE21" s="282" t="s">
        <v>3816</v>
      </c>
      <c r="FSF21" s="282" t="s">
        <v>3816</v>
      </c>
      <c r="FSG21" s="282" t="s">
        <v>3816</v>
      </c>
      <c r="FSH21" s="282" t="s">
        <v>3816</v>
      </c>
      <c r="FSI21" s="282" t="s">
        <v>3816</v>
      </c>
      <c r="FSJ21" s="282" t="s">
        <v>3816</v>
      </c>
      <c r="FSK21" s="282" t="s">
        <v>3816</v>
      </c>
      <c r="FSL21" s="282" t="s">
        <v>3816</v>
      </c>
      <c r="FSM21" s="282" t="s">
        <v>3816</v>
      </c>
      <c r="FSN21" s="282" t="s">
        <v>3816</v>
      </c>
      <c r="FSO21" s="282" t="s">
        <v>3816</v>
      </c>
      <c r="FSP21" s="282" t="s">
        <v>3816</v>
      </c>
      <c r="FSQ21" s="282" t="s">
        <v>3816</v>
      </c>
      <c r="FSR21" s="282" t="s">
        <v>3816</v>
      </c>
      <c r="FSS21" s="282" t="s">
        <v>3816</v>
      </c>
      <c r="FST21" s="282" t="s">
        <v>3816</v>
      </c>
      <c r="FSU21" s="282" t="s">
        <v>3816</v>
      </c>
      <c r="FSV21" s="282" t="s">
        <v>3816</v>
      </c>
      <c r="FSW21" s="282" t="s">
        <v>3816</v>
      </c>
      <c r="FSX21" s="282" t="s">
        <v>3816</v>
      </c>
      <c r="FSY21" s="282" t="s">
        <v>3816</v>
      </c>
      <c r="FSZ21" s="282" t="s">
        <v>3816</v>
      </c>
      <c r="FTA21" s="282" t="s">
        <v>3816</v>
      </c>
      <c r="FTB21" s="282" t="s">
        <v>3816</v>
      </c>
      <c r="FTC21" s="282" t="s">
        <v>3816</v>
      </c>
      <c r="FTD21" s="282" t="s">
        <v>3816</v>
      </c>
      <c r="FTE21" s="282" t="s">
        <v>3816</v>
      </c>
      <c r="FTF21" s="282" t="s">
        <v>3816</v>
      </c>
      <c r="FTG21" s="282" t="s">
        <v>3816</v>
      </c>
      <c r="FTH21" s="282" t="s">
        <v>3816</v>
      </c>
      <c r="FTI21" s="282" t="s">
        <v>3816</v>
      </c>
      <c r="FTJ21" s="282" t="s">
        <v>3816</v>
      </c>
      <c r="FTK21" s="282" t="s">
        <v>3816</v>
      </c>
      <c r="FTL21" s="282" t="s">
        <v>3816</v>
      </c>
      <c r="FTM21" s="282" t="s">
        <v>3816</v>
      </c>
      <c r="FTN21" s="282" t="s">
        <v>3816</v>
      </c>
      <c r="FTO21" s="282" t="s">
        <v>3816</v>
      </c>
      <c r="FTP21" s="282" t="s">
        <v>3816</v>
      </c>
      <c r="FTQ21" s="282" t="s">
        <v>3816</v>
      </c>
      <c r="FTR21" s="282" t="s">
        <v>3816</v>
      </c>
      <c r="FTS21" s="282" t="s">
        <v>3816</v>
      </c>
      <c r="FTT21" s="282" t="s">
        <v>3816</v>
      </c>
      <c r="FTU21" s="282" t="s">
        <v>3816</v>
      </c>
      <c r="FTV21" s="282" t="s">
        <v>3816</v>
      </c>
      <c r="FTW21" s="282" t="s">
        <v>3816</v>
      </c>
      <c r="FTX21" s="282" t="s">
        <v>3816</v>
      </c>
      <c r="FTY21" s="282" t="s">
        <v>3816</v>
      </c>
      <c r="FTZ21" s="282" t="s">
        <v>3816</v>
      </c>
      <c r="FUA21" s="282" t="s">
        <v>3816</v>
      </c>
      <c r="FUB21" s="282" t="s">
        <v>3816</v>
      </c>
      <c r="FUC21" s="282" t="s">
        <v>3816</v>
      </c>
      <c r="FUD21" s="282" t="s">
        <v>3816</v>
      </c>
      <c r="FUE21" s="282" t="s">
        <v>3816</v>
      </c>
      <c r="FUF21" s="282" t="s">
        <v>3816</v>
      </c>
      <c r="FUG21" s="282" t="s">
        <v>3816</v>
      </c>
      <c r="FUH21" s="282" t="s">
        <v>3816</v>
      </c>
      <c r="FUI21" s="282" t="s">
        <v>3816</v>
      </c>
      <c r="FUJ21" s="282" t="s">
        <v>3816</v>
      </c>
      <c r="FUK21" s="282" t="s">
        <v>3816</v>
      </c>
      <c r="FUL21" s="282" t="s">
        <v>3816</v>
      </c>
      <c r="FUM21" s="282" t="s">
        <v>3816</v>
      </c>
      <c r="FUN21" s="282" t="s">
        <v>3816</v>
      </c>
      <c r="FUO21" s="282" t="s">
        <v>3816</v>
      </c>
      <c r="FUP21" s="282" t="s">
        <v>3816</v>
      </c>
      <c r="FUQ21" s="282" t="s">
        <v>3816</v>
      </c>
      <c r="FUR21" s="282" t="s">
        <v>3816</v>
      </c>
      <c r="FUS21" s="282" t="s">
        <v>3816</v>
      </c>
      <c r="FUT21" s="282" t="s">
        <v>3816</v>
      </c>
      <c r="FUU21" s="282" t="s">
        <v>3816</v>
      </c>
      <c r="FUV21" s="282" t="s">
        <v>3816</v>
      </c>
      <c r="FUW21" s="282" t="s">
        <v>3816</v>
      </c>
      <c r="FUX21" s="282" t="s">
        <v>3816</v>
      </c>
      <c r="FUY21" s="282" t="s">
        <v>3816</v>
      </c>
      <c r="FUZ21" s="282" t="s">
        <v>3816</v>
      </c>
      <c r="FVA21" s="282" t="s">
        <v>3816</v>
      </c>
      <c r="FVB21" s="282" t="s">
        <v>3816</v>
      </c>
      <c r="FVC21" s="282" t="s">
        <v>3816</v>
      </c>
      <c r="FVD21" s="282" t="s">
        <v>3816</v>
      </c>
      <c r="FVE21" s="282" t="s">
        <v>3816</v>
      </c>
      <c r="FVF21" s="282" t="s">
        <v>3816</v>
      </c>
      <c r="FVG21" s="282" t="s">
        <v>3816</v>
      </c>
      <c r="FVH21" s="282" t="s">
        <v>3816</v>
      </c>
      <c r="FVI21" s="282" t="s">
        <v>3816</v>
      </c>
      <c r="FVJ21" s="282" t="s">
        <v>3816</v>
      </c>
      <c r="FVK21" s="282" t="s">
        <v>3816</v>
      </c>
      <c r="FVL21" s="282" t="s">
        <v>3816</v>
      </c>
      <c r="FVM21" s="282" t="s">
        <v>3816</v>
      </c>
      <c r="FVN21" s="282" t="s">
        <v>3816</v>
      </c>
      <c r="FVO21" s="282" t="s">
        <v>3816</v>
      </c>
      <c r="FVP21" s="282" t="s">
        <v>3816</v>
      </c>
      <c r="FVQ21" s="282" t="s">
        <v>3816</v>
      </c>
      <c r="FVR21" s="282" t="s">
        <v>3816</v>
      </c>
      <c r="FVS21" s="282" t="s">
        <v>3816</v>
      </c>
      <c r="FVT21" s="282" t="s">
        <v>3816</v>
      </c>
      <c r="FVU21" s="282" t="s">
        <v>3816</v>
      </c>
      <c r="FVV21" s="282" t="s">
        <v>3816</v>
      </c>
      <c r="FVW21" s="282" t="s">
        <v>3816</v>
      </c>
      <c r="FVX21" s="282" t="s">
        <v>3816</v>
      </c>
      <c r="FVY21" s="282" t="s">
        <v>3816</v>
      </c>
      <c r="FVZ21" s="282" t="s">
        <v>3816</v>
      </c>
      <c r="FWA21" s="282" t="s">
        <v>3816</v>
      </c>
      <c r="FWB21" s="282" t="s">
        <v>3816</v>
      </c>
      <c r="FWC21" s="282" t="s">
        <v>3816</v>
      </c>
      <c r="FWD21" s="282" t="s">
        <v>3816</v>
      </c>
      <c r="FWE21" s="282" t="s">
        <v>3816</v>
      </c>
      <c r="FWF21" s="282" t="s">
        <v>3816</v>
      </c>
      <c r="FWG21" s="282" t="s">
        <v>3816</v>
      </c>
      <c r="FWH21" s="282" t="s">
        <v>3816</v>
      </c>
      <c r="FWI21" s="282" t="s">
        <v>3816</v>
      </c>
      <c r="FWJ21" s="282" t="s">
        <v>3816</v>
      </c>
      <c r="FWK21" s="282" t="s">
        <v>3816</v>
      </c>
      <c r="FWL21" s="282" t="s">
        <v>3816</v>
      </c>
      <c r="FWM21" s="282" t="s">
        <v>3816</v>
      </c>
      <c r="FWN21" s="282" t="s">
        <v>3816</v>
      </c>
      <c r="FWO21" s="282" t="s">
        <v>3816</v>
      </c>
      <c r="FWP21" s="282" t="s">
        <v>3816</v>
      </c>
      <c r="FWQ21" s="282" t="s">
        <v>3816</v>
      </c>
      <c r="FWR21" s="282" t="s">
        <v>3816</v>
      </c>
      <c r="FWS21" s="282" t="s">
        <v>3816</v>
      </c>
      <c r="FWT21" s="282" t="s">
        <v>3816</v>
      </c>
      <c r="FWU21" s="282" t="s">
        <v>3816</v>
      </c>
      <c r="FWV21" s="282" t="s">
        <v>3816</v>
      </c>
      <c r="FWW21" s="282" t="s">
        <v>3816</v>
      </c>
      <c r="FWX21" s="282" t="s">
        <v>3816</v>
      </c>
      <c r="FWY21" s="282" t="s">
        <v>3816</v>
      </c>
      <c r="FWZ21" s="282" t="s">
        <v>3816</v>
      </c>
      <c r="FXA21" s="282" t="s">
        <v>3816</v>
      </c>
      <c r="FXB21" s="282" t="s">
        <v>3816</v>
      </c>
      <c r="FXC21" s="282" t="s">
        <v>3816</v>
      </c>
      <c r="FXD21" s="282" t="s">
        <v>3816</v>
      </c>
      <c r="FXE21" s="282" t="s">
        <v>3816</v>
      </c>
      <c r="FXF21" s="282" t="s">
        <v>3816</v>
      </c>
      <c r="FXG21" s="282" t="s">
        <v>3816</v>
      </c>
      <c r="FXH21" s="282" t="s">
        <v>3816</v>
      </c>
      <c r="FXI21" s="282" t="s">
        <v>3816</v>
      </c>
      <c r="FXJ21" s="282" t="s">
        <v>3816</v>
      </c>
      <c r="FXK21" s="282" t="s">
        <v>3816</v>
      </c>
      <c r="FXL21" s="282" t="s">
        <v>3816</v>
      </c>
      <c r="FXM21" s="282" t="s">
        <v>3816</v>
      </c>
      <c r="FXN21" s="282" t="s">
        <v>3816</v>
      </c>
      <c r="FXO21" s="282" t="s">
        <v>3816</v>
      </c>
      <c r="FXP21" s="282" t="s">
        <v>3816</v>
      </c>
      <c r="FXQ21" s="282" t="s">
        <v>3816</v>
      </c>
      <c r="FXR21" s="282" t="s">
        <v>3816</v>
      </c>
      <c r="FXS21" s="282" t="s">
        <v>3816</v>
      </c>
      <c r="FXT21" s="282" t="s">
        <v>3816</v>
      </c>
      <c r="FXU21" s="282" t="s">
        <v>3816</v>
      </c>
      <c r="FXV21" s="282" t="s">
        <v>3816</v>
      </c>
      <c r="FXW21" s="282" t="s">
        <v>3816</v>
      </c>
      <c r="FXX21" s="282" t="s">
        <v>3816</v>
      </c>
      <c r="FXY21" s="282" t="s">
        <v>3816</v>
      </c>
      <c r="FXZ21" s="282" t="s">
        <v>3816</v>
      </c>
      <c r="FYA21" s="282" t="s">
        <v>3816</v>
      </c>
      <c r="FYB21" s="282" t="s">
        <v>3816</v>
      </c>
      <c r="FYC21" s="282" t="s">
        <v>3816</v>
      </c>
      <c r="FYD21" s="282" t="s">
        <v>3816</v>
      </c>
      <c r="FYE21" s="282" t="s">
        <v>3816</v>
      </c>
      <c r="FYF21" s="282" t="s">
        <v>3816</v>
      </c>
      <c r="FYG21" s="282" t="s">
        <v>3816</v>
      </c>
      <c r="FYH21" s="282" t="s">
        <v>3816</v>
      </c>
      <c r="FYI21" s="282" t="s">
        <v>3816</v>
      </c>
      <c r="FYJ21" s="282" t="s">
        <v>3816</v>
      </c>
      <c r="FYK21" s="282" t="s">
        <v>3816</v>
      </c>
      <c r="FYL21" s="282" t="s">
        <v>3816</v>
      </c>
      <c r="FYM21" s="282" t="s">
        <v>3816</v>
      </c>
      <c r="FYN21" s="282" t="s">
        <v>3816</v>
      </c>
      <c r="FYO21" s="282" t="s">
        <v>3816</v>
      </c>
      <c r="FYP21" s="282" t="s">
        <v>3816</v>
      </c>
      <c r="FYQ21" s="282" t="s">
        <v>3816</v>
      </c>
      <c r="FYR21" s="282" t="s">
        <v>3816</v>
      </c>
      <c r="FYS21" s="282" t="s">
        <v>3816</v>
      </c>
      <c r="FYT21" s="282" t="s">
        <v>3816</v>
      </c>
      <c r="FYU21" s="282" t="s">
        <v>3816</v>
      </c>
      <c r="FYV21" s="282" t="s">
        <v>3816</v>
      </c>
      <c r="FYW21" s="282" t="s">
        <v>3816</v>
      </c>
      <c r="FYX21" s="282" t="s">
        <v>3816</v>
      </c>
      <c r="FYY21" s="282" t="s">
        <v>3816</v>
      </c>
      <c r="FYZ21" s="282" t="s">
        <v>3816</v>
      </c>
      <c r="FZA21" s="282" t="s">
        <v>3816</v>
      </c>
      <c r="FZB21" s="282" t="s">
        <v>3816</v>
      </c>
      <c r="FZC21" s="282" t="s">
        <v>3816</v>
      </c>
      <c r="FZD21" s="282" t="s">
        <v>3816</v>
      </c>
      <c r="FZE21" s="282" t="s">
        <v>3816</v>
      </c>
      <c r="FZF21" s="282" t="s">
        <v>3816</v>
      </c>
      <c r="FZG21" s="282" t="s">
        <v>3816</v>
      </c>
      <c r="FZH21" s="282" t="s">
        <v>3816</v>
      </c>
      <c r="FZI21" s="282" t="s">
        <v>3816</v>
      </c>
      <c r="FZJ21" s="282" t="s">
        <v>3816</v>
      </c>
      <c r="FZK21" s="282" t="s">
        <v>3816</v>
      </c>
      <c r="FZL21" s="282" t="s">
        <v>3816</v>
      </c>
      <c r="FZM21" s="282" t="s">
        <v>3816</v>
      </c>
      <c r="FZN21" s="282" t="s">
        <v>3816</v>
      </c>
      <c r="FZO21" s="282" t="s">
        <v>3816</v>
      </c>
      <c r="FZP21" s="282" t="s">
        <v>3816</v>
      </c>
      <c r="FZQ21" s="282" t="s">
        <v>3816</v>
      </c>
      <c r="FZR21" s="282" t="s">
        <v>3816</v>
      </c>
      <c r="FZS21" s="282" t="s">
        <v>3816</v>
      </c>
      <c r="FZT21" s="282" t="s">
        <v>3816</v>
      </c>
      <c r="FZU21" s="282" t="s">
        <v>3816</v>
      </c>
      <c r="FZV21" s="282" t="s">
        <v>3816</v>
      </c>
      <c r="FZW21" s="282" t="s">
        <v>3816</v>
      </c>
      <c r="FZX21" s="282" t="s">
        <v>3816</v>
      </c>
      <c r="FZY21" s="282" t="s">
        <v>3816</v>
      </c>
      <c r="FZZ21" s="282" t="s">
        <v>3816</v>
      </c>
      <c r="GAA21" s="282" t="s">
        <v>3816</v>
      </c>
      <c r="GAB21" s="282" t="s">
        <v>3816</v>
      </c>
      <c r="GAC21" s="282" t="s">
        <v>3816</v>
      </c>
      <c r="GAD21" s="282" t="s">
        <v>3816</v>
      </c>
      <c r="GAE21" s="282" t="s">
        <v>3816</v>
      </c>
      <c r="GAF21" s="282" t="s">
        <v>3816</v>
      </c>
      <c r="GAG21" s="282" t="s">
        <v>3816</v>
      </c>
      <c r="GAH21" s="282" t="s">
        <v>3816</v>
      </c>
      <c r="GAI21" s="282" t="s">
        <v>3816</v>
      </c>
      <c r="GAJ21" s="282" t="s">
        <v>3816</v>
      </c>
      <c r="GAK21" s="282" t="s">
        <v>3816</v>
      </c>
      <c r="GAL21" s="282" t="s">
        <v>3816</v>
      </c>
      <c r="GAM21" s="282" t="s">
        <v>3816</v>
      </c>
      <c r="GAN21" s="282" t="s">
        <v>3816</v>
      </c>
      <c r="GAO21" s="282" t="s">
        <v>3816</v>
      </c>
      <c r="GAP21" s="282" t="s">
        <v>3816</v>
      </c>
      <c r="GAQ21" s="282" t="s">
        <v>3816</v>
      </c>
      <c r="GAR21" s="282" t="s">
        <v>3816</v>
      </c>
      <c r="GAS21" s="282" t="s">
        <v>3816</v>
      </c>
      <c r="GAT21" s="282" t="s">
        <v>3816</v>
      </c>
      <c r="GAU21" s="282" t="s">
        <v>3816</v>
      </c>
      <c r="GAV21" s="282" t="s">
        <v>3816</v>
      </c>
      <c r="GAW21" s="282" t="s">
        <v>3816</v>
      </c>
      <c r="GAX21" s="282" t="s">
        <v>3816</v>
      </c>
      <c r="GAY21" s="282" t="s">
        <v>3816</v>
      </c>
      <c r="GAZ21" s="282" t="s">
        <v>3816</v>
      </c>
      <c r="GBA21" s="282" t="s">
        <v>3816</v>
      </c>
      <c r="GBB21" s="282" t="s">
        <v>3816</v>
      </c>
      <c r="GBC21" s="282" t="s">
        <v>3816</v>
      </c>
      <c r="GBD21" s="282" t="s">
        <v>3816</v>
      </c>
      <c r="GBE21" s="282" t="s">
        <v>3816</v>
      </c>
      <c r="GBF21" s="282" t="s">
        <v>3816</v>
      </c>
      <c r="GBG21" s="282" t="s">
        <v>3816</v>
      </c>
      <c r="GBH21" s="282" t="s">
        <v>3816</v>
      </c>
      <c r="GBI21" s="282" t="s">
        <v>3816</v>
      </c>
      <c r="GBJ21" s="282" t="s">
        <v>3816</v>
      </c>
      <c r="GBK21" s="282" t="s">
        <v>3816</v>
      </c>
      <c r="GBL21" s="282" t="s">
        <v>3816</v>
      </c>
      <c r="GBM21" s="282" t="s">
        <v>3816</v>
      </c>
      <c r="GBN21" s="282" t="s">
        <v>3816</v>
      </c>
      <c r="GBO21" s="282" t="s">
        <v>3816</v>
      </c>
      <c r="GBP21" s="282" t="s">
        <v>3816</v>
      </c>
      <c r="GBQ21" s="282" t="s">
        <v>3816</v>
      </c>
      <c r="GBR21" s="282" t="s">
        <v>3816</v>
      </c>
      <c r="GBS21" s="282" t="s">
        <v>3816</v>
      </c>
      <c r="GBT21" s="282" t="s">
        <v>3816</v>
      </c>
      <c r="GBU21" s="282" t="s">
        <v>3816</v>
      </c>
      <c r="GBV21" s="282" t="s">
        <v>3816</v>
      </c>
      <c r="GBW21" s="282" t="s">
        <v>3816</v>
      </c>
      <c r="GBX21" s="282" t="s">
        <v>3816</v>
      </c>
      <c r="GBY21" s="282" t="s">
        <v>3816</v>
      </c>
      <c r="GBZ21" s="282" t="s">
        <v>3816</v>
      </c>
      <c r="GCA21" s="282" t="s">
        <v>3816</v>
      </c>
      <c r="GCB21" s="282" t="s">
        <v>3816</v>
      </c>
      <c r="GCC21" s="282" t="s">
        <v>3816</v>
      </c>
      <c r="GCD21" s="282" t="s">
        <v>3816</v>
      </c>
      <c r="GCE21" s="282" t="s">
        <v>3816</v>
      </c>
      <c r="GCF21" s="282" t="s">
        <v>3816</v>
      </c>
      <c r="GCG21" s="282" t="s">
        <v>3816</v>
      </c>
      <c r="GCH21" s="282" t="s">
        <v>3816</v>
      </c>
      <c r="GCI21" s="282" t="s">
        <v>3816</v>
      </c>
      <c r="GCJ21" s="282" t="s">
        <v>3816</v>
      </c>
      <c r="GCK21" s="282" t="s">
        <v>3816</v>
      </c>
      <c r="GCL21" s="282" t="s">
        <v>3816</v>
      </c>
      <c r="GCM21" s="282" t="s">
        <v>3816</v>
      </c>
      <c r="GCN21" s="282" t="s">
        <v>3816</v>
      </c>
      <c r="GCO21" s="282" t="s">
        <v>3816</v>
      </c>
      <c r="GCP21" s="282" t="s">
        <v>3816</v>
      </c>
      <c r="GCQ21" s="282" t="s">
        <v>3816</v>
      </c>
      <c r="GCR21" s="282" t="s">
        <v>3816</v>
      </c>
      <c r="GCS21" s="282" t="s">
        <v>3816</v>
      </c>
      <c r="GCT21" s="282" t="s">
        <v>3816</v>
      </c>
      <c r="GCU21" s="282" t="s">
        <v>3816</v>
      </c>
      <c r="GCV21" s="282" t="s">
        <v>3816</v>
      </c>
      <c r="GCW21" s="282" t="s">
        <v>3816</v>
      </c>
      <c r="GCX21" s="282" t="s">
        <v>3816</v>
      </c>
      <c r="GCY21" s="282" t="s">
        <v>3816</v>
      </c>
      <c r="GCZ21" s="282" t="s">
        <v>3816</v>
      </c>
      <c r="GDA21" s="282" t="s">
        <v>3816</v>
      </c>
      <c r="GDB21" s="282" t="s">
        <v>3816</v>
      </c>
      <c r="GDC21" s="282" t="s">
        <v>3816</v>
      </c>
      <c r="GDD21" s="282" t="s">
        <v>3816</v>
      </c>
      <c r="GDE21" s="282" t="s">
        <v>3816</v>
      </c>
      <c r="GDF21" s="282" t="s">
        <v>3816</v>
      </c>
      <c r="GDG21" s="282" t="s">
        <v>3816</v>
      </c>
      <c r="GDH21" s="282" t="s">
        <v>3816</v>
      </c>
      <c r="GDI21" s="282" t="s">
        <v>3816</v>
      </c>
      <c r="GDJ21" s="282" t="s">
        <v>3816</v>
      </c>
      <c r="GDK21" s="282" t="s">
        <v>3816</v>
      </c>
      <c r="GDL21" s="282" t="s">
        <v>3816</v>
      </c>
      <c r="GDM21" s="282" t="s">
        <v>3816</v>
      </c>
      <c r="GDN21" s="282" t="s">
        <v>3816</v>
      </c>
      <c r="GDO21" s="282" t="s">
        <v>3816</v>
      </c>
      <c r="GDP21" s="282" t="s">
        <v>3816</v>
      </c>
      <c r="GDQ21" s="282" t="s">
        <v>3816</v>
      </c>
      <c r="GDR21" s="282" t="s">
        <v>3816</v>
      </c>
      <c r="GDS21" s="282" t="s">
        <v>3816</v>
      </c>
      <c r="GDT21" s="282" t="s">
        <v>3816</v>
      </c>
      <c r="GDU21" s="282" t="s">
        <v>3816</v>
      </c>
      <c r="GDV21" s="282" t="s">
        <v>3816</v>
      </c>
      <c r="GDW21" s="282" t="s">
        <v>3816</v>
      </c>
      <c r="GDX21" s="282" t="s">
        <v>3816</v>
      </c>
      <c r="GDY21" s="282" t="s">
        <v>3816</v>
      </c>
      <c r="GDZ21" s="282" t="s">
        <v>3816</v>
      </c>
      <c r="GEA21" s="282" t="s">
        <v>3816</v>
      </c>
      <c r="GEB21" s="282" t="s">
        <v>3816</v>
      </c>
      <c r="GEC21" s="282" t="s">
        <v>3816</v>
      </c>
      <c r="GED21" s="282" t="s">
        <v>3816</v>
      </c>
      <c r="GEE21" s="282" t="s">
        <v>3816</v>
      </c>
      <c r="GEF21" s="282" t="s">
        <v>3816</v>
      </c>
      <c r="GEG21" s="282" t="s">
        <v>3816</v>
      </c>
      <c r="GEH21" s="282" t="s">
        <v>3816</v>
      </c>
      <c r="GEI21" s="282" t="s">
        <v>3816</v>
      </c>
      <c r="GEJ21" s="282" t="s">
        <v>3816</v>
      </c>
      <c r="GEK21" s="282" t="s">
        <v>3816</v>
      </c>
      <c r="GEL21" s="282" t="s">
        <v>3816</v>
      </c>
      <c r="GEM21" s="282" t="s">
        <v>3816</v>
      </c>
      <c r="GEN21" s="282" t="s">
        <v>3816</v>
      </c>
      <c r="GEO21" s="282" t="s">
        <v>3816</v>
      </c>
      <c r="GEP21" s="282" t="s">
        <v>3816</v>
      </c>
      <c r="GEQ21" s="282" t="s">
        <v>3816</v>
      </c>
      <c r="GER21" s="282" t="s">
        <v>3816</v>
      </c>
      <c r="GES21" s="282" t="s">
        <v>3816</v>
      </c>
      <c r="GET21" s="282" t="s">
        <v>3816</v>
      </c>
      <c r="GEU21" s="282" t="s">
        <v>3816</v>
      </c>
      <c r="GEV21" s="282" t="s">
        <v>3816</v>
      </c>
      <c r="GEW21" s="282" t="s">
        <v>3816</v>
      </c>
      <c r="GEX21" s="282" t="s">
        <v>3816</v>
      </c>
      <c r="GEY21" s="282" t="s">
        <v>3816</v>
      </c>
      <c r="GEZ21" s="282" t="s">
        <v>3816</v>
      </c>
      <c r="GFA21" s="282" t="s">
        <v>3816</v>
      </c>
      <c r="GFB21" s="282" t="s">
        <v>3816</v>
      </c>
      <c r="GFC21" s="282" t="s">
        <v>3816</v>
      </c>
      <c r="GFD21" s="282" t="s">
        <v>3816</v>
      </c>
      <c r="GFE21" s="282" t="s">
        <v>3816</v>
      </c>
      <c r="GFF21" s="282" t="s">
        <v>3816</v>
      </c>
      <c r="GFG21" s="282" t="s">
        <v>3816</v>
      </c>
      <c r="GFH21" s="282" t="s">
        <v>3816</v>
      </c>
      <c r="GFI21" s="282" t="s">
        <v>3816</v>
      </c>
      <c r="GFJ21" s="282" t="s">
        <v>3816</v>
      </c>
      <c r="GFK21" s="282" t="s">
        <v>3816</v>
      </c>
      <c r="GFL21" s="282" t="s">
        <v>3816</v>
      </c>
      <c r="GFM21" s="282" t="s">
        <v>3816</v>
      </c>
      <c r="GFN21" s="282" t="s">
        <v>3816</v>
      </c>
      <c r="GFO21" s="282" t="s">
        <v>3816</v>
      </c>
      <c r="GFP21" s="282" t="s">
        <v>3816</v>
      </c>
      <c r="GFQ21" s="282" t="s">
        <v>3816</v>
      </c>
      <c r="GFR21" s="282" t="s">
        <v>3816</v>
      </c>
      <c r="GFS21" s="282" t="s">
        <v>3816</v>
      </c>
      <c r="GFT21" s="282" t="s">
        <v>3816</v>
      </c>
      <c r="GFU21" s="282" t="s">
        <v>3816</v>
      </c>
      <c r="GFV21" s="282" t="s">
        <v>3816</v>
      </c>
      <c r="GFW21" s="282" t="s">
        <v>3816</v>
      </c>
      <c r="GFX21" s="282" t="s">
        <v>3816</v>
      </c>
      <c r="GFY21" s="282" t="s">
        <v>3816</v>
      </c>
      <c r="GFZ21" s="282" t="s">
        <v>3816</v>
      </c>
      <c r="GGA21" s="282" t="s">
        <v>3816</v>
      </c>
      <c r="GGB21" s="282" t="s">
        <v>3816</v>
      </c>
      <c r="GGC21" s="282" t="s">
        <v>3816</v>
      </c>
      <c r="GGD21" s="282" t="s">
        <v>3816</v>
      </c>
      <c r="GGE21" s="282" t="s">
        <v>3816</v>
      </c>
      <c r="GGF21" s="282" t="s">
        <v>3816</v>
      </c>
      <c r="GGG21" s="282" t="s">
        <v>3816</v>
      </c>
      <c r="GGH21" s="282" t="s">
        <v>3816</v>
      </c>
      <c r="GGI21" s="282" t="s">
        <v>3816</v>
      </c>
      <c r="GGJ21" s="282" t="s">
        <v>3816</v>
      </c>
      <c r="GGK21" s="282" t="s">
        <v>3816</v>
      </c>
      <c r="GGL21" s="282" t="s">
        <v>3816</v>
      </c>
      <c r="GGM21" s="282" t="s">
        <v>3816</v>
      </c>
      <c r="GGN21" s="282" t="s">
        <v>3816</v>
      </c>
      <c r="GGO21" s="282" t="s">
        <v>3816</v>
      </c>
      <c r="GGP21" s="282" t="s">
        <v>3816</v>
      </c>
      <c r="GGQ21" s="282" t="s">
        <v>3816</v>
      </c>
      <c r="GGR21" s="282" t="s">
        <v>3816</v>
      </c>
      <c r="GGS21" s="282" t="s">
        <v>3816</v>
      </c>
      <c r="GGT21" s="282" t="s">
        <v>3816</v>
      </c>
      <c r="GGU21" s="282" t="s">
        <v>3816</v>
      </c>
      <c r="GGV21" s="282" t="s">
        <v>3816</v>
      </c>
      <c r="GGW21" s="282" t="s">
        <v>3816</v>
      </c>
      <c r="GGX21" s="282" t="s">
        <v>3816</v>
      </c>
      <c r="GGY21" s="282" t="s">
        <v>3816</v>
      </c>
      <c r="GGZ21" s="282" t="s">
        <v>3816</v>
      </c>
      <c r="GHA21" s="282" t="s">
        <v>3816</v>
      </c>
      <c r="GHB21" s="282" t="s">
        <v>3816</v>
      </c>
      <c r="GHC21" s="282" t="s">
        <v>3816</v>
      </c>
      <c r="GHD21" s="282" t="s">
        <v>3816</v>
      </c>
      <c r="GHE21" s="282" t="s">
        <v>3816</v>
      </c>
      <c r="GHF21" s="282" t="s">
        <v>3816</v>
      </c>
      <c r="GHG21" s="282" t="s">
        <v>3816</v>
      </c>
      <c r="GHH21" s="282" t="s">
        <v>3816</v>
      </c>
      <c r="GHI21" s="282" t="s">
        <v>3816</v>
      </c>
      <c r="GHJ21" s="282" t="s">
        <v>3816</v>
      </c>
      <c r="GHK21" s="282" t="s">
        <v>3816</v>
      </c>
      <c r="GHL21" s="282" t="s">
        <v>3816</v>
      </c>
      <c r="GHM21" s="282" t="s">
        <v>3816</v>
      </c>
      <c r="GHN21" s="282" t="s">
        <v>3816</v>
      </c>
      <c r="GHO21" s="282" t="s">
        <v>3816</v>
      </c>
      <c r="GHP21" s="282" t="s">
        <v>3816</v>
      </c>
      <c r="GHQ21" s="282" t="s">
        <v>3816</v>
      </c>
      <c r="GHR21" s="282" t="s">
        <v>3816</v>
      </c>
      <c r="GHS21" s="282" t="s">
        <v>3816</v>
      </c>
      <c r="GHT21" s="282" t="s">
        <v>3816</v>
      </c>
      <c r="GHU21" s="282" t="s">
        <v>3816</v>
      </c>
      <c r="GHV21" s="282" t="s">
        <v>3816</v>
      </c>
      <c r="GHW21" s="282" t="s">
        <v>3816</v>
      </c>
      <c r="GHX21" s="282" t="s">
        <v>3816</v>
      </c>
      <c r="GHY21" s="282" t="s">
        <v>3816</v>
      </c>
      <c r="GHZ21" s="282" t="s">
        <v>3816</v>
      </c>
      <c r="GIA21" s="282" t="s">
        <v>3816</v>
      </c>
      <c r="GIB21" s="282" t="s">
        <v>3816</v>
      </c>
      <c r="GIC21" s="282" t="s">
        <v>3816</v>
      </c>
      <c r="GID21" s="282" t="s">
        <v>3816</v>
      </c>
      <c r="GIE21" s="282" t="s">
        <v>3816</v>
      </c>
      <c r="GIF21" s="282" t="s">
        <v>3816</v>
      </c>
      <c r="GIG21" s="282" t="s">
        <v>3816</v>
      </c>
      <c r="GIH21" s="282" t="s">
        <v>3816</v>
      </c>
      <c r="GII21" s="282" t="s">
        <v>3816</v>
      </c>
      <c r="GIJ21" s="282" t="s">
        <v>3816</v>
      </c>
      <c r="GIK21" s="282" t="s">
        <v>3816</v>
      </c>
      <c r="GIL21" s="282" t="s">
        <v>3816</v>
      </c>
      <c r="GIM21" s="282" t="s">
        <v>3816</v>
      </c>
      <c r="GIN21" s="282" t="s">
        <v>3816</v>
      </c>
      <c r="GIO21" s="282" t="s">
        <v>3816</v>
      </c>
      <c r="GIP21" s="282" t="s">
        <v>3816</v>
      </c>
      <c r="GIQ21" s="282" t="s">
        <v>3816</v>
      </c>
      <c r="GIR21" s="282" t="s">
        <v>3816</v>
      </c>
      <c r="GIS21" s="282" t="s">
        <v>3816</v>
      </c>
      <c r="GIT21" s="282" t="s">
        <v>3816</v>
      </c>
      <c r="GIU21" s="282" t="s">
        <v>3816</v>
      </c>
      <c r="GIV21" s="282" t="s">
        <v>3816</v>
      </c>
      <c r="GIW21" s="282" t="s">
        <v>3816</v>
      </c>
      <c r="GIX21" s="282" t="s">
        <v>3816</v>
      </c>
      <c r="GIY21" s="282" t="s">
        <v>3816</v>
      </c>
      <c r="GIZ21" s="282" t="s">
        <v>3816</v>
      </c>
      <c r="GJA21" s="282" t="s">
        <v>3816</v>
      </c>
      <c r="GJB21" s="282" t="s">
        <v>3816</v>
      </c>
      <c r="GJC21" s="282" t="s">
        <v>3816</v>
      </c>
      <c r="GJD21" s="282" t="s">
        <v>3816</v>
      </c>
      <c r="GJE21" s="282" t="s">
        <v>3816</v>
      </c>
      <c r="GJF21" s="282" t="s">
        <v>3816</v>
      </c>
      <c r="GJG21" s="282" t="s">
        <v>3816</v>
      </c>
      <c r="GJH21" s="282" t="s">
        <v>3816</v>
      </c>
      <c r="GJI21" s="282" t="s">
        <v>3816</v>
      </c>
      <c r="GJJ21" s="282" t="s">
        <v>3816</v>
      </c>
      <c r="GJK21" s="282" t="s">
        <v>3816</v>
      </c>
      <c r="GJL21" s="282" t="s">
        <v>3816</v>
      </c>
      <c r="GJM21" s="282" t="s">
        <v>3816</v>
      </c>
      <c r="GJN21" s="282" t="s">
        <v>3816</v>
      </c>
      <c r="GJO21" s="282" t="s">
        <v>3816</v>
      </c>
      <c r="GJP21" s="282" t="s">
        <v>3816</v>
      </c>
      <c r="GJQ21" s="282" t="s">
        <v>3816</v>
      </c>
      <c r="GJR21" s="282" t="s">
        <v>3816</v>
      </c>
      <c r="GJS21" s="282" t="s">
        <v>3816</v>
      </c>
      <c r="GJT21" s="282" t="s">
        <v>3816</v>
      </c>
      <c r="GJU21" s="282" t="s">
        <v>3816</v>
      </c>
      <c r="GJV21" s="282" t="s">
        <v>3816</v>
      </c>
      <c r="GJW21" s="282" t="s">
        <v>3816</v>
      </c>
      <c r="GJX21" s="282" t="s">
        <v>3816</v>
      </c>
      <c r="GJY21" s="282" t="s">
        <v>3816</v>
      </c>
      <c r="GJZ21" s="282" t="s">
        <v>3816</v>
      </c>
      <c r="GKA21" s="282" t="s">
        <v>3816</v>
      </c>
      <c r="GKB21" s="282" t="s">
        <v>3816</v>
      </c>
      <c r="GKC21" s="282" t="s">
        <v>3816</v>
      </c>
      <c r="GKD21" s="282" t="s">
        <v>3816</v>
      </c>
      <c r="GKE21" s="282" t="s">
        <v>3816</v>
      </c>
      <c r="GKF21" s="282" t="s">
        <v>3816</v>
      </c>
      <c r="GKG21" s="282" t="s">
        <v>3816</v>
      </c>
      <c r="GKH21" s="282" t="s">
        <v>3816</v>
      </c>
      <c r="GKI21" s="282" t="s">
        <v>3816</v>
      </c>
      <c r="GKJ21" s="282" t="s">
        <v>3816</v>
      </c>
      <c r="GKK21" s="282" t="s">
        <v>3816</v>
      </c>
      <c r="GKL21" s="282" t="s">
        <v>3816</v>
      </c>
      <c r="GKM21" s="282" t="s">
        <v>3816</v>
      </c>
      <c r="GKN21" s="282" t="s">
        <v>3816</v>
      </c>
      <c r="GKO21" s="282" t="s">
        <v>3816</v>
      </c>
      <c r="GKP21" s="282" t="s">
        <v>3816</v>
      </c>
      <c r="GKQ21" s="282" t="s">
        <v>3816</v>
      </c>
      <c r="GKR21" s="282" t="s">
        <v>3816</v>
      </c>
      <c r="GKS21" s="282" t="s">
        <v>3816</v>
      </c>
      <c r="GKT21" s="282" t="s">
        <v>3816</v>
      </c>
      <c r="GKU21" s="282" t="s">
        <v>3816</v>
      </c>
      <c r="GKV21" s="282" t="s">
        <v>3816</v>
      </c>
      <c r="GKW21" s="282" t="s">
        <v>3816</v>
      </c>
      <c r="GKX21" s="282" t="s">
        <v>3816</v>
      </c>
      <c r="GKY21" s="282" t="s">
        <v>3816</v>
      </c>
      <c r="GKZ21" s="282" t="s">
        <v>3816</v>
      </c>
      <c r="GLA21" s="282" t="s">
        <v>3816</v>
      </c>
      <c r="GLB21" s="282" t="s">
        <v>3816</v>
      </c>
      <c r="GLC21" s="282" t="s">
        <v>3816</v>
      </c>
      <c r="GLD21" s="282" t="s">
        <v>3816</v>
      </c>
      <c r="GLE21" s="282" t="s">
        <v>3816</v>
      </c>
      <c r="GLF21" s="282" t="s">
        <v>3816</v>
      </c>
      <c r="GLG21" s="282" t="s">
        <v>3816</v>
      </c>
      <c r="GLH21" s="282" t="s">
        <v>3816</v>
      </c>
      <c r="GLI21" s="282" t="s">
        <v>3816</v>
      </c>
      <c r="GLJ21" s="282" t="s">
        <v>3816</v>
      </c>
      <c r="GLK21" s="282" t="s">
        <v>3816</v>
      </c>
      <c r="GLL21" s="282" t="s">
        <v>3816</v>
      </c>
      <c r="GLM21" s="282" t="s">
        <v>3816</v>
      </c>
      <c r="GLN21" s="282" t="s">
        <v>3816</v>
      </c>
      <c r="GLO21" s="282" t="s">
        <v>3816</v>
      </c>
      <c r="GLP21" s="282" t="s">
        <v>3816</v>
      </c>
      <c r="GLQ21" s="282" t="s">
        <v>3816</v>
      </c>
      <c r="GLR21" s="282" t="s">
        <v>3816</v>
      </c>
      <c r="GLS21" s="282" t="s">
        <v>3816</v>
      </c>
      <c r="GLT21" s="282" t="s">
        <v>3816</v>
      </c>
      <c r="GLU21" s="282" t="s">
        <v>3816</v>
      </c>
      <c r="GLV21" s="282" t="s">
        <v>3816</v>
      </c>
      <c r="GLW21" s="282" t="s">
        <v>3816</v>
      </c>
      <c r="GLX21" s="282" t="s">
        <v>3816</v>
      </c>
      <c r="GLY21" s="282" t="s">
        <v>3816</v>
      </c>
      <c r="GLZ21" s="282" t="s">
        <v>3816</v>
      </c>
      <c r="GMA21" s="282" t="s">
        <v>3816</v>
      </c>
      <c r="GMB21" s="282" t="s">
        <v>3816</v>
      </c>
      <c r="GMC21" s="282" t="s">
        <v>3816</v>
      </c>
      <c r="GMD21" s="282" t="s">
        <v>3816</v>
      </c>
      <c r="GME21" s="282" t="s">
        <v>3816</v>
      </c>
      <c r="GMF21" s="282" t="s">
        <v>3816</v>
      </c>
      <c r="GMG21" s="282" t="s">
        <v>3816</v>
      </c>
      <c r="GMH21" s="282" t="s">
        <v>3816</v>
      </c>
      <c r="GMI21" s="282" t="s">
        <v>3816</v>
      </c>
      <c r="GMJ21" s="282" t="s">
        <v>3816</v>
      </c>
      <c r="GMK21" s="282" t="s">
        <v>3816</v>
      </c>
      <c r="GML21" s="282" t="s">
        <v>3816</v>
      </c>
      <c r="GMM21" s="282" t="s">
        <v>3816</v>
      </c>
      <c r="GMN21" s="282" t="s">
        <v>3816</v>
      </c>
      <c r="GMO21" s="282" t="s">
        <v>3816</v>
      </c>
      <c r="GMP21" s="282" t="s">
        <v>3816</v>
      </c>
      <c r="GMQ21" s="282" t="s">
        <v>3816</v>
      </c>
      <c r="GMR21" s="282" t="s">
        <v>3816</v>
      </c>
      <c r="GMS21" s="282" t="s">
        <v>3816</v>
      </c>
      <c r="GMT21" s="282" t="s">
        <v>3816</v>
      </c>
      <c r="GMU21" s="282" t="s">
        <v>3816</v>
      </c>
      <c r="GMV21" s="282" t="s">
        <v>3816</v>
      </c>
      <c r="GMW21" s="282" t="s">
        <v>3816</v>
      </c>
      <c r="GMX21" s="282" t="s">
        <v>3816</v>
      </c>
      <c r="GMY21" s="282" t="s">
        <v>3816</v>
      </c>
      <c r="GMZ21" s="282" t="s">
        <v>3816</v>
      </c>
      <c r="GNA21" s="282" t="s">
        <v>3816</v>
      </c>
      <c r="GNB21" s="282" t="s">
        <v>3816</v>
      </c>
      <c r="GNC21" s="282" t="s">
        <v>3816</v>
      </c>
      <c r="GND21" s="282" t="s">
        <v>3816</v>
      </c>
      <c r="GNE21" s="282" t="s">
        <v>3816</v>
      </c>
      <c r="GNF21" s="282" t="s">
        <v>3816</v>
      </c>
      <c r="GNG21" s="282" t="s">
        <v>3816</v>
      </c>
      <c r="GNH21" s="282" t="s">
        <v>3816</v>
      </c>
      <c r="GNI21" s="282" t="s">
        <v>3816</v>
      </c>
      <c r="GNJ21" s="282" t="s">
        <v>3816</v>
      </c>
      <c r="GNK21" s="282" t="s">
        <v>3816</v>
      </c>
      <c r="GNL21" s="282" t="s">
        <v>3816</v>
      </c>
      <c r="GNM21" s="282" t="s">
        <v>3816</v>
      </c>
      <c r="GNN21" s="282" t="s">
        <v>3816</v>
      </c>
      <c r="GNO21" s="282" t="s">
        <v>3816</v>
      </c>
      <c r="GNP21" s="282" t="s">
        <v>3816</v>
      </c>
      <c r="GNQ21" s="282" t="s">
        <v>3816</v>
      </c>
      <c r="GNR21" s="282" t="s">
        <v>3816</v>
      </c>
      <c r="GNS21" s="282" t="s">
        <v>3816</v>
      </c>
      <c r="GNT21" s="282" t="s">
        <v>3816</v>
      </c>
      <c r="GNU21" s="282" t="s">
        <v>3816</v>
      </c>
      <c r="GNV21" s="282" t="s">
        <v>3816</v>
      </c>
      <c r="GNW21" s="282" t="s">
        <v>3816</v>
      </c>
      <c r="GNX21" s="282" t="s">
        <v>3816</v>
      </c>
      <c r="GNY21" s="282" t="s">
        <v>3816</v>
      </c>
      <c r="GNZ21" s="282" t="s">
        <v>3816</v>
      </c>
      <c r="GOA21" s="282" t="s">
        <v>3816</v>
      </c>
      <c r="GOB21" s="282" t="s">
        <v>3816</v>
      </c>
      <c r="GOC21" s="282" t="s">
        <v>3816</v>
      </c>
      <c r="GOD21" s="282" t="s">
        <v>3816</v>
      </c>
      <c r="GOE21" s="282" t="s">
        <v>3816</v>
      </c>
      <c r="GOF21" s="282" t="s">
        <v>3816</v>
      </c>
      <c r="GOG21" s="282" t="s">
        <v>3816</v>
      </c>
      <c r="GOH21" s="282" t="s">
        <v>3816</v>
      </c>
      <c r="GOI21" s="282" t="s">
        <v>3816</v>
      </c>
      <c r="GOJ21" s="282" t="s">
        <v>3816</v>
      </c>
      <c r="GOK21" s="282" t="s">
        <v>3816</v>
      </c>
      <c r="GOL21" s="282" t="s">
        <v>3816</v>
      </c>
      <c r="GOM21" s="282" t="s">
        <v>3816</v>
      </c>
      <c r="GON21" s="282" t="s">
        <v>3816</v>
      </c>
      <c r="GOO21" s="282" t="s">
        <v>3816</v>
      </c>
      <c r="GOP21" s="282" t="s">
        <v>3816</v>
      </c>
      <c r="GOQ21" s="282" t="s">
        <v>3816</v>
      </c>
      <c r="GOR21" s="282" t="s">
        <v>3816</v>
      </c>
      <c r="GOS21" s="282" t="s">
        <v>3816</v>
      </c>
      <c r="GOT21" s="282" t="s">
        <v>3816</v>
      </c>
      <c r="GOU21" s="282" t="s">
        <v>3816</v>
      </c>
      <c r="GOV21" s="282" t="s">
        <v>3816</v>
      </c>
      <c r="GOW21" s="282" t="s">
        <v>3816</v>
      </c>
      <c r="GOX21" s="282" t="s">
        <v>3816</v>
      </c>
      <c r="GOY21" s="282" t="s">
        <v>3816</v>
      </c>
      <c r="GOZ21" s="282" t="s">
        <v>3816</v>
      </c>
      <c r="GPA21" s="282" t="s">
        <v>3816</v>
      </c>
      <c r="GPB21" s="282" t="s">
        <v>3816</v>
      </c>
      <c r="GPC21" s="282" t="s">
        <v>3816</v>
      </c>
      <c r="GPD21" s="282" t="s">
        <v>3816</v>
      </c>
      <c r="GPE21" s="282" t="s">
        <v>3816</v>
      </c>
      <c r="GPF21" s="282" t="s">
        <v>3816</v>
      </c>
      <c r="GPG21" s="282" t="s">
        <v>3816</v>
      </c>
      <c r="GPH21" s="282" t="s">
        <v>3816</v>
      </c>
      <c r="GPI21" s="282" t="s">
        <v>3816</v>
      </c>
      <c r="GPJ21" s="282" t="s">
        <v>3816</v>
      </c>
      <c r="GPK21" s="282" t="s">
        <v>3816</v>
      </c>
      <c r="GPL21" s="282" t="s">
        <v>3816</v>
      </c>
      <c r="GPM21" s="282" t="s">
        <v>3816</v>
      </c>
      <c r="GPN21" s="282" t="s">
        <v>3816</v>
      </c>
      <c r="GPO21" s="282" t="s">
        <v>3816</v>
      </c>
      <c r="GPP21" s="282" t="s">
        <v>3816</v>
      </c>
      <c r="GPQ21" s="282" t="s">
        <v>3816</v>
      </c>
      <c r="GPR21" s="282" t="s">
        <v>3816</v>
      </c>
      <c r="GPS21" s="282" t="s">
        <v>3816</v>
      </c>
      <c r="GPT21" s="282" t="s">
        <v>3816</v>
      </c>
      <c r="GPU21" s="282" t="s">
        <v>3816</v>
      </c>
      <c r="GPV21" s="282" t="s">
        <v>3816</v>
      </c>
      <c r="GPW21" s="282" t="s">
        <v>3816</v>
      </c>
      <c r="GPX21" s="282" t="s">
        <v>3816</v>
      </c>
      <c r="GPY21" s="282" t="s">
        <v>3816</v>
      </c>
      <c r="GPZ21" s="282" t="s">
        <v>3816</v>
      </c>
      <c r="GQA21" s="282" t="s">
        <v>3816</v>
      </c>
      <c r="GQB21" s="282" t="s">
        <v>3816</v>
      </c>
      <c r="GQC21" s="282" t="s">
        <v>3816</v>
      </c>
      <c r="GQD21" s="282" t="s">
        <v>3816</v>
      </c>
      <c r="GQE21" s="282" t="s">
        <v>3816</v>
      </c>
      <c r="GQF21" s="282" t="s">
        <v>3816</v>
      </c>
      <c r="GQG21" s="282" t="s">
        <v>3816</v>
      </c>
      <c r="GQH21" s="282" t="s">
        <v>3816</v>
      </c>
      <c r="GQI21" s="282" t="s">
        <v>3816</v>
      </c>
      <c r="GQJ21" s="282" t="s">
        <v>3816</v>
      </c>
      <c r="GQK21" s="282" t="s">
        <v>3816</v>
      </c>
      <c r="GQL21" s="282" t="s">
        <v>3816</v>
      </c>
      <c r="GQM21" s="282" t="s">
        <v>3816</v>
      </c>
      <c r="GQN21" s="282" t="s">
        <v>3816</v>
      </c>
      <c r="GQO21" s="282" t="s">
        <v>3816</v>
      </c>
      <c r="GQP21" s="282" t="s">
        <v>3816</v>
      </c>
      <c r="GQQ21" s="282" t="s">
        <v>3816</v>
      </c>
      <c r="GQR21" s="282" t="s">
        <v>3816</v>
      </c>
      <c r="GQS21" s="282" t="s">
        <v>3816</v>
      </c>
      <c r="GQT21" s="282" t="s">
        <v>3816</v>
      </c>
      <c r="GQU21" s="282" t="s">
        <v>3816</v>
      </c>
      <c r="GQV21" s="282" t="s">
        <v>3816</v>
      </c>
      <c r="GQW21" s="282" t="s">
        <v>3816</v>
      </c>
      <c r="GQX21" s="282" t="s">
        <v>3816</v>
      </c>
      <c r="GQY21" s="282" t="s">
        <v>3816</v>
      </c>
      <c r="GQZ21" s="282" t="s">
        <v>3816</v>
      </c>
      <c r="GRA21" s="282" t="s">
        <v>3816</v>
      </c>
      <c r="GRB21" s="282" t="s">
        <v>3816</v>
      </c>
      <c r="GRC21" s="282" t="s">
        <v>3816</v>
      </c>
      <c r="GRD21" s="282" t="s">
        <v>3816</v>
      </c>
      <c r="GRE21" s="282" t="s">
        <v>3816</v>
      </c>
      <c r="GRF21" s="282" t="s">
        <v>3816</v>
      </c>
      <c r="GRG21" s="282" t="s">
        <v>3816</v>
      </c>
      <c r="GRH21" s="282" t="s">
        <v>3816</v>
      </c>
      <c r="GRI21" s="282" t="s">
        <v>3816</v>
      </c>
      <c r="GRJ21" s="282" t="s">
        <v>3816</v>
      </c>
      <c r="GRK21" s="282" t="s">
        <v>3816</v>
      </c>
      <c r="GRL21" s="282" t="s">
        <v>3816</v>
      </c>
      <c r="GRM21" s="282" t="s">
        <v>3816</v>
      </c>
      <c r="GRN21" s="282" t="s">
        <v>3816</v>
      </c>
      <c r="GRO21" s="282" t="s">
        <v>3816</v>
      </c>
      <c r="GRP21" s="282" t="s">
        <v>3816</v>
      </c>
      <c r="GRQ21" s="282" t="s">
        <v>3816</v>
      </c>
      <c r="GRR21" s="282" t="s">
        <v>3816</v>
      </c>
      <c r="GRS21" s="282" t="s">
        <v>3816</v>
      </c>
      <c r="GRT21" s="282" t="s">
        <v>3816</v>
      </c>
      <c r="GRU21" s="282" t="s">
        <v>3816</v>
      </c>
      <c r="GRV21" s="282" t="s">
        <v>3816</v>
      </c>
      <c r="GRW21" s="282" t="s">
        <v>3816</v>
      </c>
      <c r="GRX21" s="282" t="s">
        <v>3816</v>
      </c>
      <c r="GRY21" s="282" t="s">
        <v>3816</v>
      </c>
      <c r="GRZ21" s="282" t="s">
        <v>3816</v>
      </c>
      <c r="GSA21" s="282" t="s">
        <v>3816</v>
      </c>
      <c r="GSB21" s="282" t="s">
        <v>3816</v>
      </c>
      <c r="GSC21" s="282" t="s">
        <v>3816</v>
      </c>
      <c r="GSD21" s="282" t="s">
        <v>3816</v>
      </c>
      <c r="GSE21" s="282" t="s">
        <v>3816</v>
      </c>
      <c r="GSF21" s="282" t="s">
        <v>3816</v>
      </c>
      <c r="GSG21" s="282" t="s">
        <v>3816</v>
      </c>
      <c r="GSH21" s="282" t="s">
        <v>3816</v>
      </c>
      <c r="GSI21" s="282" t="s">
        <v>3816</v>
      </c>
      <c r="GSJ21" s="282" t="s">
        <v>3816</v>
      </c>
      <c r="GSK21" s="282" t="s">
        <v>3816</v>
      </c>
      <c r="GSL21" s="282" t="s">
        <v>3816</v>
      </c>
      <c r="GSM21" s="282" t="s">
        <v>3816</v>
      </c>
      <c r="GSN21" s="282" t="s">
        <v>3816</v>
      </c>
      <c r="GSO21" s="282" t="s">
        <v>3816</v>
      </c>
      <c r="GSP21" s="282" t="s">
        <v>3816</v>
      </c>
      <c r="GSQ21" s="282" t="s">
        <v>3816</v>
      </c>
      <c r="GSR21" s="282" t="s">
        <v>3816</v>
      </c>
      <c r="GSS21" s="282" t="s">
        <v>3816</v>
      </c>
      <c r="GST21" s="282" t="s">
        <v>3816</v>
      </c>
      <c r="GSU21" s="282" t="s">
        <v>3816</v>
      </c>
      <c r="GSV21" s="282" t="s">
        <v>3816</v>
      </c>
      <c r="GSW21" s="282" t="s">
        <v>3816</v>
      </c>
      <c r="GSX21" s="282" t="s">
        <v>3816</v>
      </c>
      <c r="GSY21" s="282" t="s">
        <v>3816</v>
      </c>
      <c r="GSZ21" s="282" t="s">
        <v>3816</v>
      </c>
      <c r="GTA21" s="282" t="s">
        <v>3816</v>
      </c>
      <c r="GTB21" s="282" t="s">
        <v>3816</v>
      </c>
      <c r="GTC21" s="282" t="s">
        <v>3816</v>
      </c>
      <c r="GTD21" s="282" t="s">
        <v>3816</v>
      </c>
      <c r="GTE21" s="282" t="s">
        <v>3816</v>
      </c>
      <c r="GTF21" s="282" t="s">
        <v>3816</v>
      </c>
      <c r="GTG21" s="282" t="s">
        <v>3816</v>
      </c>
      <c r="GTH21" s="282" t="s">
        <v>3816</v>
      </c>
      <c r="GTI21" s="282" t="s">
        <v>3816</v>
      </c>
      <c r="GTJ21" s="282" t="s">
        <v>3816</v>
      </c>
      <c r="GTK21" s="282" t="s">
        <v>3816</v>
      </c>
      <c r="GTL21" s="282" t="s">
        <v>3816</v>
      </c>
      <c r="GTM21" s="282" t="s">
        <v>3816</v>
      </c>
      <c r="GTN21" s="282" t="s">
        <v>3816</v>
      </c>
      <c r="GTO21" s="282" t="s">
        <v>3816</v>
      </c>
      <c r="GTP21" s="282" t="s">
        <v>3816</v>
      </c>
      <c r="GTQ21" s="282" t="s">
        <v>3816</v>
      </c>
      <c r="GTR21" s="282" t="s">
        <v>3816</v>
      </c>
      <c r="GTS21" s="282" t="s">
        <v>3816</v>
      </c>
      <c r="GTT21" s="282" t="s">
        <v>3816</v>
      </c>
      <c r="GTU21" s="282" t="s">
        <v>3816</v>
      </c>
      <c r="GTV21" s="282" t="s">
        <v>3816</v>
      </c>
      <c r="GTW21" s="282" t="s">
        <v>3816</v>
      </c>
      <c r="GTX21" s="282" t="s">
        <v>3816</v>
      </c>
      <c r="GTY21" s="282" t="s">
        <v>3816</v>
      </c>
      <c r="GTZ21" s="282" t="s">
        <v>3816</v>
      </c>
      <c r="GUA21" s="282" t="s">
        <v>3816</v>
      </c>
      <c r="GUB21" s="282" t="s">
        <v>3816</v>
      </c>
      <c r="GUC21" s="282" t="s">
        <v>3816</v>
      </c>
      <c r="GUD21" s="282" t="s">
        <v>3816</v>
      </c>
      <c r="GUE21" s="282" t="s">
        <v>3816</v>
      </c>
      <c r="GUF21" s="282" t="s">
        <v>3816</v>
      </c>
      <c r="GUG21" s="282" t="s">
        <v>3816</v>
      </c>
      <c r="GUH21" s="282" t="s">
        <v>3816</v>
      </c>
      <c r="GUI21" s="282" t="s">
        <v>3816</v>
      </c>
      <c r="GUJ21" s="282" t="s">
        <v>3816</v>
      </c>
      <c r="GUK21" s="282" t="s">
        <v>3816</v>
      </c>
      <c r="GUL21" s="282" t="s">
        <v>3816</v>
      </c>
      <c r="GUM21" s="282" t="s">
        <v>3816</v>
      </c>
      <c r="GUN21" s="282" t="s">
        <v>3816</v>
      </c>
      <c r="GUO21" s="282" t="s">
        <v>3816</v>
      </c>
      <c r="GUP21" s="282" t="s">
        <v>3816</v>
      </c>
      <c r="GUQ21" s="282" t="s">
        <v>3816</v>
      </c>
      <c r="GUR21" s="282" t="s">
        <v>3816</v>
      </c>
      <c r="GUS21" s="282" t="s">
        <v>3816</v>
      </c>
      <c r="GUT21" s="282" t="s">
        <v>3816</v>
      </c>
      <c r="GUU21" s="282" t="s">
        <v>3816</v>
      </c>
      <c r="GUV21" s="282" t="s">
        <v>3816</v>
      </c>
      <c r="GUW21" s="282" t="s">
        <v>3816</v>
      </c>
      <c r="GUX21" s="282" t="s">
        <v>3816</v>
      </c>
      <c r="GUY21" s="282" t="s">
        <v>3816</v>
      </c>
      <c r="GUZ21" s="282" t="s">
        <v>3816</v>
      </c>
      <c r="GVA21" s="282" t="s">
        <v>3816</v>
      </c>
      <c r="GVB21" s="282" t="s">
        <v>3816</v>
      </c>
      <c r="GVC21" s="282" t="s">
        <v>3816</v>
      </c>
      <c r="GVD21" s="282" t="s">
        <v>3816</v>
      </c>
      <c r="GVE21" s="282" t="s">
        <v>3816</v>
      </c>
      <c r="GVF21" s="282" t="s">
        <v>3816</v>
      </c>
      <c r="GVG21" s="282" t="s">
        <v>3816</v>
      </c>
      <c r="GVH21" s="282" t="s">
        <v>3816</v>
      </c>
      <c r="GVI21" s="282" t="s">
        <v>3816</v>
      </c>
      <c r="GVJ21" s="282" t="s">
        <v>3816</v>
      </c>
      <c r="GVK21" s="282" t="s">
        <v>3816</v>
      </c>
      <c r="GVL21" s="282" t="s">
        <v>3816</v>
      </c>
      <c r="GVM21" s="282" t="s">
        <v>3816</v>
      </c>
      <c r="GVN21" s="282" t="s">
        <v>3816</v>
      </c>
      <c r="GVO21" s="282" t="s">
        <v>3816</v>
      </c>
      <c r="GVP21" s="282" t="s">
        <v>3816</v>
      </c>
      <c r="GVQ21" s="282" t="s">
        <v>3816</v>
      </c>
      <c r="GVR21" s="282" t="s">
        <v>3816</v>
      </c>
      <c r="GVS21" s="282" t="s">
        <v>3816</v>
      </c>
      <c r="GVT21" s="282" t="s">
        <v>3816</v>
      </c>
      <c r="GVU21" s="282" t="s">
        <v>3816</v>
      </c>
      <c r="GVV21" s="282" t="s">
        <v>3816</v>
      </c>
      <c r="GVW21" s="282" t="s">
        <v>3816</v>
      </c>
      <c r="GVX21" s="282" t="s">
        <v>3816</v>
      </c>
      <c r="GVY21" s="282" t="s">
        <v>3816</v>
      </c>
      <c r="GVZ21" s="282" t="s">
        <v>3816</v>
      </c>
      <c r="GWA21" s="282" t="s">
        <v>3816</v>
      </c>
      <c r="GWB21" s="282" t="s">
        <v>3816</v>
      </c>
      <c r="GWC21" s="282" t="s">
        <v>3816</v>
      </c>
      <c r="GWD21" s="282" t="s">
        <v>3816</v>
      </c>
      <c r="GWE21" s="282" t="s">
        <v>3816</v>
      </c>
      <c r="GWF21" s="282" t="s">
        <v>3816</v>
      </c>
      <c r="GWG21" s="282" t="s">
        <v>3816</v>
      </c>
      <c r="GWH21" s="282" t="s">
        <v>3816</v>
      </c>
      <c r="GWI21" s="282" t="s">
        <v>3816</v>
      </c>
      <c r="GWJ21" s="282" t="s">
        <v>3816</v>
      </c>
      <c r="GWK21" s="282" t="s">
        <v>3816</v>
      </c>
      <c r="GWL21" s="282" t="s">
        <v>3816</v>
      </c>
      <c r="GWM21" s="282" t="s">
        <v>3816</v>
      </c>
      <c r="GWN21" s="282" t="s">
        <v>3816</v>
      </c>
      <c r="GWO21" s="282" t="s">
        <v>3816</v>
      </c>
      <c r="GWP21" s="282" t="s">
        <v>3816</v>
      </c>
      <c r="GWQ21" s="282" t="s">
        <v>3816</v>
      </c>
      <c r="GWR21" s="282" t="s">
        <v>3816</v>
      </c>
      <c r="GWS21" s="282" t="s">
        <v>3816</v>
      </c>
      <c r="GWT21" s="282" t="s">
        <v>3816</v>
      </c>
      <c r="GWU21" s="282" t="s">
        <v>3816</v>
      </c>
      <c r="GWV21" s="282" t="s">
        <v>3816</v>
      </c>
      <c r="GWW21" s="282" t="s">
        <v>3816</v>
      </c>
      <c r="GWX21" s="282" t="s">
        <v>3816</v>
      </c>
      <c r="GWY21" s="282" t="s">
        <v>3816</v>
      </c>
      <c r="GWZ21" s="282" t="s">
        <v>3816</v>
      </c>
      <c r="GXA21" s="282" t="s">
        <v>3816</v>
      </c>
      <c r="GXB21" s="282" t="s">
        <v>3816</v>
      </c>
      <c r="GXC21" s="282" t="s">
        <v>3816</v>
      </c>
      <c r="GXD21" s="282" t="s">
        <v>3816</v>
      </c>
      <c r="GXE21" s="282" t="s">
        <v>3816</v>
      </c>
      <c r="GXF21" s="282" t="s">
        <v>3816</v>
      </c>
      <c r="GXG21" s="282" t="s">
        <v>3816</v>
      </c>
      <c r="GXH21" s="282" t="s">
        <v>3816</v>
      </c>
      <c r="GXI21" s="282" t="s">
        <v>3816</v>
      </c>
      <c r="GXJ21" s="282" t="s">
        <v>3816</v>
      </c>
      <c r="GXK21" s="282" t="s">
        <v>3816</v>
      </c>
      <c r="GXL21" s="282" t="s">
        <v>3816</v>
      </c>
      <c r="GXM21" s="282" t="s">
        <v>3816</v>
      </c>
      <c r="GXN21" s="282" t="s">
        <v>3816</v>
      </c>
      <c r="GXO21" s="282" t="s">
        <v>3816</v>
      </c>
      <c r="GXP21" s="282" t="s">
        <v>3816</v>
      </c>
      <c r="GXQ21" s="282" t="s">
        <v>3816</v>
      </c>
      <c r="GXR21" s="282" t="s">
        <v>3816</v>
      </c>
      <c r="GXS21" s="282" t="s">
        <v>3816</v>
      </c>
      <c r="GXT21" s="282" t="s">
        <v>3816</v>
      </c>
      <c r="GXU21" s="282" t="s">
        <v>3816</v>
      </c>
      <c r="GXV21" s="282" t="s">
        <v>3816</v>
      </c>
      <c r="GXW21" s="282" t="s">
        <v>3816</v>
      </c>
      <c r="GXX21" s="282" t="s">
        <v>3816</v>
      </c>
      <c r="GXY21" s="282" t="s">
        <v>3816</v>
      </c>
      <c r="GXZ21" s="282" t="s">
        <v>3816</v>
      </c>
      <c r="GYA21" s="282" t="s">
        <v>3816</v>
      </c>
      <c r="GYB21" s="282" t="s">
        <v>3816</v>
      </c>
      <c r="GYC21" s="282" t="s">
        <v>3816</v>
      </c>
      <c r="GYD21" s="282" t="s">
        <v>3816</v>
      </c>
      <c r="GYE21" s="282" t="s">
        <v>3816</v>
      </c>
      <c r="GYF21" s="282" t="s">
        <v>3816</v>
      </c>
      <c r="GYG21" s="282" t="s">
        <v>3816</v>
      </c>
      <c r="GYH21" s="282" t="s">
        <v>3816</v>
      </c>
      <c r="GYI21" s="282" t="s">
        <v>3816</v>
      </c>
      <c r="GYJ21" s="282" t="s">
        <v>3816</v>
      </c>
      <c r="GYK21" s="282" t="s">
        <v>3816</v>
      </c>
      <c r="GYL21" s="282" t="s">
        <v>3816</v>
      </c>
      <c r="GYM21" s="282" t="s">
        <v>3816</v>
      </c>
      <c r="GYN21" s="282" t="s">
        <v>3816</v>
      </c>
      <c r="GYO21" s="282" t="s">
        <v>3816</v>
      </c>
      <c r="GYP21" s="282" t="s">
        <v>3816</v>
      </c>
      <c r="GYQ21" s="282" t="s">
        <v>3816</v>
      </c>
      <c r="GYR21" s="282" t="s">
        <v>3816</v>
      </c>
      <c r="GYS21" s="282" t="s">
        <v>3816</v>
      </c>
      <c r="GYT21" s="282" t="s">
        <v>3816</v>
      </c>
      <c r="GYU21" s="282" t="s">
        <v>3816</v>
      </c>
      <c r="GYV21" s="282" t="s">
        <v>3816</v>
      </c>
      <c r="GYW21" s="282" t="s">
        <v>3816</v>
      </c>
      <c r="GYX21" s="282" t="s">
        <v>3816</v>
      </c>
      <c r="GYY21" s="282" t="s">
        <v>3816</v>
      </c>
      <c r="GYZ21" s="282" t="s">
        <v>3816</v>
      </c>
      <c r="GZA21" s="282" t="s">
        <v>3816</v>
      </c>
      <c r="GZB21" s="282" t="s">
        <v>3816</v>
      </c>
      <c r="GZC21" s="282" t="s">
        <v>3816</v>
      </c>
      <c r="GZD21" s="282" t="s">
        <v>3816</v>
      </c>
      <c r="GZE21" s="282" t="s">
        <v>3816</v>
      </c>
      <c r="GZF21" s="282" t="s">
        <v>3816</v>
      </c>
      <c r="GZG21" s="282" t="s">
        <v>3816</v>
      </c>
      <c r="GZH21" s="282" t="s">
        <v>3816</v>
      </c>
      <c r="GZI21" s="282" t="s">
        <v>3816</v>
      </c>
      <c r="GZJ21" s="282" t="s">
        <v>3816</v>
      </c>
      <c r="GZK21" s="282" t="s">
        <v>3816</v>
      </c>
      <c r="GZL21" s="282" t="s">
        <v>3816</v>
      </c>
      <c r="GZM21" s="282" t="s">
        <v>3816</v>
      </c>
      <c r="GZN21" s="282" t="s">
        <v>3816</v>
      </c>
      <c r="GZO21" s="282" t="s">
        <v>3816</v>
      </c>
      <c r="GZP21" s="282" t="s">
        <v>3816</v>
      </c>
      <c r="GZQ21" s="282" t="s">
        <v>3816</v>
      </c>
      <c r="GZR21" s="282" t="s">
        <v>3816</v>
      </c>
      <c r="GZS21" s="282" t="s">
        <v>3816</v>
      </c>
      <c r="GZT21" s="282" t="s">
        <v>3816</v>
      </c>
      <c r="GZU21" s="282" t="s">
        <v>3816</v>
      </c>
      <c r="GZV21" s="282" t="s">
        <v>3816</v>
      </c>
      <c r="GZW21" s="282" t="s">
        <v>3816</v>
      </c>
      <c r="GZX21" s="282" t="s">
        <v>3816</v>
      </c>
      <c r="GZY21" s="282" t="s">
        <v>3816</v>
      </c>
      <c r="GZZ21" s="282" t="s">
        <v>3816</v>
      </c>
      <c r="HAA21" s="282" t="s">
        <v>3816</v>
      </c>
      <c r="HAB21" s="282" t="s">
        <v>3816</v>
      </c>
      <c r="HAC21" s="282" t="s">
        <v>3816</v>
      </c>
      <c r="HAD21" s="282" t="s">
        <v>3816</v>
      </c>
      <c r="HAE21" s="282" t="s">
        <v>3816</v>
      </c>
      <c r="HAF21" s="282" t="s">
        <v>3816</v>
      </c>
      <c r="HAG21" s="282" t="s">
        <v>3816</v>
      </c>
      <c r="HAH21" s="282" t="s">
        <v>3816</v>
      </c>
      <c r="HAI21" s="282" t="s">
        <v>3816</v>
      </c>
      <c r="HAJ21" s="282" t="s">
        <v>3816</v>
      </c>
      <c r="HAK21" s="282" t="s">
        <v>3816</v>
      </c>
      <c r="HAL21" s="282" t="s">
        <v>3816</v>
      </c>
      <c r="HAM21" s="282" t="s">
        <v>3816</v>
      </c>
      <c r="HAN21" s="282" t="s">
        <v>3816</v>
      </c>
      <c r="HAO21" s="282" t="s">
        <v>3816</v>
      </c>
      <c r="HAP21" s="282" t="s">
        <v>3816</v>
      </c>
      <c r="HAQ21" s="282" t="s">
        <v>3816</v>
      </c>
      <c r="HAR21" s="282" t="s">
        <v>3816</v>
      </c>
      <c r="HAS21" s="282" t="s">
        <v>3816</v>
      </c>
      <c r="HAT21" s="282" t="s">
        <v>3816</v>
      </c>
      <c r="HAU21" s="282" t="s">
        <v>3816</v>
      </c>
      <c r="HAV21" s="282" t="s">
        <v>3816</v>
      </c>
      <c r="HAW21" s="282" t="s">
        <v>3816</v>
      </c>
      <c r="HAX21" s="282" t="s">
        <v>3816</v>
      </c>
      <c r="HAY21" s="282" t="s">
        <v>3816</v>
      </c>
      <c r="HAZ21" s="282" t="s">
        <v>3816</v>
      </c>
      <c r="HBA21" s="282" t="s">
        <v>3816</v>
      </c>
      <c r="HBB21" s="282" t="s">
        <v>3816</v>
      </c>
      <c r="HBC21" s="282" t="s">
        <v>3816</v>
      </c>
      <c r="HBD21" s="282" t="s">
        <v>3816</v>
      </c>
      <c r="HBE21" s="282" t="s">
        <v>3816</v>
      </c>
      <c r="HBF21" s="282" t="s">
        <v>3816</v>
      </c>
      <c r="HBG21" s="282" t="s">
        <v>3816</v>
      </c>
      <c r="HBH21" s="282" t="s">
        <v>3816</v>
      </c>
      <c r="HBI21" s="282" t="s">
        <v>3816</v>
      </c>
      <c r="HBJ21" s="282" t="s">
        <v>3816</v>
      </c>
      <c r="HBK21" s="282" t="s">
        <v>3816</v>
      </c>
      <c r="HBL21" s="282" t="s">
        <v>3816</v>
      </c>
      <c r="HBM21" s="282" t="s">
        <v>3816</v>
      </c>
      <c r="HBN21" s="282" t="s">
        <v>3816</v>
      </c>
      <c r="HBO21" s="282" t="s">
        <v>3816</v>
      </c>
      <c r="HBP21" s="282" t="s">
        <v>3816</v>
      </c>
      <c r="HBQ21" s="282" t="s">
        <v>3816</v>
      </c>
      <c r="HBR21" s="282" t="s">
        <v>3816</v>
      </c>
      <c r="HBS21" s="282" t="s">
        <v>3816</v>
      </c>
      <c r="HBT21" s="282" t="s">
        <v>3816</v>
      </c>
      <c r="HBU21" s="282" t="s">
        <v>3816</v>
      </c>
      <c r="HBV21" s="282" t="s">
        <v>3816</v>
      </c>
      <c r="HBW21" s="282" t="s">
        <v>3816</v>
      </c>
      <c r="HBX21" s="282" t="s">
        <v>3816</v>
      </c>
      <c r="HBY21" s="282" t="s">
        <v>3816</v>
      </c>
      <c r="HBZ21" s="282" t="s">
        <v>3816</v>
      </c>
      <c r="HCA21" s="282" t="s">
        <v>3816</v>
      </c>
      <c r="HCB21" s="282" t="s">
        <v>3816</v>
      </c>
      <c r="HCC21" s="282" t="s">
        <v>3816</v>
      </c>
      <c r="HCD21" s="282" t="s">
        <v>3816</v>
      </c>
      <c r="HCE21" s="282" t="s">
        <v>3816</v>
      </c>
      <c r="HCF21" s="282" t="s">
        <v>3816</v>
      </c>
      <c r="HCG21" s="282" t="s">
        <v>3816</v>
      </c>
      <c r="HCH21" s="282" t="s">
        <v>3816</v>
      </c>
      <c r="HCI21" s="282" t="s">
        <v>3816</v>
      </c>
      <c r="HCJ21" s="282" t="s">
        <v>3816</v>
      </c>
      <c r="HCK21" s="282" t="s">
        <v>3816</v>
      </c>
      <c r="HCL21" s="282" t="s">
        <v>3816</v>
      </c>
      <c r="HCM21" s="282" t="s">
        <v>3816</v>
      </c>
      <c r="HCN21" s="282" t="s">
        <v>3816</v>
      </c>
      <c r="HCO21" s="282" t="s">
        <v>3816</v>
      </c>
      <c r="HCP21" s="282" t="s">
        <v>3816</v>
      </c>
      <c r="HCQ21" s="282" t="s">
        <v>3816</v>
      </c>
      <c r="HCR21" s="282" t="s">
        <v>3816</v>
      </c>
      <c r="HCS21" s="282" t="s">
        <v>3816</v>
      </c>
      <c r="HCT21" s="282" t="s">
        <v>3816</v>
      </c>
      <c r="HCU21" s="282" t="s">
        <v>3816</v>
      </c>
      <c r="HCV21" s="282" t="s">
        <v>3816</v>
      </c>
      <c r="HCW21" s="282" t="s">
        <v>3816</v>
      </c>
      <c r="HCX21" s="282" t="s">
        <v>3816</v>
      </c>
      <c r="HCY21" s="282" t="s">
        <v>3816</v>
      </c>
      <c r="HCZ21" s="282" t="s">
        <v>3816</v>
      </c>
      <c r="HDA21" s="282" t="s">
        <v>3816</v>
      </c>
      <c r="HDB21" s="282" t="s">
        <v>3816</v>
      </c>
      <c r="HDC21" s="282" t="s">
        <v>3816</v>
      </c>
      <c r="HDD21" s="282" t="s">
        <v>3816</v>
      </c>
      <c r="HDE21" s="282" t="s">
        <v>3816</v>
      </c>
      <c r="HDF21" s="282" t="s">
        <v>3816</v>
      </c>
      <c r="HDG21" s="282" t="s">
        <v>3816</v>
      </c>
      <c r="HDH21" s="282" t="s">
        <v>3816</v>
      </c>
      <c r="HDI21" s="282" t="s">
        <v>3816</v>
      </c>
      <c r="HDJ21" s="282" t="s">
        <v>3816</v>
      </c>
      <c r="HDK21" s="282" t="s">
        <v>3816</v>
      </c>
      <c r="HDL21" s="282" t="s">
        <v>3816</v>
      </c>
      <c r="HDM21" s="282" t="s">
        <v>3816</v>
      </c>
      <c r="HDN21" s="282" t="s">
        <v>3816</v>
      </c>
      <c r="HDO21" s="282" t="s">
        <v>3816</v>
      </c>
      <c r="HDP21" s="282" t="s">
        <v>3816</v>
      </c>
      <c r="HDQ21" s="282" t="s">
        <v>3816</v>
      </c>
      <c r="HDR21" s="282" t="s">
        <v>3816</v>
      </c>
      <c r="HDS21" s="282" t="s">
        <v>3816</v>
      </c>
      <c r="HDT21" s="282" t="s">
        <v>3816</v>
      </c>
      <c r="HDU21" s="282" t="s">
        <v>3816</v>
      </c>
      <c r="HDV21" s="282" t="s">
        <v>3816</v>
      </c>
      <c r="HDW21" s="282" t="s">
        <v>3816</v>
      </c>
      <c r="HDX21" s="282" t="s">
        <v>3816</v>
      </c>
      <c r="HDY21" s="282" t="s">
        <v>3816</v>
      </c>
      <c r="HDZ21" s="282" t="s">
        <v>3816</v>
      </c>
      <c r="HEA21" s="282" t="s">
        <v>3816</v>
      </c>
      <c r="HEB21" s="282" t="s">
        <v>3816</v>
      </c>
      <c r="HEC21" s="282" t="s">
        <v>3816</v>
      </c>
      <c r="HED21" s="282" t="s">
        <v>3816</v>
      </c>
      <c r="HEE21" s="282" t="s">
        <v>3816</v>
      </c>
      <c r="HEF21" s="282" t="s">
        <v>3816</v>
      </c>
      <c r="HEG21" s="282" t="s">
        <v>3816</v>
      </c>
      <c r="HEH21" s="282" t="s">
        <v>3816</v>
      </c>
      <c r="HEI21" s="282" t="s">
        <v>3816</v>
      </c>
      <c r="HEJ21" s="282" t="s">
        <v>3816</v>
      </c>
      <c r="HEK21" s="282" t="s">
        <v>3816</v>
      </c>
      <c r="HEL21" s="282" t="s">
        <v>3816</v>
      </c>
      <c r="HEM21" s="282" t="s">
        <v>3816</v>
      </c>
      <c r="HEN21" s="282" t="s">
        <v>3816</v>
      </c>
      <c r="HEO21" s="282" t="s">
        <v>3816</v>
      </c>
      <c r="HEP21" s="282" t="s">
        <v>3816</v>
      </c>
      <c r="HEQ21" s="282" t="s">
        <v>3816</v>
      </c>
      <c r="HER21" s="282" t="s">
        <v>3816</v>
      </c>
      <c r="HES21" s="282" t="s">
        <v>3816</v>
      </c>
      <c r="HET21" s="282" t="s">
        <v>3816</v>
      </c>
      <c r="HEU21" s="282" t="s">
        <v>3816</v>
      </c>
      <c r="HEV21" s="282" t="s">
        <v>3816</v>
      </c>
      <c r="HEW21" s="282" t="s">
        <v>3816</v>
      </c>
      <c r="HEX21" s="282" t="s">
        <v>3816</v>
      </c>
      <c r="HEY21" s="282" t="s">
        <v>3816</v>
      </c>
      <c r="HEZ21" s="282" t="s">
        <v>3816</v>
      </c>
      <c r="HFA21" s="282" t="s">
        <v>3816</v>
      </c>
      <c r="HFB21" s="282" t="s">
        <v>3816</v>
      </c>
      <c r="HFC21" s="282" t="s">
        <v>3816</v>
      </c>
      <c r="HFD21" s="282" t="s">
        <v>3816</v>
      </c>
      <c r="HFE21" s="282" t="s">
        <v>3816</v>
      </c>
      <c r="HFF21" s="282" t="s">
        <v>3816</v>
      </c>
      <c r="HFG21" s="282" t="s">
        <v>3816</v>
      </c>
      <c r="HFH21" s="282" t="s">
        <v>3816</v>
      </c>
      <c r="HFI21" s="282" t="s">
        <v>3816</v>
      </c>
      <c r="HFJ21" s="282" t="s">
        <v>3816</v>
      </c>
      <c r="HFK21" s="282" t="s">
        <v>3816</v>
      </c>
      <c r="HFL21" s="282" t="s">
        <v>3816</v>
      </c>
      <c r="HFM21" s="282" t="s">
        <v>3816</v>
      </c>
      <c r="HFN21" s="282" t="s">
        <v>3816</v>
      </c>
      <c r="HFO21" s="282" t="s">
        <v>3816</v>
      </c>
      <c r="HFP21" s="282" t="s">
        <v>3816</v>
      </c>
      <c r="HFQ21" s="282" t="s">
        <v>3816</v>
      </c>
      <c r="HFR21" s="282" t="s">
        <v>3816</v>
      </c>
      <c r="HFS21" s="282" t="s">
        <v>3816</v>
      </c>
      <c r="HFT21" s="282" t="s">
        <v>3816</v>
      </c>
      <c r="HFU21" s="282" t="s">
        <v>3816</v>
      </c>
      <c r="HFV21" s="282" t="s">
        <v>3816</v>
      </c>
      <c r="HFW21" s="282" t="s">
        <v>3816</v>
      </c>
      <c r="HFX21" s="282" t="s">
        <v>3816</v>
      </c>
      <c r="HFY21" s="282" t="s">
        <v>3816</v>
      </c>
      <c r="HFZ21" s="282" t="s">
        <v>3816</v>
      </c>
      <c r="HGA21" s="282" t="s">
        <v>3816</v>
      </c>
      <c r="HGB21" s="282" t="s">
        <v>3816</v>
      </c>
      <c r="HGC21" s="282" t="s">
        <v>3816</v>
      </c>
      <c r="HGD21" s="282" t="s">
        <v>3816</v>
      </c>
      <c r="HGE21" s="282" t="s">
        <v>3816</v>
      </c>
      <c r="HGF21" s="282" t="s">
        <v>3816</v>
      </c>
      <c r="HGG21" s="282" t="s">
        <v>3816</v>
      </c>
      <c r="HGH21" s="282" t="s">
        <v>3816</v>
      </c>
      <c r="HGI21" s="282" t="s">
        <v>3816</v>
      </c>
      <c r="HGJ21" s="282" t="s">
        <v>3816</v>
      </c>
      <c r="HGK21" s="282" t="s">
        <v>3816</v>
      </c>
      <c r="HGL21" s="282" t="s">
        <v>3816</v>
      </c>
      <c r="HGM21" s="282" t="s">
        <v>3816</v>
      </c>
      <c r="HGN21" s="282" t="s">
        <v>3816</v>
      </c>
      <c r="HGO21" s="282" t="s">
        <v>3816</v>
      </c>
      <c r="HGP21" s="282" t="s">
        <v>3816</v>
      </c>
      <c r="HGQ21" s="282" t="s">
        <v>3816</v>
      </c>
      <c r="HGR21" s="282" t="s">
        <v>3816</v>
      </c>
      <c r="HGS21" s="282" t="s">
        <v>3816</v>
      </c>
      <c r="HGT21" s="282" t="s">
        <v>3816</v>
      </c>
      <c r="HGU21" s="282" t="s">
        <v>3816</v>
      </c>
      <c r="HGV21" s="282" t="s">
        <v>3816</v>
      </c>
      <c r="HGW21" s="282" t="s">
        <v>3816</v>
      </c>
      <c r="HGX21" s="282" t="s">
        <v>3816</v>
      </c>
      <c r="HGY21" s="282" t="s">
        <v>3816</v>
      </c>
      <c r="HGZ21" s="282" t="s">
        <v>3816</v>
      </c>
      <c r="HHA21" s="282" t="s">
        <v>3816</v>
      </c>
      <c r="HHB21" s="282" t="s">
        <v>3816</v>
      </c>
      <c r="HHC21" s="282" t="s">
        <v>3816</v>
      </c>
      <c r="HHD21" s="282" t="s">
        <v>3816</v>
      </c>
      <c r="HHE21" s="282" t="s">
        <v>3816</v>
      </c>
      <c r="HHF21" s="282" t="s">
        <v>3816</v>
      </c>
      <c r="HHG21" s="282" t="s">
        <v>3816</v>
      </c>
      <c r="HHH21" s="282" t="s">
        <v>3816</v>
      </c>
      <c r="HHI21" s="282" t="s">
        <v>3816</v>
      </c>
      <c r="HHJ21" s="282" t="s">
        <v>3816</v>
      </c>
      <c r="HHK21" s="282" t="s">
        <v>3816</v>
      </c>
      <c r="HHL21" s="282" t="s">
        <v>3816</v>
      </c>
      <c r="HHM21" s="282" t="s">
        <v>3816</v>
      </c>
      <c r="HHN21" s="282" t="s">
        <v>3816</v>
      </c>
      <c r="HHO21" s="282" t="s">
        <v>3816</v>
      </c>
      <c r="HHP21" s="282" t="s">
        <v>3816</v>
      </c>
      <c r="HHQ21" s="282" t="s">
        <v>3816</v>
      </c>
      <c r="HHR21" s="282" t="s">
        <v>3816</v>
      </c>
      <c r="HHS21" s="282" t="s">
        <v>3816</v>
      </c>
      <c r="HHT21" s="282" t="s">
        <v>3816</v>
      </c>
      <c r="HHU21" s="282" t="s">
        <v>3816</v>
      </c>
      <c r="HHV21" s="282" t="s">
        <v>3816</v>
      </c>
      <c r="HHW21" s="282" t="s">
        <v>3816</v>
      </c>
      <c r="HHX21" s="282" t="s">
        <v>3816</v>
      </c>
      <c r="HHY21" s="282" t="s">
        <v>3816</v>
      </c>
      <c r="HHZ21" s="282" t="s">
        <v>3816</v>
      </c>
      <c r="HIA21" s="282" t="s">
        <v>3816</v>
      </c>
      <c r="HIB21" s="282" t="s">
        <v>3816</v>
      </c>
      <c r="HIC21" s="282" t="s">
        <v>3816</v>
      </c>
      <c r="HID21" s="282" t="s">
        <v>3816</v>
      </c>
      <c r="HIE21" s="282" t="s">
        <v>3816</v>
      </c>
      <c r="HIF21" s="282" t="s">
        <v>3816</v>
      </c>
      <c r="HIG21" s="282" t="s">
        <v>3816</v>
      </c>
      <c r="HIH21" s="282" t="s">
        <v>3816</v>
      </c>
      <c r="HII21" s="282" t="s">
        <v>3816</v>
      </c>
      <c r="HIJ21" s="282" t="s">
        <v>3816</v>
      </c>
      <c r="HIK21" s="282" t="s">
        <v>3816</v>
      </c>
      <c r="HIL21" s="282" t="s">
        <v>3816</v>
      </c>
      <c r="HIM21" s="282" t="s">
        <v>3816</v>
      </c>
      <c r="HIN21" s="282" t="s">
        <v>3816</v>
      </c>
      <c r="HIO21" s="282" t="s">
        <v>3816</v>
      </c>
      <c r="HIP21" s="282" t="s">
        <v>3816</v>
      </c>
      <c r="HIQ21" s="282" t="s">
        <v>3816</v>
      </c>
      <c r="HIR21" s="282" t="s">
        <v>3816</v>
      </c>
      <c r="HIS21" s="282" t="s">
        <v>3816</v>
      </c>
      <c r="HIT21" s="282" t="s">
        <v>3816</v>
      </c>
      <c r="HIU21" s="282" t="s">
        <v>3816</v>
      </c>
      <c r="HIV21" s="282" t="s">
        <v>3816</v>
      </c>
      <c r="HIW21" s="282" t="s">
        <v>3816</v>
      </c>
      <c r="HIX21" s="282" t="s">
        <v>3816</v>
      </c>
      <c r="HIY21" s="282" t="s">
        <v>3816</v>
      </c>
      <c r="HIZ21" s="282" t="s">
        <v>3816</v>
      </c>
      <c r="HJA21" s="282" t="s">
        <v>3816</v>
      </c>
      <c r="HJB21" s="282" t="s">
        <v>3816</v>
      </c>
      <c r="HJC21" s="282" t="s">
        <v>3816</v>
      </c>
      <c r="HJD21" s="282" t="s">
        <v>3816</v>
      </c>
      <c r="HJE21" s="282" t="s">
        <v>3816</v>
      </c>
      <c r="HJF21" s="282" t="s">
        <v>3816</v>
      </c>
      <c r="HJG21" s="282" t="s">
        <v>3816</v>
      </c>
      <c r="HJH21" s="282" t="s">
        <v>3816</v>
      </c>
      <c r="HJI21" s="282" t="s">
        <v>3816</v>
      </c>
      <c r="HJJ21" s="282" t="s">
        <v>3816</v>
      </c>
      <c r="HJK21" s="282" t="s">
        <v>3816</v>
      </c>
      <c r="HJL21" s="282" t="s">
        <v>3816</v>
      </c>
      <c r="HJM21" s="282" t="s">
        <v>3816</v>
      </c>
      <c r="HJN21" s="282" t="s">
        <v>3816</v>
      </c>
      <c r="HJO21" s="282" t="s">
        <v>3816</v>
      </c>
      <c r="HJP21" s="282" t="s">
        <v>3816</v>
      </c>
      <c r="HJQ21" s="282" t="s">
        <v>3816</v>
      </c>
      <c r="HJR21" s="282" t="s">
        <v>3816</v>
      </c>
      <c r="HJS21" s="282" t="s">
        <v>3816</v>
      </c>
      <c r="HJT21" s="282" t="s">
        <v>3816</v>
      </c>
      <c r="HJU21" s="282" t="s">
        <v>3816</v>
      </c>
      <c r="HJV21" s="282" t="s">
        <v>3816</v>
      </c>
      <c r="HJW21" s="282" t="s">
        <v>3816</v>
      </c>
      <c r="HJX21" s="282" t="s">
        <v>3816</v>
      </c>
      <c r="HJY21" s="282" t="s">
        <v>3816</v>
      </c>
      <c r="HJZ21" s="282" t="s">
        <v>3816</v>
      </c>
      <c r="HKA21" s="282" t="s">
        <v>3816</v>
      </c>
      <c r="HKB21" s="282" t="s">
        <v>3816</v>
      </c>
      <c r="HKC21" s="282" t="s">
        <v>3816</v>
      </c>
      <c r="HKD21" s="282" t="s">
        <v>3816</v>
      </c>
      <c r="HKE21" s="282" t="s">
        <v>3816</v>
      </c>
      <c r="HKF21" s="282" t="s">
        <v>3816</v>
      </c>
      <c r="HKG21" s="282" t="s">
        <v>3816</v>
      </c>
      <c r="HKH21" s="282" t="s">
        <v>3816</v>
      </c>
      <c r="HKI21" s="282" t="s">
        <v>3816</v>
      </c>
      <c r="HKJ21" s="282" t="s">
        <v>3816</v>
      </c>
      <c r="HKK21" s="282" t="s">
        <v>3816</v>
      </c>
      <c r="HKL21" s="282" t="s">
        <v>3816</v>
      </c>
      <c r="HKM21" s="282" t="s">
        <v>3816</v>
      </c>
      <c r="HKN21" s="282" t="s">
        <v>3816</v>
      </c>
      <c r="HKO21" s="282" t="s">
        <v>3816</v>
      </c>
      <c r="HKP21" s="282" t="s">
        <v>3816</v>
      </c>
      <c r="HKQ21" s="282" t="s">
        <v>3816</v>
      </c>
      <c r="HKR21" s="282" t="s">
        <v>3816</v>
      </c>
      <c r="HKS21" s="282" t="s">
        <v>3816</v>
      </c>
      <c r="HKT21" s="282" t="s">
        <v>3816</v>
      </c>
      <c r="HKU21" s="282" t="s">
        <v>3816</v>
      </c>
      <c r="HKV21" s="282" t="s">
        <v>3816</v>
      </c>
      <c r="HKW21" s="282" t="s">
        <v>3816</v>
      </c>
      <c r="HKX21" s="282" t="s">
        <v>3816</v>
      </c>
      <c r="HKY21" s="282" t="s">
        <v>3816</v>
      </c>
      <c r="HKZ21" s="282" t="s">
        <v>3816</v>
      </c>
      <c r="HLA21" s="282" t="s">
        <v>3816</v>
      </c>
      <c r="HLB21" s="282" t="s">
        <v>3816</v>
      </c>
      <c r="HLC21" s="282" t="s">
        <v>3816</v>
      </c>
      <c r="HLD21" s="282" t="s">
        <v>3816</v>
      </c>
      <c r="HLE21" s="282" t="s">
        <v>3816</v>
      </c>
      <c r="HLF21" s="282" t="s">
        <v>3816</v>
      </c>
      <c r="HLG21" s="282" t="s">
        <v>3816</v>
      </c>
      <c r="HLH21" s="282" t="s">
        <v>3816</v>
      </c>
      <c r="HLI21" s="282" t="s">
        <v>3816</v>
      </c>
      <c r="HLJ21" s="282" t="s">
        <v>3816</v>
      </c>
      <c r="HLK21" s="282" t="s">
        <v>3816</v>
      </c>
      <c r="HLL21" s="282" t="s">
        <v>3816</v>
      </c>
      <c r="HLM21" s="282" t="s">
        <v>3816</v>
      </c>
      <c r="HLN21" s="282" t="s">
        <v>3816</v>
      </c>
      <c r="HLO21" s="282" t="s">
        <v>3816</v>
      </c>
      <c r="HLP21" s="282" t="s">
        <v>3816</v>
      </c>
      <c r="HLQ21" s="282" t="s">
        <v>3816</v>
      </c>
      <c r="HLR21" s="282" t="s">
        <v>3816</v>
      </c>
      <c r="HLS21" s="282" t="s">
        <v>3816</v>
      </c>
      <c r="HLT21" s="282" t="s">
        <v>3816</v>
      </c>
      <c r="HLU21" s="282" t="s">
        <v>3816</v>
      </c>
      <c r="HLV21" s="282" t="s">
        <v>3816</v>
      </c>
      <c r="HLW21" s="282" t="s">
        <v>3816</v>
      </c>
      <c r="HLX21" s="282" t="s">
        <v>3816</v>
      </c>
      <c r="HLY21" s="282" t="s">
        <v>3816</v>
      </c>
      <c r="HLZ21" s="282" t="s">
        <v>3816</v>
      </c>
      <c r="HMA21" s="282" t="s">
        <v>3816</v>
      </c>
      <c r="HMB21" s="282" t="s">
        <v>3816</v>
      </c>
      <c r="HMC21" s="282" t="s">
        <v>3816</v>
      </c>
      <c r="HMD21" s="282" t="s">
        <v>3816</v>
      </c>
      <c r="HME21" s="282" t="s">
        <v>3816</v>
      </c>
      <c r="HMF21" s="282" t="s">
        <v>3816</v>
      </c>
      <c r="HMG21" s="282" t="s">
        <v>3816</v>
      </c>
      <c r="HMH21" s="282" t="s">
        <v>3816</v>
      </c>
      <c r="HMI21" s="282" t="s">
        <v>3816</v>
      </c>
      <c r="HMJ21" s="282" t="s">
        <v>3816</v>
      </c>
      <c r="HMK21" s="282" t="s">
        <v>3816</v>
      </c>
      <c r="HML21" s="282" t="s">
        <v>3816</v>
      </c>
      <c r="HMM21" s="282" t="s">
        <v>3816</v>
      </c>
      <c r="HMN21" s="282" t="s">
        <v>3816</v>
      </c>
      <c r="HMO21" s="282" t="s">
        <v>3816</v>
      </c>
      <c r="HMP21" s="282" t="s">
        <v>3816</v>
      </c>
      <c r="HMQ21" s="282" t="s">
        <v>3816</v>
      </c>
      <c r="HMR21" s="282" t="s">
        <v>3816</v>
      </c>
      <c r="HMS21" s="282" t="s">
        <v>3816</v>
      </c>
      <c r="HMT21" s="282" t="s">
        <v>3816</v>
      </c>
      <c r="HMU21" s="282" t="s">
        <v>3816</v>
      </c>
      <c r="HMV21" s="282" t="s">
        <v>3816</v>
      </c>
      <c r="HMW21" s="282" t="s">
        <v>3816</v>
      </c>
      <c r="HMX21" s="282" t="s">
        <v>3816</v>
      </c>
      <c r="HMY21" s="282" t="s">
        <v>3816</v>
      </c>
      <c r="HMZ21" s="282" t="s">
        <v>3816</v>
      </c>
      <c r="HNA21" s="282" t="s">
        <v>3816</v>
      </c>
      <c r="HNB21" s="282" t="s">
        <v>3816</v>
      </c>
      <c r="HNC21" s="282" t="s">
        <v>3816</v>
      </c>
      <c r="HND21" s="282" t="s">
        <v>3816</v>
      </c>
      <c r="HNE21" s="282" t="s">
        <v>3816</v>
      </c>
      <c r="HNF21" s="282" t="s">
        <v>3816</v>
      </c>
      <c r="HNG21" s="282" t="s">
        <v>3816</v>
      </c>
      <c r="HNH21" s="282" t="s">
        <v>3816</v>
      </c>
      <c r="HNI21" s="282" t="s">
        <v>3816</v>
      </c>
      <c r="HNJ21" s="282" t="s">
        <v>3816</v>
      </c>
      <c r="HNK21" s="282" t="s">
        <v>3816</v>
      </c>
      <c r="HNL21" s="282" t="s">
        <v>3816</v>
      </c>
      <c r="HNM21" s="282" t="s">
        <v>3816</v>
      </c>
      <c r="HNN21" s="282" t="s">
        <v>3816</v>
      </c>
      <c r="HNO21" s="282" t="s">
        <v>3816</v>
      </c>
      <c r="HNP21" s="282" t="s">
        <v>3816</v>
      </c>
      <c r="HNQ21" s="282" t="s">
        <v>3816</v>
      </c>
      <c r="HNR21" s="282" t="s">
        <v>3816</v>
      </c>
      <c r="HNS21" s="282" t="s">
        <v>3816</v>
      </c>
      <c r="HNT21" s="282" t="s">
        <v>3816</v>
      </c>
      <c r="HNU21" s="282" t="s">
        <v>3816</v>
      </c>
      <c r="HNV21" s="282" t="s">
        <v>3816</v>
      </c>
      <c r="HNW21" s="282" t="s">
        <v>3816</v>
      </c>
      <c r="HNX21" s="282" t="s">
        <v>3816</v>
      </c>
      <c r="HNY21" s="282" t="s">
        <v>3816</v>
      </c>
      <c r="HNZ21" s="282" t="s">
        <v>3816</v>
      </c>
      <c r="HOA21" s="282" t="s">
        <v>3816</v>
      </c>
      <c r="HOB21" s="282" t="s">
        <v>3816</v>
      </c>
      <c r="HOC21" s="282" t="s">
        <v>3816</v>
      </c>
      <c r="HOD21" s="282" t="s">
        <v>3816</v>
      </c>
      <c r="HOE21" s="282" t="s">
        <v>3816</v>
      </c>
      <c r="HOF21" s="282" t="s">
        <v>3816</v>
      </c>
      <c r="HOG21" s="282" t="s">
        <v>3816</v>
      </c>
      <c r="HOH21" s="282" t="s">
        <v>3816</v>
      </c>
      <c r="HOI21" s="282" t="s">
        <v>3816</v>
      </c>
      <c r="HOJ21" s="282" t="s">
        <v>3816</v>
      </c>
      <c r="HOK21" s="282" t="s">
        <v>3816</v>
      </c>
      <c r="HOL21" s="282" t="s">
        <v>3816</v>
      </c>
      <c r="HOM21" s="282" t="s">
        <v>3816</v>
      </c>
      <c r="HON21" s="282" t="s">
        <v>3816</v>
      </c>
      <c r="HOO21" s="282" t="s">
        <v>3816</v>
      </c>
      <c r="HOP21" s="282" t="s">
        <v>3816</v>
      </c>
      <c r="HOQ21" s="282" t="s">
        <v>3816</v>
      </c>
      <c r="HOR21" s="282" t="s">
        <v>3816</v>
      </c>
      <c r="HOS21" s="282" t="s">
        <v>3816</v>
      </c>
      <c r="HOT21" s="282" t="s">
        <v>3816</v>
      </c>
      <c r="HOU21" s="282" t="s">
        <v>3816</v>
      </c>
      <c r="HOV21" s="282" t="s">
        <v>3816</v>
      </c>
      <c r="HOW21" s="282" t="s">
        <v>3816</v>
      </c>
      <c r="HOX21" s="282" t="s">
        <v>3816</v>
      </c>
      <c r="HOY21" s="282" t="s">
        <v>3816</v>
      </c>
      <c r="HOZ21" s="282" t="s">
        <v>3816</v>
      </c>
      <c r="HPA21" s="282" t="s">
        <v>3816</v>
      </c>
      <c r="HPB21" s="282" t="s">
        <v>3816</v>
      </c>
      <c r="HPC21" s="282" t="s">
        <v>3816</v>
      </c>
      <c r="HPD21" s="282" t="s">
        <v>3816</v>
      </c>
      <c r="HPE21" s="282" t="s">
        <v>3816</v>
      </c>
      <c r="HPF21" s="282" t="s">
        <v>3816</v>
      </c>
      <c r="HPG21" s="282" t="s">
        <v>3816</v>
      </c>
      <c r="HPH21" s="282" t="s">
        <v>3816</v>
      </c>
      <c r="HPI21" s="282" t="s">
        <v>3816</v>
      </c>
      <c r="HPJ21" s="282" t="s">
        <v>3816</v>
      </c>
      <c r="HPK21" s="282" t="s">
        <v>3816</v>
      </c>
      <c r="HPL21" s="282" t="s">
        <v>3816</v>
      </c>
      <c r="HPM21" s="282" t="s">
        <v>3816</v>
      </c>
      <c r="HPN21" s="282" t="s">
        <v>3816</v>
      </c>
      <c r="HPO21" s="282" t="s">
        <v>3816</v>
      </c>
      <c r="HPP21" s="282" t="s">
        <v>3816</v>
      </c>
      <c r="HPQ21" s="282" t="s">
        <v>3816</v>
      </c>
      <c r="HPR21" s="282" t="s">
        <v>3816</v>
      </c>
      <c r="HPS21" s="282" t="s">
        <v>3816</v>
      </c>
      <c r="HPT21" s="282" t="s">
        <v>3816</v>
      </c>
      <c r="HPU21" s="282" t="s">
        <v>3816</v>
      </c>
      <c r="HPV21" s="282" t="s">
        <v>3816</v>
      </c>
      <c r="HPW21" s="282" t="s">
        <v>3816</v>
      </c>
      <c r="HPX21" s="282" t="s">
        <v>3816</v>
      </c>
      <c r="HPY21" s="282" t="s">
        <v>3816</v>
      </c>
      <c r="HPZ21" s="282" t="s">
        <v>3816</v>
      </c>
      <c r="HQA21" s="282" t="s">
        <v>3816</v>
      </c>
      <c r="HQB21" s="282" t="s">
        <v>3816</v>
      </c>
      <c r="HQC21" s="282" t="s">
        <v>3816</v>
      </c>
      <c r="HQD21" s="282" t="s">
        <v>3816</v>
      </c>
      <c r="HQE21" s="282" t="s">
        <v>3816</v>
      </c>
      <c r="HQF21" s="282" t="s">
        <v>3816</v>
      </c>
      <c r="HQG21" s="282" t="s">
        <v>3816</v>
      </c>
      <c r="HQH21" s="282" t="s">
        <v>3816</v>
      </c>
      <c r="HQI21" s="282" t="s">
        <v>3816</v>
      </c>
      <c r="HQJ21" s="282" t="s">
        <v>3816</v>
      </c>
      <c r="HQK21" s="282" t="s">
        <v>3816</v>
      </c>
      <c r="HQL21" s="282" t="s">
        <v>3816</v>
      </c>
      <c r="HQM21" s="282" t="s">
        <v>3816</v>
      </c>
      <c r="HQN21" s="282" t="s">
        <v>3816</v>
      </c>
      <c r="HQO21" s="282" t="s">
        <v>3816</v>
      </c>
      <c r="HQP21" s="282" t="s">
        <v>3816</v>
      </c>
      <c r="HQQ21" s="282" t="s">
        <v>3816</v>
      </c>
      <c r="HQR21" s="282" t="s">
        <v>3816</v>
      </c>
      <c r="HQS21" s="282" t="s">
        <v>3816</v>
      </c>
      <c r="HQT21" s="282" t="s">
        <v>3816</v>
      </c>
      <c r="HQU21" s="282" t="s">
        <v>3816</v>
      </c>
      <c r="HQV21" s="282" t="s">
        <v>3816</v>
      </c>
      <c r="HQW21" s="282" t="s">
        <v>3816</v>
      </c>
      <c r="HQX21" s="282" t="s">
        <v>3816</v>
      </c>
      <c r="HQY21" s="282" t="s">
        <v>3816</v>
      </c>
      <c r="HQZ21" s="282" t="s">
        <v>3816</v>
      </c>
      <c r="HRA21" s="282" t="s">
        <v>3816</v>
      </c>
      <c r="HRB21" s="282" t="s">
        <v>3816</v>
      </c>
      <c r="HRC21" s="282" t="s">
        <v>3816</v>
      </c>
      <c r="HRD21" s="282" t="s">
        <v>3816</v>
      </c>
      <c r="HRE21" s="282" t="s">
        <v>3816</v>
      </c>
      <c r="HRF21" s="282" t="s">
        <v>3816</v>
      </c>
      <c r="HRG21" s="282" t="s">
        <v>3816</v>
      </c>
      <c r="HRH21" s="282" t="s">
        <v>3816</v>
      </c>
      <c r="HRI21" s="282" t="s">
        <v>3816</v>
      </c>
      <c r="HRJ21" s="282" t="s">
        <v>3816</v>
      </c>
      <c r="HRK21" s="282" t="s">
        <v>3816</v>
      </c>
      <c r="HRL21" s="282" t="s">
        <v>3816</v>
      </c>
      <c r="HRM21" s="282" t="s">
        <v>3816</v>
      </c>
      <c r="HRN21" s="282" t="s">
        <v>3816</v>
      </c>
      <c r="HRO21" s="282" t="s">
        <v>3816</v>
      </c>
      <c r="HRP21" s="282" t="s">
        <v>3816</v>
      </c>
      <c r="HRQ21" s="282" t="s">
        <v>3816</v>
      </c>
      <c r="HRR21" s="282" t="s">
        <v>3816</v>
      </c>
      <c r="HRS21" s="282" t="s">
        <v>3816</v>
      </c>
      <c r="HRT21" s="282" t="s">
        <v>3816</v>
      </c>
      <c r="HRU21" s="282" t="s">
        <v>3816</v>
      </c>
      <c r="HRV21" s="282" t="s">
        <v>3816</v>
      </c>
      <c r="HRW21" s="282" t="s">
        <v>3816</v>
      </c>
      <c r="HRX21" s="282" t="s">
        <v>3816</v>
      </c>
      <c r="HRY21" s="282" t="s">
        <v>3816</v>
      </c>
      <c r="HRZ21" s="282" t="s">
        <v>3816</v>
      </c>
      <c r="HSA21" s="282" t="s">
        <v>3816</v>
      </c>
      <c r="HSB21" s="282" t="s">
        <v>3816</v>
      </c>
      <c r="HSC21" s="282" t="s">
        <v>3816</v>
      </c>
      <c r="HSD21" s="282" t="s">
        <v>3816</v>
      </c>
      <c r="HSE21" s="282" t="s">
        <v>3816</v>
      </c>
      <c r="HSF21" s="282" t="s">
        <v>3816</v>
      </c>
      <c r="HSG21" s="282" t="s">
        <v>3816</v>
      </c>
      <c r="HSH21" s="282" t="s">
        <v>3816</v>
      </c>
      <c r="HSI21" s="282" t="s">
        <v>3816</v>
      </c>
      <c r="HSJ21" s="282" t="s">
        <v>3816</v>
      </c>
      <c r="HSK21" s="282" t="s">
        <v>3816</v>
      </c>
      <c r="HSL21" s="282" t="s">
        <v>3816</v>
      </c>
      <c r="HSM21" s="282" t="s">
        <v>3816</v>
      </c>
      <c r="HSN21" s="282" t="s">
        <v>3816</v>
      </c>
      <c r="HSO21" s="282" t="s">
        <v>3816</v>
      </c>
      <c r="HSP21" s="282" t="s">
        <v>3816</v>
      </c>
      <c r="HSQ21" s="282" t="s">
        <v>3816</v>
      </c>
      <c r="HSR21" s="282" t="s">
        <v>3816</v>
      </c>
      <c r="HSS21" s="282" t="s">
        <v>3816</v>
      </c>
      <c r="HST21" s="282" t="s">
        <v>3816</v>
      </c>
      <c r="HSU21" s="282" t="s">
        <v>3816</v>
      </c>
      <c r="HSV21" s="282" t="s">
        <v>3816</v>
      </c>
      <c r="HSW21" s="282" t="s">
        <v>3816</v>
      </c>
      <c r="HSX21" s="282" t="s">
        <v>3816</v>
      </c>
      <c r="HSY21" s="282" t="s">
        <v>3816</v>
      </c>
      <c r="HSZ21" s="282" t="s">
        <v>3816</v>
      </c>
      <c r="HTA21" s="282" t="s">
        <v>3816</v>
      </c>
      <c r="HTB21" s="282" t="s">
        <v>3816</v>
      </c>
      <c r="HTC21" s="282" t="s">
        <v>3816</v>
      </c>
      <c r="HTD21" s="282" t="s">
        <v>3816</v>
      </c>
      <c r="HTE21" s="282" t="s">
        <v>3816</v>
      </c>
      <c r="HTF21" s="282" t="s">
        <v>3816</v>
      </c>
      <c r="HTG21" s="282" t="s">
        <v>3816</v>
      </c>
      <c r="HTH21" s="282" t="s">
        <v>3816</v>
      </c>
      <c r="HTI21" s="282" t="s">
        <v>3816</v>
      </c>
      <c r="HTJ21" s="282" t="s">
        <v>3816</v>
      </c>
      <c r="HTK21" s="282" t="s">
        <v>3816</v>
      </c>
      <c r="HTL21" s="282" t="s">
        <v>3816</v>
      </c>
      <c r="HTM21" s="282" t="s">
        <v>3816</v>
      </c>
      <c r="HTN21" s="282" t="s">
        <v>3816</v>
      </c>
      <c r="HTO21" s="282" t="s">
        <v>3816</v>
      </c>
      <c r="HTP21" s="282" t="s">
        <v>3816</v>
      </c>
      <c r="HTQ21" s="282" t="s">
        <v>3816</v>
      </c>
      <c r="HTR21" s="282" t="s">
        <v>3816</v>
      </c>
      <c r="HTS21" s="282" t="s">
        <v>3816</v>
      </c>
      <c r="HTT21" s="282" t="s">
        <v>3816</v>
      </c>
      <c r="HTU21" s="282" t="s">
        <v>3816</v>
      </c>
      <c r="HTV21" s="282" t="s">
        <v>3816</v>
      </c>
      <c r="HTW21" s="282" t="s">
        <v>3816</v>
      </c>
      <c r="HTX21" s="282" t="s">
        <v>3816</v>
      </c>
      <c r="HTY21" s="282" t="s">
        <v>3816</v>
      </c>
      <c r="HTZ21" s="282" t="s">
        <v>3816</v>
      </c>
      <c r="HUA21" s="282" t="s">
        <v>3816</v>
      </c>
      <c r="HUB21" s="282" t="s">
        <v>3816</v>
      </c>
      <c r="HUC21" s="282" t="s">
        <v>3816</v>
      </c>
      <c r="HUD21" s="282" t="s">
        <v>3816</v>
      </c>
      <c r="HUE21" s="282" t="s">
        <v>3816</v>
      </c>
      <c r="HUF21" s="282" t="s">
        <v>3816</v>
      </c>
      <c r="HUG21" s="282" t="s">
        <v>3816</v>
      </c>
      <c r="HUH21" s="282" t="s">
        <v>3816</v>
      </c>
      <c r="HUI21" s="282" t="s">
        <v>3816</v>
      </c>
      <c r="HUJ21" s="282" t="s">
        <v>3816</v>
      </c>
      <c r="HUK21" s="282" t="s">
        <v>3816</v>
      </c>
      <c r="HUL21" s="282" t="s">
        <v>3816</v>
      </c>
      <c r="HUM21" s="282" t="s">
        <v>3816</v>
      </c>
      <c r="HUN21" s="282" t="s">
        <v>3816</v>
      </c>
      <c r="HUO21" s="282" t="s">
        <v>3816</v>
      </c>
      <c r="HUP21" s="282" t="s">
        <v>3816</v>
      </c>
      <c r="HUQ21" s="282" t="s">
        <v>3816</v>
      </c>
      <c r="HUR21" s="282" t="s">
        <v>3816</v>
      </c>
      <c r="HUS21" s="282" t="s">
        <v>3816</v>
      </c>
      <c r="HUT21" s="282" t="s">
        <v>3816</v>
      </c>
      <c r="HUU21" s="282" t="s">
        <v>3816</v>
      </c>
      <c r="HUV21" s="282" t="s">
        <v>3816</v>
      </c>
      <c r="HUW21" s="282" t="s">
        <v>3816</v>
      </c>
      <c r="HUX21" s="282" t="s">
        <v>3816</v>
      </c>
      <c r="HUY21" s="282" t="s">
        <v>3816</v>
      </c>
      <c r="HUZ21" s="282" t="s">
        <v>3816</v>
      </c>
      <c r="HVA21" s="282" t="s">
        <v>3816</v>
      </c>
      <c r="HVB21" s="282" t="s">
        <v>3816</v>
      </c>
      <c r="HVC21" s="282" t="s">
        <v>3816</v>
      </c>
      <c r="HVD21" s="282" t="s">
        <v>3816</v>
      </c>
      <c r="HVE21" s="282" t="s">
        <v>3816</v>
      </c>
      <c r="HVF21" s="282" t="s">
        <v>3816</v>
      </c>
      <c r="HVG21" s="282" t="s">
        <v>3816</v>
      </c>
      <c r="HVH21" s="282" t="s">
        <v>3816</v>
      </c>
      <c r="HVI21" s="282" t="s">
        <v>3816</v>
      </c>
      <c r="HVJ21" s="282" t="s">
        <v>3816</v>
      </c>
      <c r="HVK21" s="282" t="s">
        <v>3816</v>
      </c>
      <c r="HVL21" s="282" t="s">
        <v>3816</v>
      </c>
      <c r="HVM21" s="282" t="s">
        <v>3816</v>
      </c>
      <c r="HVN21" s="282" t="s">
        <v>3816</v>
      </c>
      <c r="HVO21" s="282" t="s">
        <v>3816</v>
      </c>
      <c r="HVP21" s="282" t="s">
        <v>3816</v>
      </c>
      <c r="HVQ21" s="282" t="s">
        <v>3816</v>
      </c>
      <c r="HVR21" s="282" t="s">
        <v>3816</v>
      </c>
      <c r="HVS21" s="282" t="s">
        <v>3816</v>
      </c>
      <c r="HVT21" s="282" t="s">
        <v>3816</v>
      </c>
      <c r="HVU21" s="282" t="s">
        <v>3816</v>
      </c>
      <c r="HVV21" s="282" t="s">
        <v>3816</v>
      </c>
      <c r="HVW21" s="282" t="s">
        <v>3816</v>
      </c>
      <c r="HVX21" s="282" t="s">
        <v>3816</v>
      </c>
      <c r="HVY21" s="282" t="s">
        <v>3816</v>
      </c>
      <c r="HVZ21" s="282" t="s">
        <v>3816</v>
      </c>
      <c r="HWA21" s="282" t="s">
        <v>3816</v>
      </c>
      <c r="HWB21" s="282" t="s">
        <v>3816</v>
      </c>
      <c r="HWC21" s="282" t="s">
        <v>3816</v>
      </c>
      <c r="HWD21" s="282" t="s">
        <v>3816</v>
      </c>
      <c r="HWE21" s="282" t="s">
        <v>3816</v>
      </c>
      <c r="HWF21" s="282" t="s">
        <v>3816</v>
      </c>
      <c r="HWG21" s="282" t="s">
        <v>3816</v>
      </c>
      <c r="HWH21" s="282" t="s">
        <v>3816</v>
      </c>
      <c r="HWI21" s="282" t="s">
        <v>3816</v>
      </c>
      <c r="HWJ21" s="282" t="s">
        <v>3816</v>
      </c>
      <c r="HWK21" s="282" t="s">
        <v>3816</v>
      </c>
      <c r="HWL21" s="282" t="s">
        <v>3816</v>
      </c>
      <c r="HWM21" s="282" t="s">
        <v>3816</v>
      </c>
      <c r="HWN21" s="282" t="s">
        <v>3816</v>
      </c>
      <c r="HWO21" s="282" t="s">
        <v>3816</v>
      </c>
      <c r="HWP21" s="282" t="s">
        <v>3816</v>
      </c>
      <c r="HWQ21" s="282" t="s">
        <v>3816</v>
      </c>
      <c r="HWR21" s="282" t="s">
        <v>3816</v>
      </c>
      <c r="HWS21" s="282" t="s">
        <v>3816</v>
      </c>
      <c r="HWT21" s="282" t="s">
        <v>3816</v>
      </c>
      <c r="HWU21" s="282" t="s">
        <v>3816</v>
      </c>
      <c r="HWV21" s="282" t="s">
        <v>3816</v>
      </c>
      <c r="HWW21" s="282" t="s">
        <v>3816</v>
      </c>
      <c r="HWX21" s="282" t="s">
        <v>3816</v>
      </c>
      <c r="HWY21" s="282" t="s">
        <v>3816</v>
      </c>
      <c r="HWZ21" s="282" t="s">
        <v>3816</v>
      </c>
      <c r="HXA21" s="282" t="s">
        <v>3816</v>
      </c>
      <c r="HXB21" s="282" t="s">
        <v>3816</v>
      </c>
      <c r="HXC21" s="282" t="s">
        <v>3816</v>
      </c>
      <c r="HXD21" s="282" t="s">
        <v>3816</v>
      </c>
      <c r="HXE21" s="282" t="s">
        <v>3816</v>
      </c>
      <c r="HXF21" s="282" t="s">
        <v>3816</v>
      </c>
      <c r="HXG21" s="282" t="s">
        <v>3816</v>
      </c>
      <c r="HXH21" s="282" t="s">
        <v>3816</v>
      </c>
      <c r="HXI21" s="282" t="s">
        <v>3816</v>
      </c>
      <c r="HXJ21" s="282" t="s">
        <v>3816</v>
      </c>
      <c r="HXK21" s="282" t="s">
        <v>3816</v>
      </c>
      <c r="HXL21" s="282" t="s">
        <v>3816</v>
      </c>
      <c r="HXM21" s="282" t="s">
        <v>3816</v>
      </c>
      <c r="HXN21" s="282" t="s">
        <v>3816</v>
      </c>
      <c r="HXO21" s="282" t="s">
        <v>3816</v>
      </c>
      <c r="HXP21" s="282" t="s">
        <v>3816</v>
      </c>
      <c r="HXQ21" s="282" t="s">
        <v>3816</v>
      </c>
      <c r="HXR21" s="282" t="s">
        <v>3816</v>
      </c>
      <c r="HXS21" s="282" t="s">
        <v>3816</v>
      </c>
      <c r="HXT21" s="282" t="s">
        <v>3816</v>
      </c>
      <c r="HXU21" s="282" t="s">
        <v>3816</v>
      </c>
      <c r="HXV21" s="282" t="s">
        <v>3816</v>
      </c>
      <c r="HXW21" s="282" t="s">
        <v>3816</v>
      </c>
      <c r="HXX21" s="282" t="s">
        <v>3816</v>
      </c>
      <c r="HXY21" s="282" t="s">
        <v>3816</v>
      </c>
      <c r="HXZ21" s="282" t="s">
        <v>3816</v>
      </c>
      <c r="HYA21" s="282" t="s">
        <v>3816</v>
      </c>
      <c r="HYB21" s="282" t="s">
        <v>3816</v>
      </c>
      <c r="HYC21" s="282" t="s">
        <v>3816</v>
      </c>
      <c r="HYD21" s="282" t="s">
        <v>3816</v>
      </c>
      <c r="HYE21" s="282" t="s">
        <v>3816</v>
      </c>
      <c r="HYF21" s="282" t="s">
        <v>3816</v>
      </c>
      <c r="HYG21" s="282" t="s">
        <v>3816</v>
      </c>
      <c r="HYH21" s="282" t="s">
        <v>3816</v>
      </c>
      <c r="HYI21" s="282" t="s">
        <v>3816</v>
      </c>
      <c r="HYJ21" s="282" t="s">
        <v>3816</v>
      </c>
      <c r="HYK21" s="282" t="s">
        <v>3816</v>
      </c>
      <c r="HYL21" s="282" t="s">
        <v>3816</v>
      </c>
      <c r="HYM21" s="282" t="s">
        <v>3816</v>
      </c>
      <c r="HYN21" s="282" t="s">
        <v>3816</v>
      </c>
      <c r="HYO21" s="282" t="s">
        <v>3816</v>
      </c>
      <c r="HYP21" s="282" t="s">
        <v>3816</v>
      </c>
      <c r="HYQ21" s="282" t="s">
        <v>3816</v>
      </c>
      <c r="HYR21" s="282" t="s">
        <v>3816</v>
      </c>
      <c r="HYS21" s="282" t="s">
        <v>3816</v>
      </c>
      <c r="HYT21" s="282" t="s">
        <v>3816</v>
      </c>
      <c r="HYU21" s="282" t="s">
        <v>3816</v>
      </c>
      <c r="HYV21" s="282" t="s">
        <v>3816</v>
      </c>
      <c r="HYW21" s="282" t="s">
        <v>3816</v>
      </c>
      <c r="HYX21" s="282" t="s">
        <v>3816</v>
      </c>
      <c r="HYY21" s="282" t="s">
        <v>3816</v>
      </c>
      <c r="HYZ21" s="282" t="s">
        <v>3816</v>
      </c>
      <c r="HZA21" s="282" t="s">
        <v>3816</v>
      </c>
      <c r="HZB21" s="282" t="s">
        <v>3816</v>
      </c>
      <c r="HZC21" s="282" t="s">
        <v>3816</v>
      </c>
      <c r="HZD21" s="282" t="s">
        <v>3816</v>
      </c>
      <c r="HZE21" s="282" t="s">
        <v>3816</v>
      </c>
      <c r="HZF21" s="282" t="s">
        <v>3816</v>
      </c>
      <c r="HZG21" s="282" t="s">
        <v>3816</v>
      </c>
      <c r="HZH21" s="282" t="s">
        <v>3816</v>
      </c>
      <c r="HZI21" s="282" t="s">
        <v>3816</v>
      </c>
      <c r="HZJ21" s="282" t="s">
        <v>3816</v>
      </c>
      <c r="HZK21" s="282" t="s">
        <v>3816</v>
      </c>
      <c r="HZL21" s="282" t="s">
        <v>3816</v>
      </c>
      <c r="HZM21" s="282" t="s">
        <v>3816</v>
      </c>
      <c r="HZN21" s="282" t="s">
        <v>3816</v>
      </c>
      <c r="HZO21" s="282" t="s">
        <v>3816</v>
      </c>
      <c r="HZP21" s="282" t="s">
        <v>3816</v>
      </c>
      <c r="HZQ21" s="282" t="s">
        <v>3816</v>
      </c>
      <c r="HZR21" s="282" t="s">
        <v>3816</v>
      </c>
      <c r="HZS21" s="282" t="s">
        <v>3816</v>
      </c>
      <c r="HZT21" s="282" t="s">
        <v>3816</v>
      </c>
      <c r="HZU21" s="282" t="s">
        <v>3816</v>
      </c>
      <c r="HZV21" s="282" t="s">
        <v>3816</v>
      </c>
      <c r="HZW21" s="282" t="s">
        <v>3816</v>
      </c>
      <c r="HZX21" s="282" t="s">
        <v>3816</v>
      </c>
      <c r="HZY21" s="282" t="s">
        <v>3816</v>
      </c>
      <c r="HZZ21" s="282" t="s">
        <v>3816</v>
      </c>
      <c r="IAA21" s="282" t="s">
        <v>3816</v>
      </c>
      <c r="IAB21" s="282" t="s">
        <v>3816</v>
      </c>
      <c r="IAC21" s="282" t="s">
        <v>3816</v>
      </c>
      <c r="IAD21" s="282" t="s">
        <v>3816</v>
      </c>
      <c r="IAE21" s="282" t="s">
        <v>3816</v>
      </c>
      <c r="IAF21" s="282" t="s">
        <v>3816</v>
      </c>
      <c r="IAG21" s="282" t="s">
        <v>3816</v>
      </c>
      <c r="IAH21" s="282" t="s">
        <v>3816</v>
      </c>
      <c r="IAI21" s="282" t="s">
        <v>3816</v>
      </c>
      <c r="IAJ21" s="282" t="s">
        <v>3816</v>
      </c>
      <c r="IAK21" s="282" t="s">
        <v>3816</v>
      </c>
      <c r="IAL21" s="282" t="s">
        <v>3816</v>
      </c>
      <c r="IAM21" s="282" t="s">
        <v>3816</v>
      </c>
      <c r="IAN21" s="282" t="s">
        <v>3816</v>
      </c>
      <c r="IAO21" s="282" t="s">
        <v>3816</v>
      </c>
      <c r="IAP21" s="282" t="s">
        <v>3816</v>
      </c>
      <c r="IAQ21" s="282" t="s">
        <v>3816</v>
      </c>
      <c r="IAR21" s="282" t="s">
        <v>3816</v>
      </c>
      <c r="IAS21" s="282" t="s">
        <v>3816</v>
      </c>
      <c r="IAT21" s="282" t="s">
        <v>3816</v>
      </c>
      <c r="IAU21" s="282" t="s">
        <v>3816</v>
      </c>
      <c r="IAV21" s="282" t="s">
        <v>3816</v>
      </c>
      <c r="IAW21" s="282" t="s">
        <v>3816</v>
      </c>
      <c r="IAX21" s="282" t="s">
        <v>3816</v>
      </c>
      <c r="IAY21" s="282" t="s">
        <v>3816</v>
      </c>
      <c r="IAZ21" s="282" t="s">
        <v>3816</v>
      </c>
      <c r="IBA21" s="282" t="s">
        <v>3816</v>
      </c>
      <c r="IBB21" s="282" t="s">
        <v>3816</v>
      </c>
      <c r="IBC21" s="282" t="s">
        <v>3816</v>
      </c>
      <c r="IBD21" s="282" t="s">
        <v>3816</v>
      </c>
      <c r="IBE21" s="282" t="s">
        <v>3816</v>
      </c>
      <c r="IBF21" s="282" t="s">
        <v>3816</v>
      </c>
      <c r="IBG21" s="282" t="s">
        <v>3816</v>
      </c>
      <c r="IBH21" s="282" t="s">
        <v>3816</v>
      </c>
      <c r="IBI21" s="282" t="s">
        <v>3816</v>
      </c>
      <c r="IBJ21" s="282" t="s">
        <v>3816</v>
      </c>
      <c r="IBK21" s="282" t="s">
        <v>3816</v>
      </c>
      <c r="IBL21" s="282" t="s">
        <v>3816</v>
      </c>
      <c r="IBM21" s="282" t="s">
        <v>3816</v>
      </c>
      <c r="IBN21" s="282" t="s">
        <v>3816</v>
      </c>
      <c r="IBO21" s="282" t="s">
        <v>3816</v>
      </c>
      <c r="IBP21" s="282" t="s">
        <v>3816</v>
      </c>
      <c r="IBQ21" s="282" t="s">
        <v>3816</v>
      </c>
      <c r="IBR21" s="282" t="s">
        <v>3816</v>
      </c>
      <c r="IBS21" s="282" t="s">
        <v>3816</v>
      </c>
      <c r="IBT21" s="282" t="s">
        <v>3816</v>
      </c>
      <c r="IBU21" s="282" t="s">
        <v>3816</v>
      </c>
      <c r="IBV21" s="282" t="s">
        <v>3816</v>
      </c>
      <c r="IBW21" s="282" t="s">
        <v>3816</v>
      </c>
      <c r="IBX21" s="282" t="s">
        <v>3816</v>
      </c>
      <c r="IBY21" s="282" t="s">
        <v>3816</v>
      </c>
      <c r="IBZ21" s="282" t="s">
        <v>3816</v>
      </c>
      <c r="ICA21" s="282" t="s">
        <v>3816</v>
      </c>
      <c r="ICB21" s="282" t="s">
        <v>3816</v>
      </c>
      <c r="ICC21" s="282" t="s">
        <v>3816</v>
      </c>
      <c r="ICD21" s="282" t="s">
        <v>3816</v>
      </c>
      <c r="ICE21" s="282" t="s">
        <v>3816</v>
      </c>
      <c r="ICF21" s="282" t="s">
        <v>3816</v>
      </c>
      <c r="ICG21" s="282" t="s">
        <v>3816</v>
      </c>
      <c r="ICH21" s="282" t="s">
        <v>3816</v>
      </c>
      <c r="ICI21" s="282" t="s">
        <v>3816</v>
      </c>
      <c r="ICJ21" s="282" t="s">
        <v>3816</v>
      </c>
      <c r="ICK21" s="282" t="s">
        <v>3816</v>
      </c>
      <c r="ICL21" s="282" t="s">
        <v>3816</v>
      </c>
      <c r="ICM21" s="282" t="s">
        <v>3816</v>
      </c>
      <c r="ICN21" s="282" t="s">
        <v>3816</v>
      </c>
      <c r="ICO21" s="282" t="s">
        <v>3816</v>
      </c>
      <c r="ICP21" s="282" t="s">
        <v>3816</v>
      </c>
      <c r="ICQ21" s="282" t="s">
        <v>3816</v>
      </c>
      <c r="ICR21" s="282" t="s">
        <v>3816</v>
      </c>
      <c r="ICS21" s="282" t="s">
        <v>3816</v>
      </c>
      <c r="ICT21" s="282" t="s">
        <v>3816</v>
      </c>
      <c r="ICU21" s="282" t="s">
        <v>3816</v>
      </c>
      <c r="ICV21" s="282" t="s">
        <v>3816</v>
      </c>
      <c r="ICW21" s="282" t="s">
        <v>3816</v>
      </c>
      <c r="ICX21" s="282" t="s">
        <v>3816</v>
      </c>
      <c r="ICY21" s="282" t="s">
        <v>3816</v>
      </c>
      <c r="ICZ21" s="282" t="s">
        <v>3816</v>
      </c>
      <c r="IDA21" s="282" t="s">
        <v>3816</v>
      </c>
      <c r="IDB21" s="282" t="s">
        <v>3816</v>
      </c>
      <c r="IDC21" s="282" t="s">
        <v>3816</v>
      </c>
      <c r="IDD21" s="282" t="s">
        <v>3816</v>
      </c>
      <c r="IDE21" s="282" t="s">
        <v>3816</v>
      </c>
      <c r="IDF21" s="282" t="s">
        <v>3816</v>
      </c>
      <c r="IDG21" s="282" t="s">
        <v>3816</v>
      </c>
      <c r="IDH21" s="282" t="s">
        <v>3816</v>
      </c>
      <c r="IDI21" s="282" t="s">
        <v>3816</v>
      </c>
      <c r="IDJ21" s="282" t="s">
        <v>3816</v>
      </c>
      <c r="IDK21" s="282" t="s">
        <v>3816</v>
      </c>
      <c r="IDL21" s="282" t="s">
        <v>3816</v>
      </c>
      <c r="IDM21" s="282" t="s">
        <v>3816</v>
      </c>
      <c r="IDN21" s="282" t="s">
        <v>3816</v>
      </c>
      <c r="IDO21" s="282" t="s">
        <v>3816</v>
      </c>
      <c r="IDP21" s="282" t="s">
        <v>3816</v>
      </c>
      <c r="IDQ21" s="282" t="s">
        <v>3816</v>
      </c>
      <c r="IDR21" s="282" t="s">
        <v>3816</v>
      </c>
      <c r="IDS21" s="282" t="s">
        <v>3816</v>
      </c>
      <c r="IDT21" s="282" t="s">
        <v>3816</v>
      </c>
      <c r="IDU21" s="282" t="s">
        <v>3816</v>
      </c>
      <c r="IDV21" s="282" t="s">
        <v>3816</v>
      </c>
      <c r="IDW21" s="282" t="s">
        <v>3816</v>
      </c>
      <c r="IDX21" s="282" t="s">
        <v>3816</v>
      </c>
      <c r="IDY21" s="282" t="s">
        <v>3816</v>
      </c>
      <c r="IDZ21" s="282" t="s">
        <v>3816</v>
      </c>
      <c r="IEA21" s="282" t="s">
        <v>3816</v>
      </c>
      <c r="IEB21" s="282" t="s">
        <v>3816</v>
      </c>
      <c r="IEC21" s="282" t="s">
        <v>3816</v>
      </c>
      <c r="IED21" s="282" t="s">
        <v>3816</v>
      </c>
      <c r="IEE21" s="282" t="s">
        <v>3816</v>
      </c>
      <c r="IEF21" s="282" t="s">
        <v>3816</v>
      </c>
      <c r="IEG21" s="282" t="s">
        <v>3816</v>
      </c>
      <c r="IEH21" s="282" t="s">
        <v>3816</v>
      </c>
      <c r="IEI21" s="282" t="s">
        <v>3816</v>
      </c>
      <c r="IEJ21" s="282" t="s">
        <v>3816</v>
      </c>
      <c r="IEK21" s="282" t="s">
        <v>3816</v>
      </c>
      <c r="IEL21" s="282" t="s">
        <v>3816</v>
      </c>
      <c r="IEM21" s="282" t="s">
        <v>3816</v>
      </c>
      <c r="IEN21" s="282" t="s">
        <v>3816</v>
      </c>
      <c r="IEO21" s="282" t="s">
        <v>3816</v>
      </c>
      <c r="IEP21" s="282" t="s">
        <v>3816</v>
      </c>
      <c r="IEQ21" s="282" t="s">
        <v>3816</v>
      </c>
      <c r="IER21" s="282" t="s">
        <v>3816</v>
      </c>
      <c r="IES21" s="282" t="s">
        <v>3816</v>
      </c>
      <c r="IET21" s="282" t="s">
        <v>3816</v>
      </c>
      <c r="IEU21" s="282" t="s">
        <v>3816</v>
      </c>
      <c r="IEV21" s="282" t="s">
        <v>3816</v>
      </c>
      <c r="IEW21" s="282" t="s">
        <v>3816</v>
      </c>
      <c r="IEX21" s="282" t="s">
        <v>3816</v>
      </c>
      <c r="IEY21" s="282" t="s">
        <v>3816</v>
      </c>
      <c r="IEZ21" s="282" t="s">
        <v>3816</v>
      </c>
      <c r="IFA21" s="282" t="s">
        <v>3816</v>
      </c>
      <c r="IFB21" s="282" t="s">
        <v>3816</v>
      </c>
      <c r="IFC21" s="282" t="s">
        <v>3816</v>
      </c>
      <c r="IFD21" s="282" t="s">
        <v>3816</v>
      </c>
      <c r="IFE21" s="282" t="s">
        <v>3816</v>
      </c>
      <c r="IFF21" s="282" t="s">
        <v>3816</v>
      </c>
      <c r="IFG21" s="282" t="s">
        <v>3816</v>
      </c>
      <c r="IFH21" s="282" t="s">
        <v>3816</v>
      </c>
      <c r="IFI21" s="282" t="s">
        <v>3816</v>
      </c>
      <c r="IFJ21" s="282" t="s">
        <v>3816</v>
      </c>
      <c r="IFK21" s="282" t="s">
        <v>3816</v>
      </c>
      <c r="IFL21" s="282" t="s">
        <v>3816</v>
      </c>
      <c r="IFM21" s="282" t="s">
        <v>3816</v>
      </c>
      <c r="IFN21" s="282" t="s">
        <v>3816</v>
      </c>
      <c r="IFO21" s="282" t="s">
        <v>3816</v>
      </c>
      <c r="IFP21" s="282" t="s">
        <v>3816</v>
      </c>
      <c r="IFQ21" s="282" t="s">
        <v>3816</v>
      </c>
      <c r="IFR21" s="282" t="s">
        <v>3816</v>
      </c>
      <c r="IFS21" s="282" t="s">
        <v>3816</v>
      </c>
      <c r="IFT21" s="282" t="s">
        <v>3816</v>
      </c>
      <c r="IFU21" s="282" t="s">
        <v>3816</v>
      </c>
      <c r="IFV21" s="282" t="s">
        <v>3816</v>
      </c>
      <c r="IFW21" s="282" t="s">
        <v>3816</v>
      </c>
      <c r="IFX21" s="282" t="s">
        <v>3816</v>
      </c>
      <c r="IFY21" s="282" t="s">
        <v>3816</v>
      </c>
      <c r="IFZ21" s="282" t="s">
        <v>3816</v>
      </c>
      <c r="IGA21" s="282" t="s">
        <v>3816</v>
      </c>
      <c r="IGB21" s="282" t="s">
        <v>3816</v>
      </c>
      <c r="IGC21" s="282" t="s">
        <v>3816</v>
      </c>
      <c r="IGD21" s="282" t="s">
        <v>3816</v>
      </c>
      <c r="IGE21" s="282" t="s">
        <v>3816</v>
      </c>
      <c r="IGF21" s="282" t="s">
        <v>3816</v>
      </c>
      <c r="IGG21" s="282" t="s">
        <v>3816</v>
      </c>
      <c r="IGH21" s="282" t="s">
        <v>3816</v>
      </c>
      <c r="IGI21" s="282" t="s">
        <v>3816</v>
      </c>
      <c r="IGJ21" s="282" t="s">
        <v>3816</v>
      </c>
      <c r="IGK21" s="282" t="s">
        <v>3816</v>
      </c>
      <c r="IGL21" s="282" t="s">
        <v>3816</v>
      </c>
      <c r="IGM21" s="282" t="s">
        <v>3816</v>
      </c>
      <c r="IGN21" s="282" t="s">
        <v>3816</v>
      </c>
      <c r="IGO21" s="282" t="s">
        <v>3816</v>
      </c>
      <c r="IGP21" s="282" t="s">
        <v>3816</v>
      </c>
      <c r="IGQ21" s="282" t="s">
        <v>3816</v>
      </c>
      <c r="IGR21" s="282" t="s">
        <v>3816</v>
      </c>
      <c r="IGS21" s="282" t="s">
        <v>3816</v>
      </c>
      <c r="IGT21" s="282" t="s">
        <v>3816</v>
      </c>
      <c r="IGU21" s="282" t="s">
        <v>3816</v>
      </c>
      <c r="IGV21" s="282" t="s">
        <v>3816</v>
      </c>
      <c r="IGW21" s="282" t="s">
        <v>3816</v>
      </c>
      <c r="IGX21" s="282" t="s">
        <v>3816</v>
      </c>
      <c r="IGY21" s="282" t="s">
        <v>3816</v>
      </c>
      <c r="IGZ21" s="282" t="s">
        <v>3816</v>
      </c>
      <c r="IHA21" s="282" t="s">
        <v>3816</v>
      </c>
      <c r="IHB21" s="282" t="s">
        <v>3816</v>
      </c>
      <c r="IHC21" s="282" t="s">
        <v>3816</v>
      </c>
      <c r="IHD21" s="282" t="s">
        <v>3816</v>
      </c>
      <c r="IHE21" s="282" t="s">
        <v>3816</v>
      </c>
      <c r="IHF21" s="282" t="s">
        <v>3816</v>
      </c>
      <c r="IHG21" s="282" t="s">
        <v>3816</v>
      </c>
      <c r="IHH21" s="282" t="s">
        <v>3816</v>
      </c>
      <c r="IHI21" s="282" t="s">
        <v>3816</v>
      </c>
      <c r="IHJ21" s="282" t="s">
        <v>3816</v>
      </c>
      <c r="IHK21" s="282" t="s">
        <v>3816</v>
      </c>
      <c r="IHL21" s="282" t="s">
        <v>3816</v>
      </c>
      <c r="IHM21" s="282" t="s">
        <v>3816</v>
      </c>
      <c r="IHN21" s="282" t="s">
        <v>3816</v>
      </c>
      <c r="IHO21" s="282" t="s">
        <v>3816</v>
      </c>
      <c r="IHP21" s="282" t="s">
        <v>3816</v>
      </c>
      <c r="IHQ21" s="282" t="s">
        <v>3816</v>
      </c>
      <c r="IHR21" s="282" t="s">
        <v>3816</v>
      </c>
      <c r="IHS21" s="282" t="s">
        <v>3816</v>
      </c>
      <c r="IHT21" s="282" t="s">
        <v>3816</v>
      </c>
      <c r="IHU21" s="282" t="s">
        <v>3816</v>
      </c>
      <c r="IHV21" s="282" t="s">
        <v>3816</v>
      </c>
      <c r="IHW21" s="282" t="s">
        <v>3816</v>
      </c>
      <c r="IHX21" s="282" t="s">
        <v>3816</v>
      </c>
      <c r="IHY21" s="282" t="s">
        <v>3816</v>
      </c>
      <c r="IHZ21" s="282" t="s">
        <v>3816</v>
      </c>
      <c r="IIA21" s="282" t="s">
        <v>3816</v>
      </c>
      <c r="IIB21" s="282" t="s">
        <v>3816</v>
      </c>
      <c r="IIC21" s="282" t="s">
        <v>3816</v>
      </c>
      <c r="IID21" s="282" t="s">
        <v>3816</v>
      </c>
      <c r="IIE21" s="282" t="s">
        <v>3816</v>
      </c>
      <c r="IIF21" s="282" t="s">
        <v>3816</v>
      </c>
      <c r="IIG21" s="282" t="s">
        <v>3816</v>
      </c>
      <c r="IIH21" s="282" t="s">
        <v>3816</v>
      </c>
      <c r="III21" s="282" t="s">
        <v>3816</v>
      </c>
      <c r="IIJ21" s="282" t="s">
        <v>3816</v>
      </c>
      <c r="IIK21" s="282" t="s">
        <v>3816</v>
      </c>
      <c r="IIL21" s="282" t="s">
        <v>3816</v>
      </c>
      <c r="IIM21" s="282" t="s">
        <v>3816</v>
      </c>
      <c r="IIN21" s="282" t="s">
        <v>3816</v>
      </c>
      <c r="IIO21" s="282" t="s">
        <v>3816</v>
      </c>
      <c r="IIP21" s="282" t="s">
        <v>3816</v>
      </c>
      <c r="IIQ21" s="282" t="s">
        <v>3816</v>
      </c>
      <c r="IIR21" s="282" t="s">
        <v>3816</v>
      </c>
      <c r="IIS21" s="282" t="s">
        <v>3816</v>
      </c>
      <c r="IIT21" s="282" t="s">
        <v>3816</v>
      </c>
      <c r="IIU21" s="282" t="s">
        <v>3816</v>
      </c>
      <c r="IIV21" s="282" t="s">
        <v>3816</v>
      </c>
      <c r="IIW21" s="282" t="s">
        <v>3816</v>
      </c>
      <c r="IIX21" s="282" t="s">
        <v>3816</v>
      </c>
      <c r="IIY21" s="282" t="s">
        <v>3816</v>
      </c>
      <c r="IIZ21" s="282" t="s">
        <v>3816</v>
      </c>
      <c r="IJA21" s="282" t="s">
        <v>3816</v>
      </c>
      <c r="IJB21" s="282" t="s">
        <v>3816</v>
      </c>
      <c r="IJC21" s="282" t="s">
        <v>3816</v>
      </c>
      <c r="IJD21" s="282" t="s">
        <v>3816</v>
      </c>
      <c r="IJE21" s="282" t="s">
        <v>3816</v>
      </c>
      <c r="IJF21" s="282" t="s">
        <v>3816</v>
      </c>
      <c r="IJG21" s="282" t="s">
        <v>3816</v>
      </c>
      <c r="IJH21" s="282" t="s">
        <v>3816</v>
      </c>
      <c r="IJI21" s="282" t="s">
        <v>3816</v>
      </c>
      <c r="IJJ21" s="282" t="s">
        <v>3816</v>
      </c>
      <c r="IJK21" s="282" t="s">
        <v>3816</v>
      </c>
      <c r="IJL21" s="282" t="s">
        <v>3816</v>
      </c>
      <c r="IJM21" s="282" t="s">
        <v>3816</v>
      </c>
      <c r="IJN21" s="282" t="s">
        <v>3816</v>
      </c>
      <c r="IJO21" s="282" t="s">
        <v>3816</v>
      </c>
      <c r="IJP21" s="282" t="s">
        <v>3816</v>
      </c>
      <c r="IJQ21" s="282" t="s">
        <v>3816</v>
      </c>
      <c r="IJR21" s="282" t="s">
        <v>3816</v>
      </c>
      <c r="IJS21" s="282" t="s">
        <v>3816</v>
      </c>
      <c r="IJT21" s="282" t="s">
        <v>3816</v>
      </c>
      <c r="IJU21" s="282" t="s">
        <v>3816</v>
      </c>
      <c r="IJV21" s="282" t="s">
        <v>3816</v>
      </c>
      <c r="IJW21" s="282" t="s">
        <v>3816</v>
      </c>
      <c r="IJX21" s="282" t="s">
        <v>3816</v>
      </c>
      <c r="IJY21" s="282" t="s">
        <v>3816</v>
      </c>
      <c r="IJZ21" s="282" t="s">
        <v>3816</v>
      </c>
      <c r="IKA21" s="282" t="s">
        <v>3816</v>
      </c>
      <c r="IKB21" s="282" t="s">
        <v>3816</v>
      </c>
      <c r="IKC21" s="282" t="s">
        <v>3816</v>
      </c>
      <c r="IKD21" s="282" t="s">
        <v>3816</v>
      </c>
      <c r="IKE21" s="282" t="s">
        <v>3816</v>
      </c>
      <c r="IKF21" s="282" t="s">
        <v>3816</v>
      </c>
      <c r="IKG21" s="282" t="s">
        <v>3816</v>
      </c>
      <c r="IKH21" s="282" t="s">
        <v>3816</v>
      </c>
      <c r="IKI21" s="282" t="s">
        <v>3816</v>
      </c>
      <c r="IKJ21" s="282" t="s">
        <v>3816</v>
      </c>
      <c r="IKK21" s="282" t="s">
        <v>3816</v>
      </c>
      <c r="IKL21" s="282" t="s">
        <v>3816</v>
      </c>
      <c r="IKM21" s="282" t="s">
        <v>3816</v>
      </c>
      <c r="IKN21" s="282" t="s">
        <v>3816</v>
      </c>
      <c r="IKO21" s="282" t="s">
        <v>3816</v>
      </c>
      <c r="IKP21" s="282" t="s">
        <v>3816</v>
      </c>
      <c r="IKQ21" s="282" t="s">
        <v>3816</v>
      </c>
      <c r="IKR21" s="282" t="s">
        <v>3816</v>
      </c>
      <c r="IKS21" s="282" t="s">
        <v>3816</v>
      </c>
      <c r="IKT21" s="282" t="s">
        <v>3816</v>
      </c>
      <c r="IKU21" s="282" t="s">
        <v>3816</v>
      </c>
      <c r="IKV21" s="282" t="s">
        <v>3816</v>
      </c>
      <c r="IKW21" s="282" t="s">
        <v>3816</v>
      </c>
      <c r="IKX21" s="282" t="s">
        <v>3816</v>
      </c>
      <c r="IKY21" s="282" t="s">
        <v>3816</v>
      </c>
      <c r="IKZ21" s="282" t="s">
        <v>3816</v>
      </c>
      <c r="ILA21" s="282" t="s">
        <v>3816</v>
      </c>
      <c r="ILB21" s="282" t="s">
        <v>3816</v>
      </c>
      <c r="ILC21" s="282" t="s">
        <v>3816</v>
      </c>
      <c r="ILD21" s="282" t="s">
        <v>3816</v>
      </c>
      <c r="ILE21" s="282" t="s">
        <v>3816</v>
      </c>
      <c r="ILF21" s="282" t="s">
        <v>3816</v>
      </c>
      <c r="ILG21" s="282" t="s">
        <v>3816</v>
      </c>
      <c r="ILH21" s="282" t="s">
        <v>3816</v>
      </c>
      <c r="ILI21" s="282" t="s">
        <v>3816</v>
      </c>
      <c r="ILJ21" s="282" t="s">
        <v>3816</v>
      </c>
      <c r="ILK21" s="282" t="s">
        <v>3816</v>
      </c>
      <c r="ILL21" s="282" t="s">
        <v>3816</v>
      </c>
      <c r="ILM21" s="282" t="s">
        <v>3816</v>
      </c>
      <c r="ILN21" s="282" t="s">
        <v>3816</v>
      </c>
      <c r="ILO21" s="282" t="s">
        <v>3816</v>
      </c>
      <c r="ILP21" s="282" t="s">
        <v>3816</v>
      </c>
      <c r="ILQ21" s="282" t="s">
        <v>3816</v>
      </c>
      <c r="ILR21" s="282" t="s">
        <v>3816</v>
      </c>
      <c r="ILS21" s="282" t="s">
        <v>3816</v>
      </c>
      <c r="ILT21" s="282" t="s">
        <v>3816</v>
      </c>
      <c r="ILU21" s="282" t="s">
        <v>3816</v>
      </c>
      <c r="ILV21" s="282" t="s">
        <v>3816</v>
      </c>
      <c r="ILW21" s="282" t="s">
        <v>3816</v>
      </c>
      <c r="ILX21" s="282" t="s">
        <v>3816</v>
      </c>
      <c r="ILY21" s="282" t="s">
        <v>3816</v>
      </c>
      <c r="ILZ21" s="282" t="s">
        <v>3816</v>
      </c>
      <c r="IMA21" s="282" t="s">
        <v>3816</v>
      </c>
      <c r="IMB21" s="282" t="s">
        <v>3816</v>
      </c>
      <c r="IMC21" s="282" t="s">
        <v>3816</v>
      </c>
      <c r="IMD21" s="282" t="s">
        <v>3816</v>
      </c>
      <c r="IME21" s="282" t="s">
        <v>3816</v>
      </c>
      <c r="IMF21" s="282" t="s">
        <v>3816</v>
      </c>
      <c r="IMG21" s="282" t="s">
        <v>3816</v>
      </c>
      <c r="IMH21" s="282" t="s">
        <v>3816</v>
      </c>
      <c r="IMI21" s="282" t="s">
        <v>3816</v>
      </c>
      <c r="IMJ21" s="282" t="s">
        <v>3816</v>
      </c>
      <c r="IMK21" s="282" t="s">
        <v>3816</v>
      </c>
      <c r="IML21" s="282" t="s">
        <v>3816</v>
      </c>
      <c r="IMM21" s="282" t="s">
        <v>3816</v>
      </c>
      <c r="IMN21" s="282" t="s">
        <v>3816</v>
      </c>
      <c r="IMO21" s="282" t="s">
        <v>3816</v>
      </c>
      <c r="IMP21" s="282" t="s">
        <v>3816</v>
      </c>
      <c r="IMQ21" s="282" t="s">
        <v>3816</v>
      </c>
      <c r="IMR21" s="282" t="s">
        <v>3816</v>
      </c>
      <c r="IMS21" s="282" t="s">
        <v>3816</v>
      </c>
      <c r="IMT21" s="282" t="s">
        <v>3816</v>
      </c>
      <c r="IMU21" s="282" t="s">
        <v>3816</v>
      </c>
      <c r="IMV21" s="282" t="s">
        <v>3816</v>
      </c>
      <c r="IMW21" s="282" t="s">
        <v>3816</v>
      </c>
      <c r="IMX21" s="282" t="s">
        <v>3816</v>
      </c>
      <c r="IMY21" s="282" t="s">
        <v>3816</v>
      </c>
      <c r="IMZ21" s="282" t="s">
        <v>3816</v>
      </c>
      <c r="INA21" s="282" t="s">
        <v>3816</v>
      </c>
      <c r="INB21" s="282" t="s">
        <v>3816</v>
      </c>
      <c r="INC21" s="282" t="s">
        <v>3816</v>
      </c>
      <c r="IND21" s="282" t="s">
        <v>3816</v>
      </c>
      <c r="INE21" s="282" t="s">
        <v>3816</v>
      </c>
      <c r="INF21" s="282" t="s">
        <v>3816</v>
      </c>
      <c r="ING21" s="282" t="s">
        <v>3816</v>
      </c>
      <c r="INH21" s="282" t="s">
        <v>3816</v>
      </c>
      <c r="INI21" s="282" t="s">
        <v>3816</v>
      </c>
      <c r="INJ21" s="282" t="s">
        <v>3816</v>
      </c>
      <c r="INK21" s="282" t="s">
        <v>3816</v>
      </c>
      <c r="INL21" s="282" t="s">
        <v>3816</v>
      </c>
      <c r="INM21" s="282" t="s">
        <v>3816</v>
      </c>
      <c r="INN21" s="282" t="s">
        <v>3816</v>
      </c>
      <c r="INO21" s="282" t="s">
        <v>3816</v>
      </c>
      <c r="INP21" s="282" t="s">
        <v>3816</v>
      </c>
      <c r="INQ21" s="282" t="s">
        <v>3816</v>
      </c>
      <c r="INR21" s="282" t="s">
        <v>3816</v>
      </c>
      <c r="INS21" s="282" t="s">
        <v>3816</v>
      </c>
      <c r="INT21" s="282" t="s">
        <v>3816</v>
      </c>
      <c r="INU21" s="282" t="s">
        <v>3816</v>
      </c>
      <c r="INV21" s="282" t="s">
        <v>3816</v>
      </c>
      <c r="INW21" s="282" t="s">
        <v>3816</v>
      </c>
      <c r="INX21" s="282" t="s">
        <v>3816</v>
      </c>
      <c r="INY21" s="282" t="s">
        <v>3816</v>
      </c>
      <c r="INZ21" s="282" t="s">
        <v>3816</v>
      </c>
      <c r="IOA21" s="282" t="s">
        <v>3816</v>
      </c>
      <c r="IOB21" s="282" t="s">
        <v>3816</v>
      </c>
      <c r="IOC21" s="282" t="s">
        <v>3816</v>
      </c>
      <c r="IOD21" s="282" t="s">
        <v>3816</v>
      </c>
      <c r="IOE21" s="282" t="s">
        <v>3816</v>
      </c>
      <c r="IOF21" s="282" t="s">
        <v>3816</v>
      </c>
      <c r="IOG21" s="282" t="s">
        <v>3816</v>
      </c>
      <c r="IOH21" s="282" t="s">
        <v>3816</v>
      </c>
      <c r="IOI21" s="282" t="s">
        <v>3816</v>
      </c>
      <c r="IOJ21" s="282" t="s">
        <v>3816</v>
      </c>
      <c r="IOK21" s="282" t="s">
        <v>3816</v>
      </c>
      <c r="IOL21" s="282" t="s">
        <v>3816</v>
      </c>
      <c r="IOM21" s="282" t="s">
        <v>3816</v>
      </c>
      <c r="ION21" s="282" t="s">
        <v>3816</v>
      </c>
      <c r="IOO21" s="282" t="s">
        <v>3816</v>
      </c>
      <c r="IOP21" s="282" t="s">
        <v>3816</v>
      </c>
      <c r="IOQ21" s="282" t="s">
        <v>3816</v>
      </c>
      <c r="IOR21" s="282" t="s">
        <v>3816</v>
      </c>
      <c r="IOS21" s="282" t="s">
        <v>3816</v>
      </c>
      <c r="IOT21" s="282" t="s">
        <v>3816</v>
      </c>
      <c r="IOU21" s="282" t="s">
        <v>3816</v>
      </c>
      <c r="IOV21" s="282" t="s">
        <v>3816</v>
      </c>
      <c r="IOW21" s="282" t="s">
        <v>3816</v>
      </c>
      <c r="IOX21" s="282" t="s">
        <v>3816</v>
      </c>
      <c r="IOY21" s="282" t="s">
        <v>3816</v>
      </c>
      <c r="IOZ21" s="282" t="s">
        <v>3816</v>
      </c>
      <c r="IPA21" s="282" t="s">
        <v>3816</v>
      </c>
      <c r="IPB21" s="282" t="s">
        <v>3816</v>
      </c>
      <c r="IPC21" s="282" t="s">
        <v>3816</v>
      </c>
      <c r="IPD21" s="282" t="s">
        <v>3816</v>
      </c>
      <c r="IPE21" s="282" t="s">
        <v>3816</v>
      </c>
      <c r="IPF21" s="282" t="s">
        <v>3816</v>
      </c>
      <c r="IPG21" s="282" t="s">
        <v>3816</v>
      </c>
      <c r="IPH21" s="282" t="s">
        <v>3816</v>
      </c>
      <c r="IPI21" s="282" t="s">
        <v>3816</v>
      </c>
      <c r="IPJ21" s="282" t="s">
        <v>3816</v>
      </c>
      <c r="IPK21" s="282" t="s">
        <v>3816</v>
      </c>
      <c r="IPL21" s="282" t="s">
        <v>3816</v>
      </c>
      <c r="IPM21" s="282" t="s">
        <v>3816</v>
      </c>
      <c r="IPN21" s="282" t="s">
        <v>3816</v>
      </c>
      <c r="IPO21" s="282" t="s">
        <v>3816</v>
      </c>
      <c r="IPP21" s="282" t="s">
        <v>3816</v>
      </c>
      <c r="IPQ21" s="282" t="s">
        <v>3816</v>
      </c>
      <c r="IPR21" s="282" t="s">
        <v>3816</v>
      </c>
      <c r="IPS21" s="282" t="s">
        <v>3816</v>
      </c>
      <c r="IPT21" s="282" t="s">
        <v>3816</v>
      </c>
      <c r="IPU21" s="282" t="s">
        <v>3816</v>
      </c>
      <c r="IPV21" s="282" t="s">
        <v>3816</v>
      </c>
      <c r="IPW21" s="282" t="s">
        <v>3816</v>
      </c>
      <c r="IPX21" s="282" t="s">
        <v>3816</v>
      </c>
      <c r="IPY21" s="282" t="s">
        <v>3816</v>
      </c>
      <c r="IPZ21" s="282" t="s">
        <v>3816</v>
      </c>
      <c r="IQA21" s="282" t="s">
        <v>3816</v>
      </c>
      <c r="IQB21" s="282" t="s">
        <v>3816</v>
      </c>
      <c r="IQC21" s="282" t="s">
        <v>3816</v>
      </c>
      <c r="IQD21" s="282" t="s">
        <v>3816</v>
      </c>
      <c r="IQE21" s="282" t="s">
        <v>3816</v>
      </c>
      <c r="IQF21" s="282" t="s">
        <v>3816</v>
      </c>
      <c r="IQG21" s="282" t="s">
        <v>3816</v>
      </c>
      <c r="IQH21" s="282" t="s">
        <v>3816</v>
      </c>
      <c r="IQI21" s="282" t="s">
        <v>3816</v>
      </c>
      <c r="IQJ21" s="282" t="s">
        <v>3816</v>
      </c>
      <c r="IQK21" s="282" t="s">
        <v>3816</v>
      </c>
      <c r="IQL21" s="282" t="s">
        <v>3816</v>
      </c>
      <c r="IQM21" s="282" t="s">
        <v>3816</v>
      </c>
      <c r="IQN21" s="282" t="s">
        <v>3816</v>
      </c>
      <c r="IQO21" s="282" t="s">
        <v>3816</v>
      </c>
      <c r="IQP21" s="282" t="s">
        <v>3816</v>
      </c>
      <c r="IQQ21" s="282" t="s">
        <v>3816</v>
      </c>
      <c r="IQR21" s="282" t="s">
        <v>3816</v>
      </c>
      <c r="IQS21" s="282" t="s">
        <v>3816</v>
      </c>
      <c r="IQT21" s="282" t="s">
        <v>3816</v>
      </c>
      <c r="IQU21" s="282" t="s">
        <v>3816</v>
      </c>
      <c r="IQV21" s="282" t="s">
        <v>3816</v>
      </c>
      <c r="IQW21" s="282" t="s">
        <v>3816</v>
      </c>
      <c r="IQX21" s="282" t="s">
        <v>3816</v>
      </c>
      <c r="IQY21" s="282" t="s">
        <v>3816</v>
      </c>
      <c r="IQZ21" s="282" t="s">
        <v>3816</v>
      </c>
      <c r="IRA21" s="282" t="s">
        <v>3816</v>
      </c>
      <c r="IRB21" s="282" t="s">
        <v>3816</v>
      </c>
      <c r="IRC21" s="282" t="s">
        <v>3816</v>
      </c>
      <c r="IRD21" s="282" t="s">
        <v>3816</v>
      </c>
      <c r="IRE21" s="282" t="s">
        <v>3816</v>
      </c>
      <c r="IRF21" s="282" t="s">
        <v>3816</v>
      </c>
      <c r="IRG21" s="282" t="s">
        <v>3816</v>
      </c>
      <c r="IRH21" s="282" t="s">
        <v>3816</v>
      </c>
      <c r="IRI21" s="282" t="s">
        <v>3816</v>
      </c>
      <c r="IRJ21" s="282" t="s">
        <v>3816</v>
      </c>
      <c r="IRK21" s="282" t="s">
        <v>3816</v>
      </c>
      <c r="IRL21" s="282" t="s">
        <v>3816</v>
      </c>
      <c r="IRM21" s="282" t="s">
        <v>3816</v>
      </c>
      <c r="IRN21" s="282" t="s">
        <v>3816</v>
      </c>
      <c r="IRO21" s="282" t="s">
        <v>3816</v>
      </c>
      <c r="IRP21" s="282" t="s">
        <v>3816</v>
      </c>
      <c r="IRQ21" s="282" t="s">
        <v>3816</v>
      </c>
      <c r="IRR21" s="282" t="s">
        <v>3816</v>
      </c>
      <c r="IRS21" s="282" t="s">
        <v>3816</v>
      </c>
      <c r="IRT21" s="282" t="s">
        <v>3816</v>
      </c>
      <c r="IRU21" s="282" t="s">
        <v>3816</v>
      </c>
      <c r="IRV21" s="282" t="s">
        <v>3816</v>
      </c>
      <c r="IRW21" s="282" t="s">
        <v>3816</v>
      </c>
      <c r="IRX21" s="282" t="s">
        <v>3816</v>
      </c>
      <c r="IRY21" s="282" t="s">
        <v>3816</v>
      </c>
      <c r="IRZ21" s="282" t="s">
        <v>3816</v>
      </c>
      <c r="ISA21" s="282" t="s">
        <v>3816</v>
      </c>
      <c r="ISB21" s="282" t="s">
        <v>3816</v>
      </c>
      <c r="ISC21" s="282" t="s">
        <v>3816</v>
      </c>
      <c r="ISD21" s="282" t="s">
        <v>3816</v>
      </c>
      <c r="ISE21" s="282" t="s">
        <v>3816</v>
      </c>
      <c r="ISF21" s="282" t="s">
        <v>3816</v>
      </c>
      <c r="ISG21" s="282" t="s">
        <v>3816</v>
      </c>
      <c r="ISH21" s="282" t="s">
        <v>3816</v>
      </c>
      <c r="ISI21" s="282" t="s">
        <v>3816</v>
      </c>
      <c r="ISJ21" s="282" t="s">
        <v>3816</v>
      </c>
      <c r="ISK21" s="282" t="s">
        <v>3816</v>
      </c>
      <c r="ISL21" s="282" t="s">
        <v>3816</v>
      </c>
      <c r="ISM21" s="282" t="s">
        <v>3816</v>
      </c>
      <c r="ISN21" s="282" t="s">
        <v>3816</v>
      </c>
      <c r="ISO21" s="282" t="s">
        <v>3816</v>
      </c>
      <c r="ISP21" s="282" t="s">
        <v>3816</v>
      </c>
      <c r="ISQ21" s="282" t="s">
        <v>3816</v>
      </c>
      <c r="ISR21" s="282" t="s">
        <v>3816</v>
      </c>
      <c r="ISS21" s="282" t="s">
        <v>3816</v>
      </c>
      <c r="IST21" s="282" t="s">
        <v>3816</v>
      </c>
      <c r="ISU21" s="282" t="s">
        <v>3816</v>
      </c>
      <c r="ISV21" s="282" t="s">
        <v>3816</v>
      </c>
      <c r="ISW21" s="282" t="s">
        <v>3816</v>
      </c>
      <c r="ISX21" s="282" t="s">
        <v>3816</v>
      </c>
      <c r="ISY21" s="282" t="s">
        <v>3816</v>
      </c>
      <c r="ISZ21" s="282" t="s">
        <v>3816</v>
      </c>
      <c r="ITA21" s="282" t="s">
        <v>3816</v>
      </c>
      <c r="ITB21" s="282" t="s">
        <v>3816</v>
      </c>
      <c r="ITC21" s="282" t="s">
        <v>3816</v>
      </c>
      <c r="ITD21" s="282" t="s">
        <v>3816</v>
      </c>
      <c r="ITE21" s="282" t="s">
        <v>3816</v>
      </c>
      <c r="ITF21" s="282" t="s">
        <v>3816</v>
      </c>
      <c r="ITG21" s="282" t="s">
        <v>3816</v>
      </c>
      <c r="ITH21" s="282" t="s">
        <v>3816</v>
      </c>
      <c r="ITI21" s="282" t="s">
        <v>3816</v>
      </c>
      <c r="ITJ21" s="282" t="s">
        <v>3816</v>
      </c>
      <c r="ITK21" s="282" t="s">
        <v>3816</v>
      </c>
      <c r="ITL21" s="282" t="s">
        <v>3816</v>
      </c>
      <c r="ITM21" s="282" t="s">
        <v>3816</v>
      </c>
      <c r="ITN21" s="282" t="s">
        <v>3816</v>
      </c>
      <c r="ITO21" s="282" t="s">
        <v>3816</v>
      </c>
      <c r="ITP21" s="282" t="s">
        <v>3816</v>
      </c>
      <c r="ITQ21" s="282" t="s">
        <v>3816</v>
      </c>
      <c r="ITR21" s="282" t="s">
        <v>3816</v>
      </c>
      <c r="ITS21" s="282" t="s">
        <v>3816</v>
      </c>
      <c r="ITT21" s="282" t="s">
        <v>3816</v>
      </c>
      <c r="ITU21" s="282" t="s">
        <v>3816</v>
      </c>
      <c r="ITV21" s="282" t="s">
        <v>3816</v>
      </c>
      <c r="ITW21" s="282" t="s">
        <v>3816</v>
      </c>
      <c r="ITX21" s="282" t="s">
        <v>3816</v>
      </c>
      <c r="ITY21" s="282" t="s">
        <v>3816</v>
      </c>
      <c r="ITZ21" s="282" t="s">
        <v>3816</v>
      </c>
      <c r="IUA21" s="282" t="s">
        <v>3816</v>
      </c>
      <c r="IUB21" s="282" t="s">
        <v>3816</v>
      </c>
      <c r="IUC21" s="282" t="s">
        <v>3816</v>
      </c>
      <c r="IUD21" s="282" t="s">
        <v>3816</v>
      </c>
      <c r="IUE21" s="282" t="s">
        <v>3816</v>
      </c>
      <c r="IUF21" s="282" t="s">
        <v>3816</v>
      </c>
      <c r="IUG21" s="282" t="s">
        <v>3816</v>
      </c>
      <c r="IUH21" s="282" t="s">
        <v>3816</v>
      </c>
      <c r="IUI21" s="282" t="s">
        <v>3816</v>
      </c>
      <c r="IUJ21" s="282" t="s">
        <v>3816</v>
      </c>
      <c r="IUK21" s="282" t="s">
        <v>3816</v>
      </c>
      <c r="IUL21" s="282" t="s">
        <v>3816</v>
      </c>
      <c r="IUM21" s="282" t="s">
        <v>3816</v>
      </c>
      <c r="IUN21" s="282" t="s">
        <v>3816</v>
      </c>
      <c r="IUO21" s="282" t="s">
        <v>3816</v>
      </c>
      <c r="IUP21" s="282" t="s">
        <v>3816</v>
      </c>
      <c r="IUQ21" s="282" t="s">
        <v>3816</v>
      </c>
      <c r="IUR21" s="282" t="s">
        <v>3816</v>
      </c>
      <c r="IUS21" s="282" t="s">
        <v>3816</v>
      </c>
      <c r="IUT21" s="282" t="s">
        <v>3816</v>
      </c>
      <c r="IUU21" s="282" t="s">
        <v>3816</v>
      </c>
      <c r="IUV21" s="282" t="s">
        <v>3816</v>
      </c>
      <c r="IUW21" s="282" t="s">
        <v>3816</v>
      </c>
      <c r="IUX21" s="282" t="s">
        <v>3816</v>
      </c>
      <c r="IUY21" s="282" t="s">
        <v>3816</v>
      </c>
      <c r="IUZ21" s="282" t="s">
        <v>3816</v>
      </c>
      <c r="IVA21" s="282" t="s">
        <v>3816</v>
      </c>
      <c r="IVB21" s="282" t="s">
        <v>3816</v>
      </c>
      <c r="IVC21" s="282" t="s">
        <v>3816</v>
      </c>
      <c r="IVD21" s="282" t="s">
        <v>3816</v>
      </c>
      <c r="IVE21" s="282" t="s">
        <v>3816</v>
      </c>
      <c r="IVF21" s="282" t="s">
        <v>3816</v>
      </c>
      <c r="IVG21" s="282" t="s">
        <v>3816</v>
      </c>
      <c r="IVH21" s="282" t="s">
        <v>3816</v>
      </c>
      <c r="IVI21" s="282" t="s">
        <v>3816</v>
      </c>
      <c r="IVJ21" s="282" t="s">
        <v>3816</v>
      </c>
      <c r="IVK21" s="282" t="s">
        <v>3816</v>
      </c>
      <c r="IVL21" s="282" t="s">
        <v>3816</v>
      </c>
      <c r="IVM21" s="282" t="s">
        <v>3816</v>
      </c>
      <c r="IVN21" s="282" t="s">
        <v>3816</v>
      </c>
      <c r="IVO21" s="282" t="s">
        <v>3816</v>
      </c>
      <c r="IVP21" s="282" t="s">
        <v>3816</v>
      </c>
      <c r="IVQ21" s="282" t="s">
        <v>3816</v>
      </c>
      <c r="IVR21" s="282" t="s">
        <v>3816</v>
      </c>
      <c r="IVS21" s="282" t="s">
        <v>3816</v>
      </c>
      <c r="IVT21" s="282" t="s">
        <v>3816</v>
      </c>
      <c r="IVU21" s="282" t="s">
        <v>3816</v>
      </c>
      <c r="IVV21" s="282" t="s">
        <v>3816</v>
      </c>
      <c r="IVW21" s="282" t="s">
        <v>3816</v>
      </c>
      <c r="IVX21" s="282" t="s">
        <v>3816</v>
      </c>
      <c r="IVY21" s="282" t="s">
        <v>3816</v>
      </c>
      <c r="IVZ21" s="282" t="s">
        <v>3816</v>
      </c>
      <c r="IWA21" s="282" t="s">
        <v>3816</v>
      </c>
      <c r="IWB21" s="282" t="s">
        <v>3816</v>
      </c>
      <c r="IWC21" s="282" t="s">
        <v>3816</v>
      </c>
      <c r="IWD21" s="282" t="s">
        <v>3816</v>
      </c>
      <c r="IWE21" s="282" t="s">
        <v>3816</v>
      </c>
      <c r="IWF21" s="282" t="s">
        <v>3816</v>
      </c>
      <c r="IWG21" s="282" t="s">
        <v>3816</v>
      </c>
      <c r="IWH21" s="282" t="s">
        <v>3816</v>
      </c>
      <c r="IWI21" s="282" t="s">
        <v>3816</v>
      </c>
      <c r="IWJ21" s="282" t="s">
        <v>3816</v>
      </c>
      <c r="IWK21" s="282" t="s">
        <v>3816</v>
      </c>
      <c r="IWL21" s="282" t="s">
        <v>3816</v>
      </c>
      <c r="IWM21" s="282" t="s">
        <v>3816</v>
      </c>
      <c r="IWN21" s="282" t="s">
        <v>3816</v>
      </c>
      <c r="IWO21" s="282" t="s">
        <v>3816</v>
      </c>
      <c r="IWP21" s="282" t="s">
        <v>3816</v>
      </c>
      <c r="IWQ21" s="282" t="s">
        <v>3816</v>
      </c>
      <c r="IWR21" s="282" t="s">
        <v>3816</v>
      </c>
      <c r="IWS21" s="282" t="s">
        <v>3816</v>
      </c>
      <c r="IWT21" s="282" t="s">
        <v>3816</v>
      </c>
      <c r="IWU21" s="282" t="s">
        <v>3816</v>
      </c>
      <c r="IWV21" s="282" t="s">
        <v>3816</v>
      </c>
      <c r="IWW21" s="282" t="s">
        <v>3816</v>
      </c>
      <c r="IWX21" s="282" t="s">
        <v>3816</v>
      </c>
      <c r="IWY21" s="282" t="s">
        <v>3816</v>
      </c>
      <c r="IWZ21" s="282" t="s">
        <v>3816</v>
      </c>
      <c r="IXA21" s="282" t="s">
        <v>3816</v>
      </c>
      <c r="IXB21" s="282" t="s">
        <v>3816</v>
      </c>
      <c r="IXC21" s="282" t="s">
        <v>3816</v>
      </c>
      <c r="IXD21" s="282" t="s">
        <v>3816</v>
      </c>
      <c r="IXE21" s="282" t="s">
        <v>3816</v>
      </c>
      <c r="IXF21" s="282" t="s">
        <v>3816</v>
      </c>
      <c r="IXG21" s="282" t="s">
        <v>3816</v>
      </c>
      <c r="IXH21" s="282" t="s">
        <v>3816</v>
      </c>
      <c r="IXI21" s="282" t="s">
        <v>3816</v>
      </c>
      <c r="IXJ21" s="282" t="s">
        <v>3816</v>
      </c>
      <c r="IXK21" s="282" t="s">
        <v>3816</v>
      </c>
      <c r="IXL21" s="282" t="s">
        <v>3816</v>
      </c>
      <c r="IXM21" s="282" t="s">
        <v>3816</v>
      </c>
      <c r="IXN21" s="282" t="s">
        <v>3816</v>
      </c>
      <c r="IXO21" s="282" t="s">
        <v>3816</v>
      </c>
      <c r="IXP21" s="282" t="s">
        <v>3816</v>
      </c>
      <c r="IXQ21" s="282" t="s">
        <v>3816</v>
      </c>
      <c r="IXR21" s="282" t="s">
        <v>3816</v>
      </c>
      <c r="IXS21" s="282" t="s">
        <v>3816</v>
      </c>
      <c r="IXT21" s="282" t="s">
        <v>3816</v>
      </c>
      <c r="IXU21" s="282" t="s">
        <v>3816</v>
      </c>
      <c r="IXV21" s="282" t="s">
        <v>3816</v>
      </c>
      <c r="IXW21" s="282" t="s">
        <v>3816</v>
      </c>
      <c r="IXX21" s="282" t="s">
        <v>3816</v>
      </c>
      <c r="IXY21" s="282" t="s">
        <v>3816</v>
      </c>
      <c r="IXZ21" s="282" t="s">
        <v>3816</v>
      </c>
      <c r="IYA21" s="282" t="s">
        <v>3816</v>
      </c>
      <c r="IYB21" s="282" t="s">
        <v>3816</v>
      </c>
      <c r="IYC21" s="282" t="s">
        <v>3816</v>
      </c>
      <c r="IYD21" s="282" t="s">
        <v>3816</v>
      </c>
      <c r="IYE21" s="282" t="s">
        <v>3816</v>
      </c>
      <c r="IYF21" s="282" t="s">
        <v>3816</v>
      </c>
      <c r="IYG21" s="282" t="s">
        <v>3816</v>
      </c>
      <c r="IYH21" s="282" t="s">
        <v>3816</v>
      </c>
      <c r="IYI21" s="282" t="s">
        <v>3816</v>
      </c>
      <c r="IYJ21" s="282" t="s">
        <v>3816</v>
      </c>
      <c r="IYK21" s="282" t="s">
        <v>3816</v>
      </c>
      <c r="IYL21" s="282" t="s">
        <v>3816</v>
      </c>
      <c r="IYM21" s="282" t="s">
        <v>3816</v>
      </c>
      <c r="IYN21" s="282" t="s">
        <v>3816</v>
      </c>
      <c r="IYO21" s="282" t="s">
        <v>3816</v>
      </c>
      <c r="IYP21" s="282" t="s">
        <v>3816</v>
      </c>
      <c r="IYQ21" s="282" t="s">
        <v>3816</v>
      </c>
      <c r="IYR21" s="282" t="s">
        <v>3816</v>
      </c>
      <c r="IYS21" s="282" t="s">
        <v>3816</v>
      </c>
      <c r="IYT21" s="282" t="s">
        <v>3816</v>
      </c>
      <c r="IYU21" s="282" t="s">
        <v>3816</v>
      </c>
      <c r="IYV21" s="282" t="s">
        <v>3816</v>
      </c>
      <c r="IYW21" s="282" t="s">
        <v>3816</v>
      </c>
      <c r="IYX21" s="282" t="s">
        <v>3816</v>
      </c>
      <c r="IYY21" s="282" t="s">
        <v>3816</v>
      </c>
      <c r="IYZ21" s="282" t="s">
        <v>3816</v>
      </c>
      <c r="IZA21" s="282" t="s">
        <v>3816</v>
      </c>
      <c r="IZB21" s="282" t="s">
        <v>3816</v>
      </c>
      <c r="IZC21" s="282" t="s">
        <v>3816</v>
      </c>
      <c r="IZD21" s="282" t="s">
        <v>3816</v>
      </c>
      <c r="IZE21" s="282" t="s">
        <v>3816</v>
      </c>
      <c r="IZF21" s="282" t="s">
        <v>3816</v>
      </c>
      <c r="IZG21" s="282" t="s">
        <v>3816</v>
      </c>
      <c r="IZH21" s="282" t="s">
        <v>3816</v>
      </c>
      <c r="IZI21" s="282" t="s">
        <v>3816</v>
      </c>
      <c r="IZJ21" s="282" t="s">
        <v>3816</v>
      </c>
      <c r="IZK21" s="282" t="s">
        <v>3816</v>
      </c>
      <c r="IZL21" s="282" t="s">
        <v>3816</v>
      </c>
      <c r="IZM21" s="282" t="s">
        <v>3816</v>
      </c>
      <c r="IZN21" s="282" t="s">
        <v>3816</v>
      </c>
      <c r="IZO21" s="282" t="s">
        <v>3816</v>
      </c>
      <c r="IZP21" s="282" t="s">
        <v>3816</v>
      </c>
      <c r="IZQ21" s="282" t="s">
        <v>3816</v>
      </c>
      <c r="IZR21" s="282" t="s">
        <v>3816</v>
      </c>
      <c r="IZS21" s="282" t="s">
        <v>3816</v>
      </c>
      <c r="IZT21" s="282" t="s">
        <v>3816</v>
      </c>
      <c r="IZU21" s="282" t="s">
        <v>3816</v>
      </c>
      <c r="IZV21" s="282" t="s">
        <v>3816</v>
      </c>
      <c r="IZW21" s="282" t="s">
        <v>3816</v>
      </c>
      <c r="IZX21" s="282" t="s">
        <v>3816</v>
      </c>
      <c r="IZY21" s="282" t="s">
        <v>3816</v>
      </c>
      <c r="IZZ21" s="282" t="s">
        <v>3816</v>
      </c>
      <c r="JAA21" s="282" t="s">
        <v>3816</v>
      </c>
      <c r="JAB21" s="282" t="s">
        <v>3816</v>
      </c>
      <c r="JAC21" s="282" t="s">
        <v>3816</v>
      </c>
      <c r="JAD21" s="282" t="s">
        <v>3816</v>
      </c>
      <c r="JAE21" s="282" t="s">
        <v>3816</v>
      </c>
      <c r="JAF21" s="282" t="s">
        <v>3816</v>
      </c>
      <c r="JAG21" s="282" t="s">
        <v>3816</v>
      </c>
      <c r="JAH21" s="282" t="s">
        <v>3816</v>
      </c>
      <c r="JAI21" s="282" t="s">
        <v>3816</v>
      </c>
      <c r="JAJ21" s="282" t="s">
        <v>3816</v>
      </c>
      <c r="JAK21" s="282" t="s">
        <v>3816</v>
      </c>
      <c r="JAL21" s="282" t="s">
        <v>3816</v>
      </c>
      <c r="JAM21" s="282" t="s">
        <v>3816</v>
      </c>
      <c r="JAN21" s="282" t="s">
        <v>3816</v>
      </c>
      <c r="JAO21" s="282" t="s">
        <v>3816</v>
      </c>
      <c r="JAP21" s="282" t="s">
        <v>3816</v>
      </c>
      <c r="JAQ21" s="282" t="s">
        <v>3816</v>
      </c>
      <c r="JAR21" s="282" t="s">
        <v>3816</v>
      </c>
      <c r="JAS21" s="282" t="s">
        <v>3816</v>
      </c>
      <c r="JAT21" s="282" t="s">
        <v>3816</v>
      </c>
      <c r="JAU21" s="282" t="s">
        <v>3816</v>
      </c>
      <c r="JAV21" s="282" t="s">
        <v>3816</v>
      </c>
      <c r="JAW21" s="282" t="s">
        <v>3816</v>
      </c>
      <c r="JAX21" s="282" t="s">
        <v>3816</v>
      </c>
      <c r="JAY21" s="282" t="s">
        <v>3816</v>
      </c>
      <c r="JAZ21" s="282" t="s">
        <v>3816</v>
      </c>
      <c r="JBA21" s="282" t="s">
        <v>3816</v>
      </c>
      <c r="JBB21" s="282" t="s">
        <v>3816</v>
      </c>
      <c r="JBC21" s="282" t="s">
        <v>3816</v>
      </c>
      <c r="JBD21" s="282" t="s">
        <v>3816</v>
      </c>
      <c r="JBE21" s="282" t="s">
        <v>3816</v>
      </c>
      <c r="JBF21" s="282" t="s">
        <v>3816</v>
      </c>
      <c r="JBG21" s="282" t="s">
        <v>3816</v>
      </c>
      <c r="JBH21" s="282" t="s">
        <v>3816</v>
      </c>
      <c r="JBI21" s="282" t="s">
        <v>3816</v>
      </c>
      <c r="JBJ21" s="282" t="s">
        <v>3816</v>
      </c>
      <c r="JBK21" s="282" t="s">
        <v>3816</v>
      </c>
      <c r="JBL21" s="282" t="s">
        <v>3816</v>
      </c>
      <c r="JBM21" s="282" t="s">
        <v>3816</v>
      </c>
      <c r="JBN21" s="282" t="s">
        <v>3816</v>
      </c>
      <c r="JBO21" s="282" t="s">
        <v>3816</v>
      </c>
      <c r="JBP21" s="282" t="s">
        <v>3816</v>
      </c>
      <c r="JBQ21" s="282" t="s">
        <v>3816</v>
      </c>
      <c r="JBR21" s="282" t="s">
        <v>3816</v>
      </c>
      <c r="JBS21" s="282" t="s">
        <v>3816</v>
      </c>
      <c r="JBT21" s="282" t="s">
        <v>3816</v>
      </c>
      <c r="JBU21" s="282" t="s">
        <v>3816</v>
      </c>
      <c r="JBV21" s="282" t="s">
        <v>3816</v>
      </c>
      <c r="JBW21" s="282" t="s">
        <v>3816</v>
      </c>
      <c r="JBX21" s="282" t="s">
        <v>3816</v>
      </c>
      <c r="JBY21" s="282" t="s">
        <v>3816</v>
      </c>
      <c r="JBZ21" s="282" t="s">
        <v>3816</v>
      </c>
      <c r="JCA21" s="282" t="s">
        <v>3816</v>
      </c>
      <c r="JCB21" s="282" t="s">
        <v>3816</v>
      </c>
      <c r="JCC21" s="282" t="s">
        <v>3816</v>
      </c>
      <c r="JCD21" s="282" t="s">
        <v>3816</v>
      </c>
      <c r="JCE21" s="282" t="s">
        <v>3816</v>
      </c>
      <c r="JCF21" s="282" t="s">
        <v>3816</v>
      </c>
      <c r="JCG21" s="282" t="s">
        <v>3816</v>
      </c>
      <c r="JCH21" s="282" t="s">
        <v>3816</v>
      </c>
      <c r="JCI21" s="282" t="s">
        <v>3816</v>
      </c>
      <c r="JCJ21" s="282" t="s">
        <v>3816</v>
      </c>
      <c r="JCK21" s="282" t="s">
        <v>3816</v>
      </c>
      <c r="JCL21" s="282" t="s">
        <v>3816</v>
      </c>
      <c r="JCM21" s="282" t="s">
        <v>3816</v>
      </c>
      <c r="JCN21" s="282" t="s">
        <v>3816</v>
      </c>
      <c r="JCO21" s="282" t="s">
        <v>3816</v>
      </c>
      <c r="JCP21" s="282" t="s">
        <v>3816</v>
      </c>
      <c r="JCQ21" s="282" t="s">
        <v>3816</v>
      </c>
      <c r="JCR21" s="282" t="s">
        <v>3816</v>
      </c>
      <c r="JCS21" s="282" t="s">
        <v>3816</v>
      </c>
      <c r="JCT21" s="282" t="s">
        <v>3816</v>
      </c>
      <c r="JCU21" s="282" t="s">
        <v>3816</v>
      </c>
      <c r="JCV21" s="282" t="s">
        <v>3816</v>
      </c>
      <c r="JCW21" s="282" t="s">
        <v>3816</v>
      </c>
      <c r="JCX21" s="282" t="s">
        <v>3816</v>
      </c>
      <c r="JCY21" s="282" t="s">
        <v>3816</v>
      </c>
      <c r="JCZ21" s="282" t="s">
        <v>3816</v>
      </c>
      <c r="JDA21" s="282" t="s">
        <v>3816</v>
      </c>
      <c r="JDB21" s="282" t="s">
        <v>3816</v>
      </c>
      <c r="JDC21" s="282" t="s">
        <v>3816</v>
      </c>
      <c r="JDD21" s="282" t="s">
        <v>3816</v>
      </c>
      <c r="JDE21" s="282" t="s">
        <v>3816</v>
      </c>
      <c r="JDF21" s="282" t="s">
        <v>3816</v>
      </c>
      <c r="JDG21" s="282" t="s">
        <v>3816</v>
      </c>
      <c r="JDH21" s="282" t="s">
        <v>3816</v>
      </c>
      <c r="JDI21" s="282" t="s">
        <v>3816</v>
      </c>
      <c r="JDJ21" s="282" t="s">
        <v>3816</v>
      </c>
      <c r="JDK21" s="282" t="s">
        <v>3816</v>
      </c>
      <c r="JDL21" s="282" t="s">
        <v>3816</v>
      </c>
      <c r="JDM21" s="282" t="s">
        <v>3816</v>
      </c>
      <c r="JDN21" s="282" t="s">
        <v>3816</v>
      </c>
      <c r="JDO21" s="282" t="s">
        <v>3816</v>
      </c>
      <c r="JDP21" s="282" t="s">
        <v>3816</v>
      </c>
      <c r="JDQ21" s="282" t="s">
        <v>3816</v>
      </c>
      <c r="JDR21" s="282" t="s">
        <v>3816</v>
      </c>
      <c r="JDS21" s="282" t="s">
        <v>3816</v>
      </c>
      <c r="JDT21" s="282" t="s">
        <v>3816</v>
      </c>
      <c r="JDU21" s="282" t="s">
        <v>3816</v>
      </c>
      <c r="JDV21" s="282" t="s">
        <v>3816</v>
      </c>
      <c r="JDW21" s="282" t="s">
        <v>3816</v>
      </c>
      <c r="JDX21" s="282" t="s">
        <v>3816</v>
      </c>
      <c r="JDY21" s="282" t="s">
        <v>3816</v>
      </c>
      <c r="JDZ21" s="282" t="s">
        <v>3816</v>
      </c>
      <c r="JEA21" s="282" t="s">
        <v>3816</v>
      </c>
      <c r="JEB21" s="282" t="s">
        <v>3816</v>
      </c>
      <c r="JEC21" s="282" t="s">
        <v>3816</v>
      </c>
      <c r="JED21" s="282" t="s">
        <v>3816</v>
      </c>
      <c r="JEE21" s="282" t="s">
        <v>3816</v>
      </c>
      <c r="JEF21" s="282" t="s">
        <v>3816</v>
      </c>
      <c r="JEG21" s="282" t="s">
        <v>3816</v>
      </c>
      <c r="JEH21" s="282" t="s">
        <v>3816</v>
      </c>
      <c r="JEI21" s="282" t="s">
        <v>3816</v>
      </c>
      <c r="JEJ21" s="282" t="s">
        <v>3816</v>
      </c>
      <c r="JEK21" s="282" t="s">
        <v>3816</v>
      </c>
      <c r="JEL21" s="282" t="s">
        <v>3816</v>
      </c>
      <c r="JEM21" s="282" t="s">
        <v>3816</v>
      </c>
      <c r="JEN21" s="282" t="s">
        <v>3816</v>
      </c>
      <c r="JEO21" s="282" t="s">
        <v>3816</v>
      </c>
      <c r="JEP21" s="282" t="s">
        <v>3816</v>
      </c>
      <c r="JEQ21" s="282" t="s">
        <v>3816</v>
      </c>
      <c r="JER21" s="282" t="s">
        <v>3816</v>
      </c>
      <c r="JES21" s="282" t="s">
        <v>3816</v>
      </c>
      <c r="JET21" s="282" t="s">
        <v>3816</v>
      </c>
      <c r="JEU21" s="282" t="s">
        <v>3816</v>
      </c>
      <c r="JEV21" s="282" t="s">
        <v>3816</v>
      </c>
      <c r="JEW21" s="282" t="s">
        <v>3816</v>
      </c>
      <c r="JEX21" s="282" t="s">
        <v>3816</v>
      </c>
      <c r="JEY21" s="282" t="s">
        <v>3816</v>
      </c>
      <c r="JEZ21" s="282" t="s">
        <v>3816</v>
      </c>
      <c r="JFA21" s="282" t="s">
        <v>3816</v>
      </c>
      <c r="JFB21" s="282" t="s">
        <v>3816</v>
      </c>
      <c r="JFC21" s="282" t="s">
        <v>3816</v>
      </c>
      <c r="JFD21" s="282" t="s">
        <v>3816</v>
      </c>
      <c r="JFE21" s="282" t="s">
        <v>3816</v>
      </c>
      <c r="JFF21" s="282" t="s">
        <v>3816</v>
      </c>
      <c r="JFG21" s="282" t="s">
        <v>3816</v>
      </c>
      <c r="JFH21" s="282" t="s">
        <v>3816</v>
      </c>
      <c r="JFI21" s="282" t="s">
        <v>3816</v>
      </c>
      <c r="JFJ21" s="282" t="s">
        <v>3816</v>
      </c>
      <c r="JFK21" s="282" t="s">
        <v>3816</v>
      </c>
      <c r="JFL21" s="282" t="s">
        <v>3816</v>
      </c>
      <c r="JFM21" s="282" t="s">
        <v>3816</v>
      </c>
      <c r="JFN21" s="282" t="s">
        <v>3816</v>
      </c>
      <c r="JFO21" s="282" t="s">
        <v>3816</v>
      </c>
      <c r="JFP21" s="282" t="s">
        <v>3816</v>
      </c>
      <c r="JFQ21" s="282" t="s">
        <v>3816</v>
      </c>
      <c r="JFR21" s="282" t="s">
        <v>3816</v>
      </c>
      <c r="JFS21" s="282" t="s">
        <v>3816</v>
      </c>
      <c r="JFT21" s="282" t="s">
        <v>3816</v>
      </c>
      <c r="JFU21" s="282" t="s">
        <v>3816</v>
      </c>
      <c r="JFV21" s="282" t="s">
        <v>3816</v>
      </c>
      <c r="JFW21" s="282" t="s">
        <v>3816</v>
      </c>
      <c r="JFX21" s="282" t="s">
        <v>3816</v>
      </c>
      <c r="JFY21" s="282" t="s">
        <v>3816</v>
      </c>
      <c r="JFZ21" s="282" t="s">
        <v>3816</v>
      </c>
      <c r="JGA21" s="282" t="s">
        <v>3816</v>
      </c>
      <c r="JGB21" s="282" t="s">
        <v>3816</v>
      </c>
      <c r="JGC21" s="282" t="s">
        <v>3816</v>
      </c>
      <c r="JGD21" s="282" t="s">
        <v>3816</v>
      </c>
      <c r="JGE21" s="282" t="s">
        <v>3816</v>
      </c>
      <c r="JGF21" s="282" t="s">
        <v>3816</v>
      </c>
      <c r="JGG21" s="282" t="s">
        <v>3816</v>
      </c>
      <c r="JGH21" s="282" t="s">
        <v>3816</v>
      </c>
      <c r="JGI21" s="282" t="s">
        <v>3816</v>
      </c>
      <c r="JGJ21" s="282" t="s">
        <v>3816</v>
      </c>
      <c r="JGK21" s="282" t="s">
        <v>3816</v>
      </c>
      <c r="JGL21" s="282" t="s">
        <v>3816</v>
      </c>
      <c r="JGM21" s="282" t="s">
        <v>3816</v>
      </c>
      <c r="JGN21" s="282" t="s">
        <v>3816</v>
      </c>
      <c r="JGO21" s="282" t="s">
        <v>3816</v>
      </c>
      <c r="JGP21" s="282" t="s">
        <v>3816</v>
      </c>
      <c r="JGQ21" s="282" t="s">
        <v>3816</v>
      </c>
      <c r="JGR21" s="282" t="s">
        <v>3816</v>
      </c>
      <c r="JGS21" s="282" t="s">
        <v>3816</v>
      </c>
      <c r="JGT21" s="282" t="s">
        <v>3816</v>
      </c>
      <c r="JGU21" s="282" t="s">
        <v>3816</v>
      </c>
      <c r="JGV21" s="282" t="s">
        <v>3816</v>
      </c>
      <c r="JGW21" s="282" t="s">
        <v>3816</v>
      </c>
      <c r="JGX21" s="282" t="s">
        <v>3816</v>
      </c>
      <c r="JGY21" s="282" t="s">
        <v>3816</v>
      </c>
      <c r="JGZ21" s="282" t="s">
        <v>3816</v>
      </c>
      <c r="JHA21" s="282" t="s">
        <v>3816</v>
      </c>
      <c r="JHB21" s="282" t="s">
        <v>3816</v>
      </c>
      <c r="JHC21" s="282" t="s">
        <v>3816</v>
      </c>
      <c r="JHD21" s="282" t="s">
        <v>3816</v>
      </c>
      <c r="JHE21" s="282" t="s">
        <v>3816</v>
      </c>
      <c r="JHF21" s="282" t="s">
        <v>3816</v>
      </c>
      <c r="JHG21" s="282" t="s">
        <v>3816</v>
      </c>
      <c r="JHH21" s="282" t="s">
        <v>3816</v>
      </c>
      <c r="JHI21" s="282" t="s">
        <v>3816</v>
      </c>
      <c r="JHJ21" s="282" t="s">
        <v>3816</v>
      </c>
      <c r="JHK21" s="282" t="s">
        <v>3816</v>
      </c>
      <c r="JHL21" s="282" t="s">
        <v>3816</v>
      </c>
      <c r="JHM21" s="282" t="s">
        <v>3816</v>
      </c>
      <c r="JHN21" s="282" t="s">
        <v>3816</v>
      </c>
      <c r="JHO21" s="282" t="s">
        <v>3816</v>
      </c>
      <c r="JHP21" s="282" t="s">
        <v>3816</v>
      </c>
      <c r="JHQ21" s="282" t="s">
        <v>3816</v>
      </c>
      <c r="JHR21" s="282" t="s">
        <v>3816</v>
      </c>
      <c r="JHS21" s="282" t="s">
        <v>3816</v>
      </c>
      <c r="JHT21" s="282" t="s">
        <v>3816</v>
      </c>
      <c r="JHU21" s="282" t="s">
        <v>3816</v>
      </c>
      <c r="JHV21" s="282" t="s">
        <v>3816</v>
      </c>
      <c r="JHW21" s="282" t="s">
        <v>3816</v>
      </c>
      <c r="JHX21" s="282" t="s">
        <v>3816</v>
      </c>
      <c r="JHY21" s="282" t="s">
        <v>3816</v>
      </c>
      <c r="JHZ21" s="282" t="s">
        <v>3816</v>
      </c>
      <c r="JIA21" s="282" t="s">
        <v>3816</v>
      </c>
      <c r="JIB21" s="282" t="s">
        <v>3816</v>
      </c>
      <c r="JIC21" s="282" t="s">
        <v>3816</v>
      </c>
      <c r="JID21" s="282" t="s">
        <v>3816</v>
      </c>
      <c r="JIE21" s="282" t="s">
        <v>3816</v>
      </c>
      <c r="JIF21" s="282" t="s">
        <v>3816</v>
      </c>
      <c r="JIG21" s="282" t="s">
        <v>3816</v>
      </c>
      <c r="JIH21" s="282" t="s">
        <v>3816</v>
      </c>
      <c r="JII21" s="282" t="s">
        <v>3816</v>
      </c>
      <c r="JIJ21" s="282" t="s">
        <v>3816</v>
      </c>
      <c r="JIK21" s="282" t="s">
        <v>3816</v>
      </c>
      <c r="JIL21" s="282" t="s">
        <v>3816</v>
      </c>
      <c r="JIM21" s="282" t="s">
        <v>3816</v>
      </c>
      <c r="JIN21" s="282" t="s">
        <v>3816</v>
      </c>
      <c r="JIO21" s="282" t="s">
        <v>3816</v>
      </c>
      <c r="JIP21" s="282" t="s">
        <v>3816</v>
      </c>
      <c r="JIQ21" s="282" t="s">
        <v>3816</v>
      </c>
      <c r="JIR21" s="282" t="s">
        <v>3816</v>
      </c>
      <c r="JIS21" s="282" t="s">
        <v>3816</v>
      </c>
      <c r="JIT21" s="282" t="s">
        <v>3816</v>
      </c>
      <c r="JIU21" s="282" t="s">
        <v>3816</v>
      </c>
      <c r="JIV21" s="282" t="s">
        <v>3816</v>
      </c>
      <c r="JIW21" s="282" t="s">
        <v>3816</v>
      </c>
      <c r="JIX21" s="282" t="s">
        <v>3816</v>
      </c>
      <c r="JIY21" s="282" t="s">
        <v>3816</v>
      </c>
      <c r="JIZ21" s="282" t="s">
        <v>3816</v>
      </c>
      <c r="JJA21" s="282" t="s">
        <v>3816</v>
      </c>
      <c r="JJB21" s="282" t="s">
        <v>3816</v>
      </c>
      <c r="JJC21" s="282" t="s">
        <v>3816</v>
      </c>
      <c r="JJD21" s="282" t="s">
        <v>3816</v>
      </c>
      <c r="JJE21" s="282" t="s">
        <v>3816</v>
      </c>
      <c r="JJF21" s="282" t="s">
        <v>3816</v>
      </c>
      <c r="JJG21" s="282" t="s">
        <v>3816</v>
      </c>
      <c r="JJH21" s="282" t="s">
        <v>3816</v>
      </c>
      <c r="JJI21" s="282" t="s">
        <v>3816</v>
      </c>
      <c r="JJJ21" s="282" t="s">
        <v>3816</v>
      </c>
      <c r="JJK21" s="282" t="s">
        <v>3816</v>
      </c>
      <c r="JJL21" s="282" t="s">
        <v>3816</v>
      </c>
      <c r="JJM21" s="282" t="s">
        <v>3816</v>
      </c>
      <c r="JJN21" s="282" t="s">
        <v>3816</v>
      </c>
      <c r="JJO21" s="282" t="s">
        <v>3816</v>
      </c>
      <c r="JJP21" s="282" t="s">
        <v>3816</v>
      </c>
      <c r="JJQ21" s="282" t="s">
        <v>3816</v>
      </c>
      <c r="JJR21" s="282" t="s">
        <v>3816</v>
      </c>
      <c r="JJS21" s="282" t="s">
        <v>3816</v>
      </c>
      <c r="JJT21" s="282" t="s">
        <v>3816</v>
      </c>
      <c r="JJU21" s="282" t="s">
        <v>3816</v>
      </c>
      <c r="JJV21" s="282" t="s">
        <v>3816</v>
      </c>
      <c r="JJW21" s="282" t="s">
        <v>3816</v>
      </c>
      <c r="JJX21" s="282" t="s">
        <v>3816</v>
      </c>
      <c r="JJY21" s="282" t="s">
        <v>3816</v>
      </c>
      <c r="JJZ21" s="282" t="s">
        <v>3816</v>
      </c>
      <c r="JKA21" s="282" t="s">
        <v>3816</v>
      </c>
      <c r="JKB21" s="282" t="s">
        <v>3816</v>
      </c>
      <c r="JKC21" s="282" t="s">
        <v>3816</v>
      </c>
      <c r="JKD21" s="282" t="s">
        <v>3816</v>
      </c>
      <c r="JKE21" s="282" t="s">
        <v>3816</v>
      </c>
      <c r="JKF21" s="282" t="s">
        <v>3816</v>
      </c>
      <c r="JKG21" s="282" t="s">
        <v>3816</v>
      </c>
      <c r="JKH21" s="282" t="s">
        <v>3816</v>
      </c>
      <c r="JKI21" s="282" t="s">
        <v>3816</v>
      </c>
      <c r="JKJ21" s="282" t="s">
        <v>3816</v>
      </c>
      <c r="JKK21" s="282" t="s">
        <v>3816</v>
      </c>
      <c r="JKL21" s="282" t="s">
        <v>3816</v>
      </c>
      <c r="JKM21" s="282" t="s">
        <v>3816</v>
      </c>
      <c r="JKN21" s="282" t="s">
        <v>3816</v>
      </c>
      <c r="JKO21" s="282" t="s">
        <v>3816</v>
      </c>
      <c r="JKP21" s="282" t="s">
        <v>3816</v>
      </c>
      <c r="JKQ21" s="282" t="s">
        <v>3816</v>
      </c>
      <c r="JKR21" s="282" t="s">
        <v>3816</v>
      </c>
      <c r="JKS21" s="282" t="s">
        <v>3816</v>
      </c>
      <c r="JKT21" s="282" t="s">
        <v>3816</v>
      </c>
      <c r="JKU21" s="282" t="s">
        <v>3816</v>
      </c>
      <c r="JKV21" s="282" t="s">
        <v>3816</v>
      </c>
      <c r="JKW21" s="282" t="s">
        <v>3816</v>
      </c>
      <c r="JKX21" s="282" t="s">
        <v>3816</v>
      </c>
      <c r="JKY21" s="282" t="s">
        <v>3816</v>
      </c>
      <c r="JKZ21" s="282" t="s">
        <v>3816</v>
      </c>
      <c r="JLA21" s="282" t="s">
        <v>3816</v>
      </c>
      <c r="JLB21" s="282" t="s">
        <v>3816</v>
      </c>
      <c r="JLC21" s="282" t="s">
        <v>3816</v>
      </c>
      <c r="JLD21" s="282" t="s">
        <v>3816</v>
      </c>
      <c r="JLE21" s="282" t="s">
        <v>3816</v>
      </c>
      <c r="JLF21" s="282" t="s">
        <v>3816</v>
      </c>
      <c r="JLG21" s="282" t="s">
        <v>3816</v>
      </c>
      <c r="JLH21" s="282" t="s">
        <v>3816</v>
      </c>
      <c r="JLI21" s="282" t="s">
        <v>3816</v>
      </c>
      <c r="JLJ21" s="282" t="s">
        <v>3816</v>
      </c>
      <c r="JLK21" s="282" t="s">
        <v>3816</v>
      </c>
      <c r="JLL21" s="282" t="s">
        <v>3816</v>
      </c>
      <c r="JLM21" s="282" t="s">
        <v>3816</v>
      </c>
      <c r="JLN21" s="282" t="s">
        <v>3816</v>
      </c>
      <c r="JLO21" s="282" t="s">
        <v>3816</v>
      </c>
      <c r="JLP21" s="282" t="s">
        <v>3816</v>
      </c>
      <c r="JLQ21" s="282" t="s">
        <v>3816</v>
      </c>
      <c r="JLR21" s="282" t="s">
        <v>3816</v>
      </c>
      <c r="JLS21" s="282" t="s">
        <v>3816</v>
      </c>
      <c r="JLT21" s="282" t="s">
        <v>3816</v>
      </c>
      <c r="JLU21" s="282" t="s">
        <v>3816</v>
      </c>
      <c r="JLV21" s="282" t="s">
        <v>3816</v>
      </c>
      <c r="JLW21" s="282" t="s">
        <v>3816</v>
      </c>
      <c r="JLX21" s="282" t="s">
        <v>3816</v>
      </c>
      <c r="JLY21" s="282" t="s">
        <v>3816</v>
      </c>
      <c r="JLZ21" s="282" t="s">
        <v>3816</v>
      </c>
      <c r="JMA21" s="282" t="s">
        <v>3816</v>
      </c>
      <c r="JMB21" s="282" t="s">
        <v>3816</v>
      </c>
      <c r="JMC21" s="282" t="s">
        <v>3816</v>
      </c>
      <c r="JMD21" s="282" t="s">
        <v>3816</v>
      </c>
      <c r="JME21" s="282" t="s">
        <v>3816</v>
      </c>
      <c r="JMF21" s="282" t="s">
        <v>3816</v>
      </c>
      <c r="JMG21" s="282" t="s">
        <v>3816</v>
      </c>
      <c r="JMH21" s="282" t="s">
        <v>3816</v>
      </c>
      <c r="JMI21" s="282" t="s">
        <v>3816</v>
      </c>
      <c r="JMJ21" s="282" t="s">
        <v>3816</v>
      </c>
      <c r="JMK21" s="282" t="s">
        <v>3816</v>
      </c>
      <c r="JML21" s="282" t="s">
        <v>3816</v>
      </c>
      <c r="JMM21" s="282" t="s">
        <v>3816</v>
      </c>
      <c r="JMN21" s="282" t="s">
        <v>3816</v>
      </c>
      <c r="JMO21" s="282" t="s">
        <v>3816</v>
      </c>
      <c r="JMP21" s="282" t="s">
        <v>3816</v>
      </c>
      <c r="JMQ21" s="282" t="s">
        <v>3816</v>
      </c>
      <c r="JMR21" s="282" t="s">
        <v>3816</v>
      </c>
      <c r="JMS21" s="282" t="s">
        <v>3816</v>
      </c>
      <c r="JMT21" s="282" t="s">
        <v>3816</v>
      </c>
      <c r="JMU21" s="282" t="s">
        <v>3816</v>
      </c>
      <c r="JMV21" s="282" t="s">
        <v>3816</v>
      </c>
      <c r="JMW21" s="282" t="s">
        <v>3816</v>
      </c>
      <c r="JMX21" s="282" t="s">
        <v>3816</v>
      </c>
      <c r="JMY21" s="282" t="s">
        <v>3816</v>
      </c>
      <c r="JMZ21" s="282" t="s">
        <v>3816</v>
      </c>
      <c r="JNA21" s="282" t="s">
        <v>3816</v>
      </c>
      <c r="JNB21" s="282" t="s">
        <v>3816</v>
      </c>
      <c r="JNC21" s="282" t="s">
        <v>3816</v>
      </c>
      <c r="JND21" s="282" t="s">
        <v>3816</v>
      </c>
      <c r="JNE21" s="282" t="s">
        <v>3816</v>
      </c>
      <c r="JNF21" s="282" t="s">
        <v>3816</v>
      </c>
      <c r="JNG21" s="282" t="s">
        <v>3816</v>
      </c>
      <c r="JNH21" s="282" t="s">
        <v>3816</v>
      </c>
      <c r="JNI21" s="282" t="s">
        <v>3816</v>
      </c>
      <c r="JNJ21" s="282" t="s">
        <v>3816</v>
      </c>
      <c r="JNK21" s="282" t="s">
        <v>3816</v>
      </c>
      <c r="JNL21" s="282" t="s">
        <v>3816</v>
      </c>
      <c r="JNM21" s="282" t="s">
        <v>3816</v>
      </c>
      <c r="JNN21" s="282" t="s">
        <v>3816</v>
      </c>
      <c r="JNO21" s="282" t="s">
        <v>3816</v>
      </c>
      <c r="JNP21" s="282" t="s">
        <v>3816</v>
      </c>
      <c r="JNQ21" s="282" t="s">
        <v>3816</v>
      </c>
      <c r="JNR21" s="282" t="s">
        <v>3816</v>
      </c>
      <c r="JNS21" s="282" t="s">
        <v>3816</v>
      </c>
      <c r="JNT21" s="282" t="s">
        <v>3816</v>
      </c>
      <c r="JNU21" s="282" t="s">
        <v>3816</v>
      </c>
      <c r="JNV21" s="282" t="s">
        <v>3816</v>
      </c>
      <c r="JNW21" s="282" t="s">
        <v>3816</v>
      </c>
      <c r="JNX21" s="282" t="s">
        <v>3816</v>
      </c>
      <c r="JNY21" s="282" t="s">
        <v>3816</v>
      </c>
      <c r="JNZ21" s="282" t="s">
        <v>3816</v>
      </c>
      <c r="JOA21" s="282" t="s">
        <v>3816</v>
      </c>
      <c r="JOB21" s="282" t="s">
        <v>3816</v>
      </c>
      <c r="JOC21" s="282" t="s">
        <v>3816</v>
      </c>
      <c r="JOD21" s="282" t="s">
        <v>3816</v>
      </c>
      <c r="JOE21" s="282" t="s">
        <v>3816</v>
      </c>
      <c r="JOF21" s="282" t="s">
        <v>3816</v>
      </c>
      <c r="JOG21" s="282" t="s">
        <v>3816</v>
      </c>
      <c r="JOH21" s="282" t="s">
        <v>3816</v>
      </c>
      <c r="JOI21" s="282" t="s">
        <v>3816</v>
      </c>
      <c r="JOJ21" s="282" t="s">
        <v>3816</v>
      </c>
      <c r="JOK21" s="282" t="s">
        <v>3816</v>
      </c>
      <c r="JOL21" s="282" t="s">
        <v>3816</v>
      </c>
      <c r="JOM21" s="282" t="s">
        <v>3816</v>
      </c>
      <c r="JON21" s="282" t="s">
        <v>3816</v>
      </c>
      <c r="JOO21" s="282" t="s">
        <v>3816</v>
      </c>
      <c r="JOP21" s="282" t="s">
        <v>3816</v>
      </c>
      <c r="JOQ21" s="282" t="s">
        <v>3816</v>
      </c>
      <c r="JOR21" s="282" t="s">
        <v>3816</v>
      </c>
      <c r="JOS21" s="282" t="s">
        <v>3816</v>
      </c>
      <c r="JOT21" s="282" t="s">
        <v>3816</v>
      </c>
      <c r="JOU21" s="282" t="s">
        <v>3816</v>
      </c>
      <c r="JOV21" s="282" t="s">
        <v>3816</v>
      </c>
      <c r="JOW21" s="282" t="s">
        <v>3816</v>
      </c>
      <c r="JOX21" s="282" t="s">
        <v>3816</v>
      </c>
      <c r="JOY21" s="282" t="s">
        <v>3816</v>
      </c>
      <c r="JOZ21" s="282" t="s">
        <v>3816</v>
      </c>
      <c r="JPA21" s="282" t="s">
        <v>3816</v>
      </c>
      <c r="JPB21" s="282" t="s">
        <v>3816</v>
      </c>
      <c r="JPC21" s="282" t="s">
        <v>3816</v>
      </c>
      <c r="JPD21" s="282" t="s">
        <v>3816</v>
      </c>
      <c r="JPE21" s="282" t="s">
        <v>3816</v>
      </c>
      <c r="JPF21" s="282" t="s">
        <v>3816</v>
      </c>
      <c r="JPG21" s="282" t="s">
        <v>3816</v>
      </c>
      <c r="JPH21" s="282" t="s">
        <v>3816</v>
      </c>
      <c r="JPI21" s="282" t="s">
        <v>3816</v>
      </c>
      <c r="JPJ21" s="282" t="s">
        <v>3816</v>
      </c>
      <c r="JPK21" s="282" t="s">
        <v>3816</v>
      </c>
      <c r="JPL21" s="282" t="s">
        <v>3816</v>
      </c>
      <c r="JPM21" s="282" t="s">
        <v>3816</v>
      </c>
      <c r="JPN21" s="282" t="s">
        <v>3816</v>
      </c>
      <c r="JPO21" s="282" t="s">
        <v>3816</v>
      </c>
      <c r="JPP21" s="282" t="s">
        <v>3816</v>
      </c>
      <c r="JPQ21" s="282" t="s">
        <v>3816</v>
      </c>
      <c r="JPR21" s="282" t="s">
        <v>3816</v>
      </c>
      <c r="JPS21" s="282" t="s">
        <v>3816</v>
      </c>
      <c r="JPT21" s="282" t="s">
        <v>3816</v>
      </c>
      <c r="JPU21" s="282" t="s">
        <v>3816</v>
      </c>
      <c r="JPV21" s="282" t="s">
        <v>3816</v>
      </c>
      <c r="JPW21" s="282" t="s">
        <v>3816</v>
      </c>
      <c r="JPX21" s="282" t="s">
        <v>3816</v>
      </c>
      <c r="JPY21" s="282" t="s">
        <v>3816</v>
      </c>
      <c r="JPZ21" s="282" t="s">
        <v>3816</v>
      </c>
      <c r="JQA21" s="282" t="s">
        <v>3816</v>
      </c>
      <c r="JQB21" s="282" t="s">
        <v>3816</v>
      </c>
      <c r="JQC21" s="282" t="s">
        <v>3816</v>
      </c>
      <c r="JQD21" s="282" t="s">
        <v>3816</v>
      </c>
      <c r="JQE21" s="282" t="s">
        <v>3816</v>
      </c>
      <c r="JQF21" s="282" t="s">
        <v>3816</v>
      </c>
      <c r="JQG21" s="282" t="s">
        <v>3816</v>
      </c>
      <c r="JQH21" s="282" t="s">
        <v>3816</v>
      </c>
      <c r="JQI21" s="282" t="s">
        <v>3816</v>
      </c>
      <c r="JQJ21" s="282" t="s">
        <v>3816</v>
      </c>
      <c r="JQK21" s="282" t="s">
        <v>3816</v>
      </c>
      <c r="JQL21" s="282" t="s">
        <v>3816</v>
      </c>
      <c r="JQM21" s="282" t="s">
        <v>3816</v>
      </c>
      <c r="JQN21" s="282" t="s">
        <v>3816</v>
      </c>
      <c r="JQO21" s="282" t="s">
        <v>3816</v>
      </c>
      <c r="JQP21" s="282" t="s">
        <v>3816</v>
      </c>
      <c r="JQQ21" s="282" t="s">
        <v>3816</v>
      </c>
      <c r="JQR21" s="282" t="s">
        <v>3816</v>
      </c>
      <c r="JQS21" s="282" t="s">
        <v>3816</v>
      </c>
      <c r="JQT21" s="282" t="s">
        <v>3816</v>
      </c>
      <c r="JQU21" s="282" t="s">
        <v>3816</v>
      </c>
      <c r="JQV21" s="282" t="s">
        <v>3816</v>
      </c>
      <c r="JQW21" s="282" t="s">
        <v>3816</v>
      </c>
      <c r="JQX21" s="282" t="s">
        <v>3816</v>
      </c>
      <c r="JQY21" s="282" t="s">
        <v>3816</v>
      </c>
      <c r="JQZ21" s="282" t="s">
        <v>3816</v>
      </c>
      <c r="JRA21" s="282" t="s">
        <v>3816</v>
      </c>
      <c r="JRB21" s="282" t="s">
        <v>3816</v>
      </c>
      <c r="JRC21" s="282" t="s">
        <v>3816</v>
      </c>
      <c r="JRD21" s="282" t="s">
        <v>3816</v>
      </c>
      <c r="JRE21" s="282" t="s">
        <v>3816</v>
      </c>
      <c r="JRF21" s="282" t="s">
        <v>3816</v>
      </c>
      <c r="JRG21" s="282" t="s">
        <v>3816</v>
      </c>
      <c r="JRH21" s="282" t="s">
        <v>3816</v>
      </c>
      <c r="JRI21" s="282" t="s">
        <v>3816</v>
      </c>
      <c r="JRJ21" s="282" t="s">
        <v>3816</v>
      </c>
      <c r="JRK21" s="282" t="s">
        <v>3816</v>
      </c>
      <c r="JRL21" s="282" t="s">
        <v>3816</v>
      </c>
      <c r="JRM21" s="282" t="s">
        <v>3816</v>
      </c>
      <c r="JRN21" s="282" t="s">
        <v>3816</v>
      </c>
      <c r="JRO21" s="282" t="s">
        <v>3816</v>
      </c>
      <c r="JRP21" s="282" t="s">
        <v>3816</v>
      </c>
      <c r="JRQ21" s="282" t="s">
        <v>3816</v>
      </c>
      <c r="JRR21" s="282" t="s">
        <v>3816</v>
      </c>
      <c r="JRS21" s="282" t="s">
        <v>3816</v>
      </c>
      <c r="JRT21" s="282" t="s">
        <v>3816</v>
      </c>
      <c r="JRU21" s="282" t="s">
        <v>3816</v>
      </c>
      <c r="JRV21" s="282" t="s">
        <v>3816</v>
      </c>
      <c r="JRW21" s="282" t="s">
        <v>3816</v>
      </c>
      <c r="JRX21" s="282" t="s">
        <v>3816</v>
      </c>
      <c r="JRY21" s="282" t="s">
        <v>3816</v>
      </c>
      <c r="JRZ21" s="282" t="s">
        <v>3816</v>
      </c>
      <c r="JSA21" s="282" t="s">
        <v>3816</v>
      </c>
      <c r="JSB21" s="282" t="s">
        <v>3816</v>
      </c>
      <c r="JSC21" s="282" t="s">
        <v>3816</v>
      </c>
      <c r="JSD21" s="282" t="s">
        <v>3816</v>
      </c>
      <c r="JSE21" s="282" t="s">
        <v>3816</v>
      </c>
      <c r="JSF21" s="282" t="s">
        <v>3816</v>
      </c>
      <c r="JSG21" s="282" t="s">
        <v>3816</v>
      </c>
      <c r="JSH21" s="282" t="s">
        <v>3816</v>
      </c>
      <c r="JSI21" s="282" t="s">
        <v>3816</v>
      </c>
      <c r="JSJ21" s="282" t="s">
        <v>3816</v>
      </c>
      <c r="JSK21" s="282" t="s">
        <v>3816</v>
      </c>
      <c r="JSL21" s="282" t="s">
        <v>3816</v>
      </c>
      <c r="JSM21" s="282" t="s">
        <v>3816</v>
      </c>
      <c r="JSN21" s="282" t="s">
        <v>3816</v>
      </c>
      <c r="JSO21" s="282" t="s">
        <v>3816</v>
      </c>
      <c r="JSP21" s="282" t="s">
        <v>3816</v>
      </c>
      <c r="JSQ21" s="282" t="s">
        <v>3816</v>
      </c>
      <c r="JSR21" s="282" t="s">
        <v>3816</v>
      </c>
      <c r="JSS21" s="282" t="s">
        <v>3816</v>
      </c>
      <c r="JST21" s="282" t="s">
        <v>3816</v>
      </c>
      <c r="JSU21" s="282" t="s">
        <v>3816</v>
      </c>
      <c r="JSV21" s="282" t="s">
        <v>3816</v>
      </c>
      <c r="JSW21" s="282" t="s">
        <v>3816</v>
      </c>
      <c r="JSX21" s="282" t="s">
        <v>3816</v>
      </c>
      <c r="JSY21" s="282" t="s">
        <v>3816</v>
      </c>
      <c r="JSZ21" s="282" t="s">
        <v>3816</v>
      </c>
      <c r="JTA21" s="282" t="s">
        <v>3816</v>
      </c>
      <c r="JTB21" s="282" t="s">
        <v>3816</v>
      </c>
      <c r="JTC21" s="282" t="s">
        <v>3816</v>
      </c>
      <c r="JTD21" s="282" t="s">
        <v>3816</v>
      </c>
      <c r="JTE21" s="282" t="s">
        <v>3816</v>
      </c>
      <c r="JTF21" s="282" t="s">
        <v>3816</v>
      </c>
      <c r="JTG21" s="282" t="s">
        <v>3816</v>
      </c>
      <c r="JTH21" s="282" t="s">
        <v>3816</v>
      </c>
      <c r="JTI21" s="282" t="s">
        <v>3816</v>
      </c>
      <c r="JTJ21" s="282" t="s">
        <v>3816</v>
      </c>
      <c r="JTK21" s="282" t="s">
        <v>3816</v>
      </c>
      <c r="JTL21" s="282" t="s">
        <v>3816</v>
      </c>
      <c r="JTM21" s="282" t="s">
        <v>3816</v>
      </c>
      <c r="JTN21" s="282" t="s">
        <v>3816</v>
      </c>
      <c r="JTO21" s="282" t="s">
        <v>3816</v>
      </c>
      <c r="JTP21" s="282" t="s">
        <v>3816</v>
      </c>
      <c r="JTQ21" s="282" t="s">
        <v>3816</v>
      </c>
      <c r="JTR21" s="282" t="s">
        <v>3816</v>
      </c>
      <c r="JTS21" s="282" t="s">
        <v>3816</v>
      </c>
      <c r="JTT21" s="282" t="s">
        <v>3816</v>
      </c>
      <c r="JTU21" s="282" t="s">
        <v>3816</v>
      </c>
      <c r="JTV21" s="282" t="s">
        <v>3816</v>
      </c>
      <c r="JTW21" s="282" t="s">
        <v>3816</v>
      </c>
      <c r="JTX21" s="282" t="s">
        <v>3816</v>
      </c>
      <c r="JTY21" s="282" t="s">
        <v>3816</v>
      </c>
      <c r="JTZ21" s="282" t="s">
        <v>3816</v>
      </c>
      <c r="JUA21" s="282" t="s">
        <v>3816</v>
      </c>
      <c r="JUB21" s="282" t="s">
        <v>3816</v>
      </c>
      <c r="JUC21" s="282" t="s">
        <v>3816</v>
      </c>
      <c r="JUD21" s="282" t="s">
        <v>3816</v>
      </c>
      <c r="JUE21" s="282" t="s">
        <v>3816</v>
      </c>
      <c r="JUF21" s="282" t="s">
        <v>3816</v>
      </c>
      <c r="JUG21" s="282" t="s">
        <v>3816</v>
      </c>
      <c r="JUH21" s="282" t="s">
        <v>3816</v>
      </c>
      <c r="JUI21" s="282" t="s">
        <v>3816</v>
      </c>
      <c r="JUJ21" s="282" t="s">
        <v>3816</v>
      </c>
      <c r="JUK21" s="282" t="s">
        <v>3816</v>
      </c>
      <c r="JUL21" s="282" t="s">
        <v>3816</v>
      </c>
      <c r="JUM21" s="282" t="s">
        <v>3816</v>
      </c>
      <c r="JUN21" s="282" t="s">
        <v>3816</v>
      </c>
      <c r="JUO21" s="282" t="s">
        <v>3816</v>
      </c>
      <c r="JUP21" s="282" t="s">
        <v>3816</v>
      </c>
      <c r="JUQ21" s="282" t="s">
        <v>3816</v>
      </c>
      <c r="JUR21" s="282" t="s">
        <v>3816</v>
      </c>
      <c r="JUS21" s="282" t="s">
        <v>3816</v>
      </c>
      <c r="JUT21" s="282" t="s">
        <v>3816</v>
      </c>
      <c r="JUU21" s="282" t="s">
        <v>3816</v>
      </c>
      <c r="JUV21" s="282" t="s">
        <v>3816</v>
      </c>
      <c r="JUW21" s="282" t="s">
        <v>3816</v>
      </c>
      <c r="JUX21" s="282" t="s">
        <v>3816</v>
      </c>
      <c r="JUY21" s="282" t="s">
        <v>3816</v>
      </c>
      <c r="JUZ21" s="282" t="s">
        <v>3816</v>
      </c>
      <c r="JVA21" s="282" t="s">
        <v>3816</v>
      </c>
      <c r="JVB21" s="282" t="s">
        <v>3816</v>
      </c>
      <c r="JVC21" s="282" t="s">
        <v>3816</v>
      </c>
      <c r="JVD21" s="282" t="s">
        <v>3816</v>
      </c>
      <c r="JVE21" s="282" t="s">
        <v>3816</v>
      </c>
      <c r="JVF21" s="282" t="s">
        <v>3816</v>
      </c>
      <c r="JVG21" s="282" t="s">
        <v>3816</v>
      </c>
      <c r="JVH21" s="282" t="s">
        <v>3816</v>
      </c>
      <c r="JVI21" s="282" t="s">
        <v>3816</v>
      </c>
      <c r="JVJ21" s="282" t="s">
        <v>3816</v>
      </c>
      <c r="JVK21" s="282" t="s">
        <v>3816</v>
      </c>
      <c r="JVL21" s="282" t="s">
        <v>3816</v>
      </c>
      <c r="JVM21" s="282" t="s">
        <v>3816</v>
      </c>
      <c r="JVN21" s="282" t="s">
        <v>3816</v>
      </c>
      <c r="JVO21" s="282" t="s">
        <v>3816</v>
      </c>
      <c r="JVP21" s="282" t="s">
        <v>3816</v>
      </c>
      <c r="JVQ21" s="282" t="s">
        <v>3816</v>
      </c>
      <c r="JVR21" s="282" t="s">
        <v>3816</v>
      </c>
      <c r="JVS21" s="282" t="s">
        <v>3816</v>
      </c>
      <c r="JVT21" s="282" t="s">
        <v>3816</v>
      </c>
      <c r="JVU21" s="282" t="s">
        <v>3816</v>
      </c>
      <c r="JVV21" s="282" t="s">
        <v>3816</v>
      </c>
      <c r="JVW21" s="282" t="s">
        <v>3816</v>
      </c>
      <c r="JVX21" s="282" t="s">
        <v>3816</v>
      </c>
      <c r="JVY21" s="282" t="s">
        <v>3816</v>
      </c>
      <c r="JVZ21" s="282" t="s">
        <v>3816</v>
      </c>
      <c r="JWA21" s="282" t="s">
        <v>3816</v>
      </c>
      <c r="JWB21" s="282" t="s">
        <v>3816</v>
      </c>
      <c r="JWC21" s="282" t="s">
        <v>3816</v>
      </c>
      <c r="JWD21" s="282" t="s">
        <v>3816</v>
      </c>
      <c r="JWE21" s="282" t="s">
        <v>3816</v>
      </c>
      <c r="JWF21" s="282" t="s">
        <v>3816</v>
      </c>
      <c r="JWG21" s="282" t="s">
        <v>3816</v>
      </c>
      <c r="JWH21" s="282" t="s">
        <v>3816</v>
      </c>
      <c r="JWI21" s="282" t="s">
        <v>3816</v>
      </c>
      <c r="JWJ21" s="282" t="s">
        <v>3816</v>
      </c>
      <c r="JWK21" s="282" t="s">
        <v>3816</v>
      </c>
      <c r="JWL21" s="282" t="s">
        <v>3816</v>
      </c>
      <c r="JWM21" s="282" t="s">
        <v>3816</v>
      </c>
      <c r="JWN21" s="282" t="s">
        <v>3816</v>
      </c>
      <c r="JWO21" s="282" t="s">
        <v>3816</v>
      </c>
      <c r="JWP21" s="282" t="s">
        <v>3816</v>
      </c>
      <c r="JWQ21" s="282" t="s">
        <v>3816</v>
      </c>
      <c r="JWR21" s="282" t="s">
        <v>3816</v>
      </c>
      <c r="JWS21" s="282" t="s">
        <v>3816</v>
      </c>
      <c r="JWT21" s="282" t="s">
        <v>3816</v>
      </c>
      <c r="JWU21" s="282" t="s">
        <v>3816</v>
      </c>
      <c r="JWV21" s="282" t="s">
        <v>3816</v>
      </c>
      <c r="JWW21" s="282" t="s">
        <v>3816</v>
      </c>
      <c r="JWX21" s="282" t="s">
        <v>3816</v>
      </c>
      <c r="JWY21" s="282" t="s">
        <v>3816</v>
      </c>
      <c r="JWZ21" s="282" t="s">
        <v>3816</v>
      </c>
      <c r="JXA21" s="282" t="s">
        <v>3816</v>
      </c>
      <c r="JXB21" s="282" t="s">
        <v>3816</v>
      </c>
      <c r="JXC21" s="282" t="s">
        <v>3816</v>
      </c>
      <c r="JXD21" s="282" t="s">
        <v>3816</v>
      </c>
      <c r="JXE21" s="282" t="s">
        <v>3816</v>
      </c>
      <c r="JXF21" s="282" t="s">
        <v>3816</v>
      </c>
      <c r="JXG21" s="282" t="s">
        <v>3816</v>
      </c>
      <c r="JXH21" s="282" t="s">
        <v>3816</v>
      </c>
      <c r="JXI21" s="282" t="s">
        <v>3816</v>
      </c>
      <c r="JXJ21" s="282" t="s">
        <v>3816</v>
      </c>
      <c r="JXK21" s="282" t="s">
        <v>3816</v>
      </c>
      <c r="JXL21" s="282" t="s">
        <v>3816</v>
      </c>
      <c r="JXM21" s="282" t="s">
        <v>3816</v>
      </c>
      <c r="JXN21" s="282" t="s">
        <v>3816</v>
      </c>
      <c r="JXO21" s="282" t="s">
        <v>3816</v>
      </c>
      <c r="JXP21" s="282" t="s">
        <v>3816</v>
      </c>
      <c r="JXQ21" s="282" t="s">
        <v>3816</v>
      </c>
      <c r="JXR21" s="282" t="s">
        <v>3816</v>
      </c>
      <c r="JXS21" s="282" t="s">
        <v>3816</v>
      </c>
      <c r="JXT21" s="282" t="s">
        <v>3816</v>
      </c>
      <c r="JXU21" s="282" t="s">
        <v>3816</v>
      </c>
      <c r="JXV21" s="282" t="s">
        <v>3816</v>
      </c>
      <c r="JXW21" s="282" t="s">
        <v>3816</v>
      </c>
      <c r="JXX21" s="282" t="s">
        <v>3816</v>
      </c>
      <c r="JXY21" s="282" t="s">
        <v>3816</v>
      </c>
      <c r="JXZ21" s="282" t="s">
        <v>3816</v>
      </c>
      <c r="JYA21" s="282" t="s">
        <v>3816</v>
      </c>
      <c r="JYB21" s="282" t="s">
        <v>3816</v>
      </c>
      <c r="JYC21" s="282" t="s">
        <v>3816</v>
      </c>
      <c r="JYD21" s="282" t="s">
        <v>3816</v>
      </c>
      <c r="JYE21" s="282" t="s">
        <v>3816</v>
      </c>
      <c r="JYF21" s="282" t="s">
        <v>3816</v>
      </c>
      <c r="JYG21" s="282" t="s">
        <v>3816</v>
      </c>
      <c r="JYH21" s="282" t="s">
        <v>3816</v>
      </c>
      <c r="JYI21" s="282" t="s">
        <v>3816</v>
      </c>
      <c r="JYJ21" s="282" t="s">
        <v>3816</v>
      </c>
      <c r="JYK21" s="282" t="s">
        <v>3816</v>
      </c>
      <c r="JYL21" s="282" t="s">
        <v>3816</v>
      </c>
      <c r="JYM21" s="282" t="s">
        <v>3816</v>
      </c>
      <c r="JYN21" s="282" t="s">
        <v>3816</v>
      </c>
      <c r="JYO21" s="282" t="s">
        <v>3816</v>
      </c>
      <c r="JYP21" s="282" t="s">
        <v>3816</v>
      </c>
      <c r="JYQ21" s="282" t="s">
        <v>3816</v>
      </c>
      <c r="JYR21" s="282" t="s">
        <v>3816</v>
      </c>
      <c r="JYS21" s="282" t="s">
        <v>3816</v>
      </c>
      <c r="JYT21" s="282" t="s">
        <v>3816</v>
      </c>
      <c r="JYU21" s="282" t="s">
        <v>3816</v>
      </c>
      <c r="JYV21" s="282" t="s">
        <v>3816</v>
      </c>
      <c r="JYW21" s="282" t="s">
        <v>3816</v>
      </c>
      <c r="JYX21" s="282" t="s">
        <v>3816</v>
      </c>
      <c r="JYY21" s="282" t="s">
        <v>3816</v>
      </c>
      <c r="JYZ21" s="282" t="s">
        <v>3816</v>
      </c>
      <c r="JZA21" s="282" t="s">
        <v>3816</v>
      </c>
      <c r="JZB21" s="282" t="s">
        <v>3816</v>
      </c>
      <c r="JZC21" s="282" t="s">
        <v>3816</v>
      </c>
      <c r="JZD21" s="282" t="s">
        <v>3816</v>
      </c>
      <c r="JZE21" s="282" t="s">
        <v>3816</v>
      </c>
      <c r="JZF21" s="282" t="s">
        <v>3816</v>
      </c>
      <c r="JZG21" s="282" t="s">
        <v>3816</v>
      </c>
      <c r="JZH21" s="282" t="s">
        <v>3816</v>
      </c>
      <c r="JZI21" s="282" t="s">
        <v>3816</v>
      </c>
      <c r="JZJ21" s="282" t="s">
        <v>3816</v>
      </c>
      <c r="JZK21" s="282" t="s">
        <v>3816</v>
      </c>
      <c r="JZL21" s="282" t="s">
        <v>3816</v>
      </c>
      <c r="JZM21" s="282" t="s">
        <v>3816</v>
      </c>
      <c r="JZN21" s="282" t="s">
        <v>3816</v>
      </c>
      <c r="JZO21" s="282" t="s">
        <v>3816</v>
      </c>
      <c r="JZP21" s="282" t="s">
        <v>3816</v>
      </c>
      <c r="JZQ21" s="282" t="s">
        <v>3816</v>
      </c>
      <c r="JZR21" s="282" t="s">
        <v>3816</v>
      </c>
      <c r="JZS21" s="282" t="s">
        <v>3816</v>
      </c>
      <c r="JZT21" s="282" t="s">
        <v>3816</v>
      </c>
      <c r="JZU21" s="282" t="s">
        <v>3816</v>
      </c>
      <c r="JZV21" s="282" t="s">
        <v>3816</v>
      </c>
      <c r="JZW21" s="282" t="s">
        <v>3816</v>
      </c>
      <c r="JZX21" s="282" t="s">
        <v>3816</v>
      </c>
      <c r="JZY21" s="282" t="s">
        <v>3816</v>
      </c>
      <c r="JZZ21" s="282" t="s">
        <v>3816</v>
      </c>
      <c r="KAA21" s="282" t="s">
        <v>3816</v>
      </c>
      <c r="KAB21" s="282" t="s">
        <v>3816</v>
      </c>
      <c r="KAC21" s="282" t="s">
        <v>3816</v>
      </c>
      <c r="KAD21" s="282" t="s">
        <v>3816</v>
      </c>
      <c r="KAE21" s="282" t="s">
        <v>3816</v>
      </c>
      <c r="KAF21" s="282" t="s">
        <v>3816</v>
      </c>
      <c r="KAG21" s="282" t="s">
        <v>3816</v>
      </c>
      <c r="KAH21" s="282" t="s">
        <v>3816</v>
      </c>
      <c r="KAI21" s="282" t="s">
        <v>3816</v>
      </c>
      <c r="KAJ21" s="282" t="s">
        <v>3816</v>
      </c>
      <c r="KAK21" s="282" t="s">
        <v>3816</v>
      </c>
      <c r="KAL21" s="282" t="s">
        <v>3816</v>
      </c>
      <c r="KAM21" s="282" t="s">
        <v>3816</v>
      </c>
      <c r="KAN21" s="282" t="s">
        <v>3816</v>
      </c>
      <c r="KAO21" s="282" t="s">
        <v>3816</v>
      </c>
      <c r="KAP21" s="282" t="s">
        <v>3816</v>
      </c>
      <c r="KAQ21" s="282" t="s">
        <v>3816</v>
      </c>
      <c r="KAR21" s="282" t="s">
        <v>3816</v>
      </c>
      <c r="KAS21" s="282" t="s">
        <v>3816</v>
      </c>
      <c r="KAT21" s="282" t="s">
        <v>3816</v>
      </c>
      <c r="KAU21" s="282" t="s">
        <v>3816</v>
      </c>
      <c r="KAV21" s="282" t="s">
        <v>3816</v>
      </c>
      <c r="KAW21" s="282" t="s">
        <v>3816</v>
      </c>
      <c r="KAX21" s="282" t="s">
        <v>3816</v>
      </c>
      <c r="KAY21" s="282" t="s">
        <v>3816</v>
      </c>
      <c r="KAZ21" s="282" t="s">
        <v>3816</v>
      </c>
      <c r="KBA21" s="282" t="s">
        <v>3816</v>
      </c>
      <c r="KBB21" s="282" t="s">
        <v>3816</v>
      </c>
      <c r="KBC21" s="282" t="s">
        <v>3816</v>
      </c>
      <c r="KBD21" s="282" t="s">
        <v>3816</v>
      </c>
      <c r="KBE21" s="282" t="s">
        <v>3816</v>
      </c>
      <c r="KBF21" s="282" t="s">
        <v>3816</v>
      </c>
      <c r="KBG21" s="282" t="s">
        <v>3816</v>
      </c>
      <c r="KBH21" s="282" t="s">
        <v>3816</v>
      </c>
      <c r="KBI21" s="282" t="s">
        <v>3816</v>
      </c>
      <c r="KBJ21" s="282" t="s">
        <v>3816</v>
      </c>
      <c r="KBK21" s="282" t="s">
        <v>3816</v>
      </c>
      <c r="KBL21" s="282" t="s">
        <v>3816</v>
      </c>
      <c r="KBM21" s="282" t="s">
        <v>3816</v>
      </c>
      <c r="KBN21" s="282" t="s">
        <v>3816</v>
      </c>
      <c r="KBO21" s="282" t="s">
        <v>3816</v>
      </c>
      <c r="KBP21" s="282" t="s">
        <v>3816</v>
      </c>
      <c r="KBQ21" s="282" t="s">
        <v>3816</v>
      </c>
      <c r="KBR21" s="282" t="s">
        <v>3816</v>
      </c>
      <c r="KBS21" s="282" t="s">
        <v>3816</v>
      </c>
      <c r="KBT21" s="282" t="s">
        <v>3816</v>
      </c>
      <c r="KBU21" s="282" t="s">
        <v>3816</v>
      </c>
      <c r="KBV21" s="282" t="s">
        <v>3816</v>
      </c>
      <c r="KBW21" s="282" t="s">
        <v>3816</v>
      </c>
      <c r="KBX21" s="282" t="s">
        <v>3816</v>
      </c>
      <c r="KBY21" s="282" t="s">
        <v>3816</v>
      </c>
      <c r="KBZ21" s="282" t="s">
        <v>3816</v>
      </c>
      <c r="KCA21" s="282" t="s">
        <v>3816</v>
      </c>
      <c r="KCB21" s="282" t="s">
        <v>3816</v>
      </c>
      <c r="KCC21" s="282" t="s">
        <v>3816</v>
      </c>
      <c r="KCD21" s="282" t="s">
        <v>3816</v>
      </c>
      <c r="KCE21" s="282" t="s">
        <v>3816</v>
      </c>
      <c r="KCF21" s="282" t="s">
        <v>3816</v>
      </c>
      <c r="KCG21" s="282" t="s">
        <v>3816</v>
      </c>
      <c r="KCH21" s="282" t="s">
        <v>3816</v>
      </c>
      <c r="KCI21" s="282" t="s">
        <v>3816</v>
      </c>
      <c r="KCJ21" s="282" t="s">
        <v>3816</v>
      </c>
      <c r="KCK21" s="282" t="s">
        <v>3816</v>
      </c>
      <c r="KCL21" s="282" t="s">
        <v>3816</v>
      </c>
      <c r="KCM21" s="282" t="s">
        <v>3816</v>
      </c>
      <c r="KCN21" s="282" t="s">
        <v>3816</v>
      </c>
      <c r="KCO21" s="282" t="s">
        <v>3816</v>
      </c>
      <c r="KCP21" s="282" t="s">
        <v>3816</v>
      </c>
      <c r="KCQ21" s="282" t="s">
        <v>3816</v>
      </c>
      <c r="KCR21" s="282" t="s">
        <v>3816</v>
      </c>
      <c r="KCS21" s="282" t="s">
        <v>3816</v>
      </c>
      <c r="KCT21" s="282" t="s">
        <v>3816</v>
      </c>
      <c r="KCU21" s="282" t="s">
        <v>3816</v>
      </c>
      <c r="KCV21" s="282" t="s">
        <v>3816</v>
      </c>
      <c r="KCW21" s="282" t="s">
        <v>3816</v>
      </c>
      <c r="KCX21" s="282" t="s">
        <v>3816</v>
      </c>
      <c r="KCY21" s="282" t="s">
        <v>3816</v>
      </c>
      <c r="KCZ21" s="282" t="s">
        <v>3816</v>
      </c>
      <c r="KDA21" s="282" t="s">
        <v>3816</v>
      </c>
      <c r="KDB21" s="282" t="s">
        <v>3816</v>
      </c>
      <c r="KDC21" s="282" t="s">
        <v>3816</v>
      </c>
      <c r="KDD21" s="282" t="s">
        <v>3816</v>
      </c>
      <c r="KDE21" s="282" t="s">
        <v>3816</v>
      </c>
      <c r="KDF21" s="282" t="s">
        <v>3816</v>
      </c>
      <c r="KDG21" s="282" t="s">
        <v>3816</v>
      </c>
      <c r="KDH21" s="282" t="s">
        <v>3816</v>
      </c>
      <c r="KDI21" s="282" t="s">
        <v>3816</v>
      </c>
      <c r="KDJ21" s="282" t="s">
        <v>3816</v>
      </c>
      <c r="KDK21" s="282" t="s">
        <v>3816</v>
      </c>
      <c r="KDL21" s="282" t="s">
        <v>3816</v>
      </c>
      <c r="KDM21" s="282" t="s">
        <v>3816</v>
      </c>
      <c r="KDN21" s="282" t="s">
        <v>3816</v>
      </c>
      <c r="KDO21" s="282" t="s">
        <v>3816</v>
      </c>
      <c r="KDP21" s="282" t="s">
        <v>3816</v>
      </c>
      <c r="KDQ21" s="282" t="s">
        <v>3816</v>
      </c>
      <c r="KDR21" s="282" t="s">
        <v>3816</v>
      </c>
      <c r="KDS21" s="282" t="s">
        <v>3816</v>
      </c>
      <c r="KDT21" s="282" t="s">
        <v>3816</v>
      </c>
      <c r="KDU21" s="282" t="s">
        <v>3816</v>
      </c>
      <c r="KDV21" s="282" t="s">
        <v>3816</v>
      </c>
      <c r="KDW21" s="282" t="s">
        <v>3816</v>
      </c>
      <c r="KDX21" s="282" t="s">
        <v>3816</v>
      </c>
      <c r="KDY21" s="282" t="s">
        <v>3816</v>
      </c>
      <c r="KDZ21" s="282" t="s">
        <v>3816</v>
      </c>
      <c r="KEA21" s="282" t="s">
        <v>3816</v>
      </c>
      <c r="KEB21" s="282" t="s">
        <v>3816</v>
      </c>
      <c r="KEC21" s="282" t="s">
        <v>3816</v>
      </c>
      <c r="KED21" s="282" t="s">
        <v>3816</v>
      </c>
      <c r="KEE21" s="282" t="s">
        <v>3816</v>
      </c>
      <c r="KEF21" s="282" t="s">
        <v>3816</v>
      </c>
      <c r="KEG21" s="282" t="s">
        <v>3816</v>
      </c>
      <c r="KEH21" s="282" t="s">
        <v>3816</v>
      </c>
      <c r="KEI21" s="282" t="s">
        <v>3816</v>
      </c>
      <c r="KEJ21" s="282" t="s">
        <v>3816</v>
      </c>
      <c r="KEK21" s="282" t="s">
        <v>3816</v>
      </c>
      <c r="KEL21" s="282" t="s">
        <v>3816</v>
      </c>
      <c r="KEM21" s="282" t="s">
        <v>3816</v>
      </c>
      <c r="KEN21" s="282" t="s">
        <v>3816</v>
      </c>
      <c r="KEO21" s="282" t="s">
        <v>3816</v>
      </c>
      <c r="KEP21" s="282" t="s">
        <v>3816</v>
      </c>
      <c r="KEQ21" s="282" t="s">
        <v>3816</v>
      </c>
      <c r="KER21" s="282" t="s">
        <v>3816</v>
      </c>
      <c r="KES21" s="282" t="s">
        <v>3816</v>
      </c>
      <c r="KET21" s="282" t="s">
        <v>3816</v>
      </c>
      <c r="KEU21" s="282" t="s">
        <v>3816</v>
      </c>
      <c r="KEV21" s="282" t="s">
        <v>3816</v>
      </c>
      <c r="KEW21" s="282" t="s">
        <v>3816</v>
      </c>
      <c r="KEX21" s="282" t="s">
        <v>3816</v>
      </c>
      <c r="KEY21" s="282" t="s">
        <v>3816</v>
      </c>
      <c r="KEZ21" s="282" t="s">
        <v>3816</v>
      </c>
      <c r="KFA21" s="282" t="s">
        <v>3816</v>
      </c>
      <c r="KFB21" s="282" t="s">
        <v>3816</v>
      </c>
      <c r="KFC21" s="282" t="s">
        <v>3816</v>
      </c>
      <c r="KFD21" s="282" t="s">
        <v>3816</v>
      </c>
      <c r="KFE21" s="282" t="s">
        <v>3816</v>
      </c>
      <c r="KFF21" s="282" t="s">
        <v>3816</v>
      </c>
      <c r="KFG21" s="282" t="s">
        <v>3816</v>
      </c>
      <c r="KFH21" s="282" t="s">
        <v>3816</v>
      </c>
      <c r="KFI21" s="282" t="s">
        <v>3816</v>
      </c>
      <c r="KFJ21" s="282" t="s">
        <v>3816</v>
      </c>
      <c r="KFK21" s="282" t="s">
        <v>3816</v>
      </c>
      <c r="KFL21" s="282" t="s">
        <v>3816</v>
      </c>
      <c r="KFM21" s="282" t="s">
        <v>3816</v>
      </c>
      <c r="KFN21" s="282" t="s">
        <v>3816</v>
      </c>
      <c r="KFO21" s="282" t="s">
        <v>3816</v>
      </c>
      <c r="KFP21" s="282" t="s">
        <v>3816</v>
      </c>
      <c r="KFQ21" s="282" t="s">
        <v>3816</v>
      </c>
      <c r="KFR21" s="282" t="s">
        <v>3816</v>
      </c>
      <c r="KFS21" s="282" t="s">
        <v>3816</v>
      </c>
      <c r="KFT21" s="282" t="s">
        <v>3816</v>
      </c>
      <c r="KFU21" s="282" t="s">
        <v>3816</v>
      </c>
      <c r="KFV21" s="282" t="s">
        <v>3816</v>
      </c>
      <c r="KFW21" s="282" t="s">
        <v>3816</v>
      </c>
      <c r="KFX21" s="282" t="s">
        <v>3816</v>
      </c>
      <c r="KFY21" s="282" t="s">
        <v>3816</v>
      </c>
      <c r="KFZ21" s="282" t="s">
        <v>3816</v>
      </c>
      <c r="KGA21" s="282" t="s">
        <v>3816</v>
      </c>
      <c r="KGB21" s="282" t="s">
        <v>3816</v>
      </c>
      <c r="KGC21" s="282" t="s">
        <v>3816</v>
      </c>
      <c r="KGD21" s="282" t="s">
        <v>3816</v>
      </c>
      <c r="KGE21" s="282" t="s">
        <v>3816</v>
      </c>
      <c r="KGF21" s="282" t="s">
        <v>3816</v>
      </c>
      <c r="KGG21" s="282" t="s">
        <v>3816</v>
      </c>
      <c r="KGH21" s="282" t="s">
        <v>3816</v>
      </c>
      <c r="KGI21" s="282" t="s">
        <v>3816</v>
      </c>
      <c r="KGJ21" s="282" t="s">
        <v>3816</v>
      </c>
      <c r="KGK21" s="282" t="s">
        <v>3816</v>
      </c>
      <c r="KGL21" s="282" t="s">
        <v>3816</v>
      </c>
      <c r="KGM21" s="282" t="s">
        <v>3816</v>
      </c>
      <c r="KGN21" s="282" t="s">
        <v>3816</v>
      </c>
      <c r="KGO21" s="282" t="s">
        <v>3816</v>
      </c>
      <c r="KGP21" s="282" t="s">
        <v>3816</v>
      </c>
      <c r="KGQ21" s="282" t="s">
        <v>3816</v>
      </c>
      <c r="KGR21" s="282" t="s">
        <v>3816</v>
      </c>
      <c r="KGS21" s="282" t="s">
        <v>3816</v>
      </c>
      <c r="KGT21" s="282" t="s">
        <v>3816</v>
      </c>
      <c r="KGU21" s="282" t="s">
        <v>3816</v>
      </c>
      <c r="KGV21" s="282" t="s">
        <v>3816</v>
      </c>
      <c r="KGW21" s="282" t="s">
        <v>3816</v>
      </c>
      <c r="KGX21" s="282" t="s">
        <v>3816</v>
      </c>
      <c r="KGY21" s="282" t="s">
        <v>3816</v>
      </c>
      <c r="KGZ21" s="282" t="s">
        <v>3816</v>
      </c>
      <c r="KHA21" s="282" t="s">
        <v>3816</v>
      </c>
      <c r="KHB21" s="282" t="s">
        <v>3816</v>
      </c>
      <c r="KHC21" s="282" t="s">
        <v>3816</v>
      </c>
      <c r="KHD21" s="282" t="s">
        <v>3816</v>
      </c>
      <c r="KHE21" s="282" t="s">
        <v>3816</v>
      </c>
      <c r="KHF21" s="282" t="s">
        <v>3816</v>
      </c>
      <c r="KHG21" s="282" t="s">
        <v>3816</v>
      </c>
      <c r="KHH21" s="282" t="s">
        <v>3816</v>
      </c>
      <c r="KHI21" s="282" t="s">
        <v>3816</v>
      </c>
      <c r="KHJ21" s="282" t="s">
        <v>3816</v>
      </c>
      <c r="KHK21" s="282" t="s">
        <v>3816</v>
      </c>
      <c r="KHL21" s="282" t="s">
        <v>3816</v>
      </c>
      <c r="KHM21" s="282" t="s">
        <v>3816</v>
      </c>
      <c r="KHN21" s="282" t="s">
        <v>3816</v>
      </c>
      <c r="KHO21" s="282" t="s">
        <v>3816</v>
      </c>
      <c r="KHP21" s="282" t="s">
        <v>3816</v>
      </c>
      <c r="KHQ21" s="282" t="s">
        <v>3816</v>
      </c>
      <c r="KHR21" s="282" t="s">
        <v>3816</v>
      </c>
      <c r="KHS21" s="282" t="s">
        <v>3816</v>
      </c>
      <c r="KHT21" s="282" t="s">
        <v>3816</v>
      </c>
      <c r="KHU21" s="282" t="s">
        <v>3816</v>
      </c>
      <c r="KHV21" s="282" t="s">
        <v>3816</v>
      </c>
      <c r="KHW21" s="282" t="s">
        <v>3816</v>
      </c>
      <c r="KHX21" s="282" t="s">
        <v>3816</v>
      </c>
      <c r="KHY21" s="282" t="s">
        <v>3816</v>
      </c>
      <c r="KHZ21" s="282" t="s">
        <v>3816</v>
      </c>
      <c r="KIA21" s="282" t="s">
        <v>3816</v>
      </c>
      <c r="KIB21" s="282" t="s">
        <v>3816</v>
      </c>
      <c r="KIC21" s="282" t="s">
        <v>3816</v>
      </c>
      <c r="KID21" s="282" t="s">
        <v>3816</v>
      </c>
      <c r="KIE21" s="282" t="s">
        <v>3816</v>
      </c>
      <c r="KIF21" s="282" t="s">
        <v>3816</v>
      </c>
      <c r="KIG21" s="282" t="s">
        <v>3816</v>
      </c>
      <c r="KIH21" s="282" t="s">
        <v>3816</v>
      </c>
      <c r="KII21" s="282" t="s">
        <v>3816</v>
      </c>
      <c r="KIJ21" s="282" t="s">
        <v>3816</v>
      </c>
      <c r="KIK21" s="282" t="s">
        <v>3816</v>
      </c>
      <c r="KIL21" s="282" t="s">
        <v>3816</v>
      </c>
      <c r="KIM21" s="282" t="s">
        <v>3816</v>
      </c>
      <c r="KIN21" s="282" t="s">
        <v>3816</v>
      </c>
      <c r="KIO21" s="282" t="s">
        <v>3816</v>
      </c>
      <c r="KIP21" s="282" t="s">
        <v>3816</v>
      </c>
      <c r="KIQ21" s="282" t="s">
        <v>3816</v>
      </c>
      <c r="KIR21" s="282" t="s">
        <v>3816</v>
      </c>
      <c r="KIS21" s="282" t="s">
        <v>3816</v>
      </c>
      <c r="KIT21" s="282" t="s">
        <v>3816</v>
      </c>
      <c r="KIU21" s="282" t="s">
        <v>3816</v>
      </c>
      <c r="KIV21" s="282" t="s">
        <v>3816</v>
      </c>
      <c r="KIW21" s="282" t="s">
        <v>3816</v>
      </c>
      <c r="KIX21" s="282" t="s">
        <v>3816</v>
      </c>
      <c r="KIY21" s="282" t="s">
        <v>3816</v>
      </c>
      <c r="KIZ21" s="282" t="s">
        <v>3816</v>
      </c>
      <c r="KJA21" s="282" t="s">
        <v>3816</v>
      </c>
      <c r="KJB21" s="282" t="s">
        <v>3816</v>
      </c>
      <c r="KJC21" s="282" t="s">
        <v>3816</v>
      </c>
      <c r="KJD21" s="282" t="s">
        <v>3816</v>
      </c>
      <c r="KJE21" s="282" t="s">
        <v>3816</v>
      </c>
      <c r="KJF21" s="282" t="s">
        <v>3816</v>
      </c>
      <c r="KJG21" s="282" t="s">
        <v>3816</v>
      </c>
      <c r="KJH21" s="282" t="s">
        <v>3816</v>
      </c>
      <c r="KJI21" s="282" t="s">
        <v>3816</v>
      </c>
      <c r="KJJ21" s="282" t="s">
        <v>3816</v>
      </c>
      <c r="KJK21" s="282" t="s">
        <v>3816</v>
      </c>
      <c r="KJL21" s="282" t="s">
        <v>3816</v>
      </c>
      <c r="KJM21" s="282" t="s">
        <v>3816</v>
      </c>
      <c r="KJN21" s="282" t="s">
        <v>3816</v>
      </c>
      <c r="KJO21" s="282" t="s">
        <v>3816</v>
      </c>
      <c r="KJP21" s="282" t="s">
        <v>3816</v>
      </c>
      <c r="KJQ21" s="282" t="s">
        <v>3816</v>
      </c>
      <c r="KJR21" s="282" t="s">
        <v>3816</v>
      </c>
      <c r="KJS21" s="282" t="s">
        <v>3816</v>
      </c>
      <c r="KJT21" s="282" t="s">
        <v>3816</v>
      </c>
      <c r="KJU21" s="282" t="s">
        <v>3816</v>
      </c>
      <c r="KJV21" s="282" t="s">
        <v>3816</v>
      </c>
      <c r="KJW21" s="282" t="s">
        <v>3816</v>
      </c>
      <c r="KJX21" s="282" t="s">
        <v>3816</v>
      </c>
      <c r="KJY21" s="282" t="s">
        <v>3816</v>
      </c>
      <c r="KJZ21" s="282" t="s">
        <v>3816</v>
      </c>
      <c r="KKA21" s="282" t="s">
        <v>3816</v>
      </c>
      <c r="KKB21" s="282" t="s">
        <v>3816</v>
      </c>
      <c r="KKC21" s="282" t="s">
        <v>3816</v>
      </c>
      <c r="KKD21" s="282" t="s">
        <v>3816</v>
      </c>
      <c r="KKE21" s="282" t="s">
        <v>3816</v>
      </c>
      <c r="KKF21" s="282" t="s">
        <v>3816</v>
      </c>
      <c r="KKG21" s="282" t="s">
        <v>3816</v>
      </c>
      <c r="KKH21" s="282" t="s">
        <v>3816</v>
      </c>
      <c r="KKI21" s="282" t="s">
        <v>3816</v>
      </c>
      <c r="KKJ21" s="282" t="s">
        <v>3816</v>
      </c>
      <c r="KKK21" s="282" t="s">
        <v>3816</v>
      </c>
      <c r="KKL21" s="282" t="s">
        <v>3816</v>
      </c>
      <c r="KKM21" s="282" t="s">
        <v>3816</v>
      </c>
      <c r="KKN21" s="282" t="s">
        <v>3816</v>
      </c>
      <c r="KKO21" s="282" t="s">
        <v>3816</v>
      </c>
      <c r="KKP21" s="282" t="s">
        <v>3816</v>
      </c>
      <c r="KKQ21" s="282" t="s">
        <v>3816</v>
      </c>
      <c r="KKR21" s="282" t="s">
        <v>3816</v>
      </c>
      <c r="KKS21" s="282" t="s">
        <v>3816</v>
      </c>
      <c r="KKT21" s="282" t="s">
        <v>3816</v>
      </c>
      <c r="KKU21" s="282" t="s">
        <v>3816</v>
      </c>
      <c r="KKV21" s="282" t="s">
        <v>3816</v>
      </c>
      <c r="KKW21" s="282" t="s">
        <v>3816</v>
      </c>
      <c r="KKX21" s="282" t="s">
        <v>3816</v>
      </c>
      <c r="KKY21" s="282" t="s">
        <v>3816</v>
      </c>
      <c r="KKZ21" s="282" t="s">
        <v>3816</v>
      </c>
      <c r="KLA21" s="282" t="s">
        <v>3816</v>
      </c>
      <c r="KLB21" s="282" t="s">
        <v>3816</v>
      </c>
      <c r="KLC21" s="282" t="s">
        <v>3816</v>
      </c>
      <c r="KLD21" s="282" t="s">
        <v>3816</v>
      </c>
      <c r="KLE21" s="282" t="s">
        <v>3816</v>
      </c>
      <c r="KLF21" s="282" t="s">
        <v>3816</v>
      </c>
      <c r="KLG21" s="282" t="s">
        <v>3816</v>
      </c>
      <c r="KLH21" s="282" t="s">
        <v>3816</v>
      </c>
      <c r="KLI21" s="282" t="s">
        <v>3816</v>
      </c>
      <c r="KLJ21" s="282" t="s">
        <v>3816</v>
      </c>
      <c r="KLK21" s="282" t="s">
        <v>3816</v>
      </c>
      <c r="KLL21" s="282" t="s">
        <v>3816</v>
      </c>
      <c r="KLM21" s="282" t="s">
        <v>3816</v>
      </c>
      <c r="KLN21" s="282" t="s">
        <v>3816</v>
      </c>
      <c r="KLO21" s="282" t="s">
        <v>3816</v>
      </c>
      <c r="KLP21" s="282" t="s">
        <v>3816</v>
      </c>
      <c r="KLQ21" s="282" t="s">
        <v>3816</v>
      </c>
      <c r="KLR21" s="282" t="s">
        <v>3816</v>
      </c>
      <c r="KLS21" s="282" t="s">
        <v>3816</v>
      </c>
      <c r="KLT21" s="282" t="s">
        <v>3816</v>
      </c>
      <c r="KLU21" s="282" t="s">
        <v>3816</v>
      </c>
      <c r="KLV21" s="282" t="s">
        <v>3816</v>
      </c>
      <c r="KLW21" s="282" t="s">
        <v>3816</v>
      </c>
      <c r="KLX21" s="282" t="s">
        <v>3816</v>
      </c>
      <c r="KLY21" s="282" t="s">
        <v>3816</v>
      </c>
      <c r="KLZ21" s="282" t="s">
        <v>3816</v>
      </c>
      <c r="KMA21" s="282" t="s">
        <v>3816</v>
      </c>
      <c r="KMB21" s="282" t="s">
        <v>3816</v>
      </c>
      <c r="KMC21" s="282" t="s">
        <v>3816</v>
      </c>
      <c r="KMD21" s="282" t="s">
        <v>3816</v>
      </c>
      <c r="KME21" s="282" t="s">
        <v>3816</v>
      </c>
      <c r="KMF21" s="282" t="s">
        <v>3816</v>
      </c>
      <c r="KMG21" s="282" t="s">
        <v>3816</v>
      </c>
      <c r="KMH21" s="282" t="s">
        <v>3816</v>
      </c>
      <c r="KMI21" s="282" t="s">
        <v>3816</v>
      </c>
      <c r="KMJ21" s="282" t="s">
        <v>3816</v>
      </c>
      <c r="KMK21" s="282" t="s">
        <v>3816</v>
      </c>
      <c r="KML21" s="282" t="s">
        <v>3816</v>
      </c>
      <c r="KMM21" s="282" t="s">
        <v>3816</v>
      </c>
      <c r="KMN21" s="282" t="s">
        <v>3816</v>
      </c>
      <c r="KMO21" s="282" t="s">
        <v>3816</v>
      </c>
      <c r="KMP21" s="282" t="s">
        <v>3816</v>
      </c>
      <c r="KMQ21" s="282" t="s">
        <v>3816</v>
      </c>
      <c r="KMR21" s="282" t="s">
        <v>3816</v>
      </c>
      <c r="KMS21" s="282" t="s">
        <v>3816</v>
      </c>
      <c r="KMT21" s="282" t="s">
        <v>3816</v>
      </c>
      <c r="KMU21" s="282" t="s">
        <v>3816</v>
      </c>
      <c r="KMV21" s="282" t="s">
        <v>3816</v>
      </c>
      <c r="KMW21" s="282" t="s">
        <v>3816</v>
      </c>
      <c r="KMX21" s="282" t="s">
        <v>3816</v>
      </c>
      <c r="KMY21" s="282" t="s">
        <v>3816</v>
      </c>
      <c r="KMZ21" s="282" t="s">
        <v>3816</v>
      </c>
      <c r="KNA21" s="282" t="s">
        <v>3816</v>
      </c>
      <c r="KNB21" s="282" t="s">
        <v>3816</v>
      </c>
      <c r="KNC21" s="282" t="s">
        <v>3816</v>
      </c>
      <c r="KND21" s="282" t="s">
        <v>3816</v>
      </c>
      <c r="KNE21" s="282" t="s">
        <v>3816</v>
      </c>
      <c r="KNF21" s="282" t="s">
        <v>3816</v>
      </c>
      <c r="KNG21" s="282" t="s">
        <v>3816</v>
      </c>
      <c r="KNH21" s="282" t="s">
        <v>3816</v>
      </c>
      <c r="KNI21" s="282" t="s">
        <v>3816</v>
      </c>
      <c r="KNJ21" s="282" t="s">
        <v>3816</v>
      </c>
      <c r="KNK21" s="282" t="s">
        <v>3816</v>
      </c>
      <c r="KNL21" s="282" t="s">
        <v>3816</v>
      </c>
      <c r="KNM21" s="282" t="s">
        <v>3816</v>
      </c>
      <c r="KNN21" s="282" t="s">
        <v>3816</v>
      </c>
      <c r="KNO21" s="282" t="s">
        <v>3816</v>
      </c>
      <c r="KNP21" s="282" t="s">
        <v>3816</v>
      </c>
      <c r="KNQ21" s="282" t="s">
        <v>3816</v>
      </c>
      <c r="KNR21" s="282" t="s">
        <v>3816</v>
      </c>
      <c r="KNS21" s="282" t="s">
        <v>3816</v>
      </c>
      <c r="KNT21" s="282" t="s">
        <v>3816</v>
      </c>
      <c r="KNU21" s="282" t="s">
        <v>3816</v>
      </c>
      <c r="KNV21" s="282" t="s">
        <v>3816</v>
      </c>
      <c r="KNW21" s="282" t="s">
        <v>3816</v>
      </c>
      <c r="KNX21" s="282" t="s">
        <v>3816</v>
      </c>
      <c r="KNY21" s="282" t="s">
        <v>3816</v>
      </c>
      <c r="KNZ21" s="282" t="s">
        <v>3816</v>
      </c>
      <c r="KOA21" s="282" t="s">
        <v>3816</v>
      </c>
      <c r="KOB21" s="282" t="s">
        <v>3816</v>
      </c>
      <c r="KOC21" s="282" t="s">
        <v>3816</v>
      </c>
      <c r="KOD21" s="282" t="s">
        <v>3816</v>
      </c>
      <c r="KOE21" s="282" t="s">
        <v>3816</v>
      </c>
      <c r="KOF21" s="282" t="s">
        <v>3816</v>
      </c>
      <c r="KOG21" s="282" t="s">
        <v>3816</v>
      </c>
      <c r="KOH21" s="282" t="s">
        <v>3816</v>
      </c>
      <c r="KOI21" s="282" t="s">
        <v>3816</v>
      </c>
      <c r="KOJ21" s="282" t="s">
        <v>3816</v>
      </c>
      <c r="KOK21" s="282" t="s">
        <v>3816</v>
      </c>
      <c r="KOL21" s="282" t="s">
        <v>3816</v>
      </c>
      <c r="KOM21" s="282" t="s">
        <v>3816</v>
      </c>
      <c r="KON21" s="282" t="s">
        <v>3816</v>
      </c>
      <c r="KOO21" s="282" t="s">
        <v>3816</v>
      </c>
      <c r="KOP21" s="282" t="s">
        <v>3816</v>
      </c>
      <c r="KOQ21" s="282" t="s">
        <v>3816</v>
      </c>
      <c r="KOR21" s="282" t="s">
        <v>3816</v>
      </c>
      <c r="KOS21" s="282" t="s">
        <v>3816</v>
      </c>
      <c r="KOT21" s="282" t="s">
        <v>3816</v>
      </c>
      <c r="KOU21" s="282" t="s">
        <v>3816</v>
      </c>
      <c r="KOV21" s="282" t="s">
        <v>3816</v>
      </c>
      <c r="KOW21" s="282" t="s">
        <v>3816</v>
      </c>
      <c r="KOX21" s="282" t="s">
        <v>3816</v>
      </c>
      <c r="KOY21" s="282" t="s">
        <v>3816</v>
      </c>
      <c r="KOZ21" s="282" t="s">
        <v>3816</v>
      </c>
      <c r="KPA21" s="282" t="s">
        <v>3816</v>
      </c>
      <c r="KPB21" s="282" t="s">
        <v>3816</v>
      </c>
      <c r="KPC21" s="282" t="s">
        <v>3816</v>
      </c>
      <c r="KPD21" s="282" t="s">
        <v>3816</v>
      </c>
      <c r="KPE21" s="282" t="s">
        <v>3816</v>
      </c>
      <c r="KPF21" s="282" t="s">
        <v>3816</v>
      </c>
      <c r="KPG21" s="282" t="s">
        <v>3816</v>
      </c>
      <c r="KPH21" s="282" t="s">
        <v>3816</v>
      </c>
      <c r="KPI21" s="282" t="s">
        <v>3816</v>
      </c>
      <c r="KPJ21" s="282" t="s">
        <v>3816</v>
      </c>
      <c r="KPK21" s="282" t="s">
        <v>3816</v>
      </c>
      <c r="KPL21" s="282" t="s">
        <v>3816</v>
      </c>
      <c r="KPM21" s="282" t="s">
        <v>3816</v>
      </c>
      <c r="KPN21" s="282" t="s">
        <v>3816</v>
      </c>
      <c r="KPO21" s="282" t="s">
        <v>3816</v>
      </c>
      <c r="KPP21" s="282" t="s">
        <v>3816</v>
      </c>
      <c r="KPQ21" s="282" t="s">
        <v>3816</v>
      </c>
      <c r="KPR21" s="282" t="s">
        <v>3816</v>
      </c>
      <c r="KPS21" s="282" t="s">
        <v>3816</v>
      </c>
      <c r="KPT21" s="282" t="s">
        <v>3816</v>
      </c>
      <c r="KPU21" s="282" t="s">
        <v>3816</v>
      </c>
      <c r="KPV21" s="282" t="s">
        <v>3816</v>
      </c>
      <c r="KPW21" s="282" t="s">
        <v>3816</v>
      </c>
      <c r="KPX21" s="282" t="s">
        <v>3816</v>
      </c>
      <c r="KPY21" s="282" t="s">
        <v>3816</v>
      </c>
      <c r="KPZ21" s="282" t="s">
        <v>3816</v>
      </c>
      <c r="KQA21" s="282" t="s">
        <v>3816</v>
      </c>
      <c r="KQB21" s="282" t="s">
        <v>3816</v>
      </c>
      <c r="KQC21" s="282" t="s">
        <v>3816</v>
      </c>
      <c r="KQD21" s="282" t="s">
        <v>3816</v>
      </c>
      <c r="KQE21" s="282" t="s">
        <v>3816</v>
      </c>
      <c r="KQF21" s="282" t="s">
        <v>3816</v>
      </c>
      <c r="KQG21" s="282" t="s">
        <v>3816</v>
      </c>
      <c r="KQH21" s="282" t="s">
        <v>3816</v>
      </c>
      <c r="KQI21" s="282" t="s">
        <v>3816</v>
      </c>
      <c r="KQJ21" s="282" t="s">
        <v>3816</v>
      </c>
      <c r="KQK21" s="282" t="s">
        <v>3816</v>
      </c>
      <c r="KQL21" s="282" t="s">
        <v>3816</v>
      </c>
      <c r="KQM21" s="282" t="s">
        <v>3816</v>
      </c>
      <c r="KQN21" s="282" t="s">
        <v>3816</v>
      </c>
      <c r="KQO21" s="282" t="s">
        <v>3816</v>
      </c>
      <c r="KQP21" s="282" t="s">
        <v>3816</v>
      </c>
      <c r="KQQ21" s="282" t="s">
        <v>3816</v>
      </c>
      <c r="KQR21" s="282" t="s">
        <v>3816</v>
      </c>
      <c r="KQS21" s="282" t="s">
        <v>3816</v>
      </c>
      <c r="KQT21" s="282" t="s">
        <v>3816</v>
      </c>
      <c r="KQU21" s="282" t="s">
        <v>3816</v>
      </c>
      <c r="KQV21" s="282" t="s">
        <v>3816</v>
      </c>
      <c r="KQW21" s="282" t="s">
        <v>3816</v>
      </c>
      <c r="KQX21" s="282" t="s">
        <v>3816</v>
      </c>
      <c r="KQY21" s="282" t="s">
        <v>3816</v>
      </c>
      <c r="KQZ21" s="282" t="s">
        <v>3816</v>
      </c>
      <c r="KRA21" s="282" t="s">
        <v>3816</v>
      </c>
      <c r="KRB21" s="282" t="s">
        <v>3816</v>
      </c>
      <c r="KRC21" s="282" t="s">
        <v>3816</v>
      </c>
      <c r="KRD21" s="282" t="s">
        <v>3816</v>
      </c>
      <c r="KRE21" s="282" t="s">
        <v>3816</v>
      </c>
      <c r="KRF21" s="282" t="s">
        <v>3816</v>
      </c>
      <c r="KRG21" s="282" t="s">
        <v>3816</v>
      </c>
      <c r="KRH21" s="282" t="s">
        <v>3816</v>
      </c>
      <c r="KRI21" s="282" t="s">
        <v>3816</v>
      </c>
      <c r="KRJ21" s="282" t="s">
        <v>3816</v>
      </c>
      <c r="KRK21" s="282" t="s">
        <v>3816</v>
      </c>
      <c r="KRL21" s="282" t="s">
        <v>3816</v>
      </c>
      <c r="KRM21" s="282" t="s">
        <v>3816</v>
      </c>
      <c r="KRN21" s="282" t="s">
        <v>3816</v>
      </c>
      <c r="KRO21" s="282" t="s">
        <v>3816</v>
      </c>
      <c r="KRP21" s="282" t="s">
        <v>3816</v>
      </c>
      <c r="KRQ21" s="282" t="s">
        <v>3816</v>
      </c>
      <c r="KRR21" s="282" t="s">
        <v>3816</v>
      </c>
      <c r="KRS21" s="282" t="s">
        <v>3816</v>
      </c>
      <c r="KRT21" s="282" t="s">
        <v>3816</v>
      </c>
      <c r="KRU21" s="282" t="s">
        <v>3816</v>
      </c>
      <c r="KRV21" s="282" t="s">
        <v>3816</v>
      </c>
      <c r="KRW21" s="282" t="s">
        <v>3816</v>
      </c>
      <c r="KRX21" s="282" t="s">
        <v>3816</v>
      </c>
      <c r="KRY21" s="282" t="s">
        <v>3816</v>
      </c>
      <c r="KRZ21" s="282" t="s">
        <v>3816</v>
      </c>
      <c r="KSA21" s="282" t="s">
        <v>3816</v>
      </c>
      <c r="KSB21" s="282" t="s">
        <v>3816</v>
      </c>
      <c r="KSC21" s="282" t="s">
        <v>3816</v>
      </c>
      <c r="KSD21" s="282" t="s">
        <v>3816</v>
      </c>
      <c r="KSE21" s="282" t="s">
        <v>3816</v>
      </c>
      <c r="KSF21" s="282" t="s">
        <v>3816</v>
      </c>
      <c r="KSG21" s="282" t="s">
        <v>3816</v>
      </c>
      <c r="KSH21" s="282" t="s">
        <v>3816</v>
      </c>
      <c r="KSI21" s="282" t="s">
        <v>3816</v>
      </c>
      <c r="KSJ21" s="282" t="s">
        <v>3816</v>
      </c>
      <c r="KSK21" s="282" t="s">
        <v>3816</v>
      </c>
      <c r="KSL21" s="282" t="s">
        <v>3816</v>
      </c>
      <c r="KSM21" s="282" t="s">
        <v>3816</v>
      </c>
      <c r="KSN21" s="282" t="s">
        <v>3816</v>
      </c>
      <c r="KSO21" s="282" t="s">
        <v>3816</v>
      </c>
      <c r="KSP21" s="282" t="s">
        <v>3816</v>
      </c>
      <c r="KSQ21" s="282" t="s">
        <v>3816</v>
      </c>
      <c r="KSR21" s="282" t="s">
        <v>3816</v>
      </c>
      <c r="KSS21" s="282" t="s">
        <v>3816</v>
      </c>
      <c r="KST21" s="282" t="s">
        <v>3816</v>
      </c>
      <c r="KSU21" s="282" t="s">
        <v>3816</v>
      </c>
      <c r="KSV21" s="282" t="s">
        <v>3816</v>
      </c>
      <c r="KSW21" s="282" t="s">
        <v>3816</v>
      </c>
      <c r="KSX21" s="282" t="s">
        <v>3816</v>
      </c>
      <c r="KSY21" s="282" t="s">
        <v>3816</v>
      </c>
      <c r="KSZ21" s="282" t="s">
        <v>3816</v>
      </c>
      <c r="KTA21" s="282" t="s">
        <v>3816</v>
      </c>
      <c r="KTB21" s="282" t="s">
        <v>3816</v>
      </c>
      <c r="KTC21" s="282" t="s">
        <v>3816</v>
      </c>
      <c r="KTD21" s="282" t="s">
        <v>3816</v>
      </c>
      <c r="KTE21" s="282" t="s">
        <v>3816</v>
      </c>
      <c r="KTF21" s="282" t="s">
        <v>3816</v>
      </c>
      <c r="KTG21" s="282" t="s">
        <v>3816</v>
      </c>
      <c r="KTH21" s="282" t="s">
        <v>3816</v>
      </c>
      <c r="KTI21" s="282" t="s">
        <v>3816</v>
      </c>
      <c r="KTJ21" s="282" t="s">
        <v>3816</v>
      </c>
      <c r="KTK21" s="282" t="s">
        <v>3816</v>
      </c>
      <c r="KTL21" s="282" t="s">
        <v>3816</v>
      </c>
      <c r="KTM21" s="282" t="s">
        <v>3816</v>
      </c>
      <c r="KTN21" s="282" t="s">
        <v>3816</v>
      </c>
      <c r="KTO21" s="282" t="s">
        <v>3816</v>
      </c>
      <c r="KTP21" s="282" t="s">
        <v>3816</v>
      </c>
      <c r="KTQ21" s="282" t="s">
        <v>3816</v>
      </c>
      <c r="KTR21" s="282" t="s">
        <v>3816</v>
      </c>
      <c r="KTS21" s="282" t="s">
        <v>3816</v>
      </c>
      <c r="KTT21" s="282" t="s">
        <v>3816</v>
      </c>
      <c r="KTU21" s="282" t="s">
        <v>3816</v>
      </c>
      <c r="KTV21" s="282" t="s">
        <v>3816</v>
      </c>
      <c r="KTW21" s="282" t="s">
        <v>3816</v>
      </c>
      <c r="KTX21" s="282" t="s">
        <v>3816</v>
      </c>
      <c r="KTY21" s="282" t="s">
        <v>3816</v>
      </c>
      <c r="KTZ21" s="282" t="s">
        <v>3816</v>
      </c>
      <c r="KUA21" s="282" t="s">
        <v>3816</v>
      </c>
      <c r="KUB21" s="282" t="s">
        <v>3816</v>
      </c>
      <c r="KUC21" s="282" t="s">
        <v>3816</v>
      </c>
      <c r="KUD21" s="282" t="s">
        <v>3816</v>
      </c>
      <c r="KUE21" s="282" t="s">
        <v>3816</v>
      </c>
      <c r="KUF21" s="282" t="s">
        <v>3816</v>
      </c>
      <c r="KUG21" s="282" t="s">
        <v>3816</v>
      </c>
      <c r="KUH21" s="282" t="s">
        <v>3816</v>
      </c>
      <c r="KUI21" s="282" t="s">
        <v>3816</v>
      </c>
      <c r="KUJ21" s="282" t="s">
        <v>3816</v>
      </c>
      <c r="KUK21" s="282" t="s">
        <v>3816</v>
      </c>
      <c r="KUL21" s="282" t="s">
        <v>3816</v>
      </c>
      <c r="KUM21" s="282" t="s">
        <v>3816</v>
      </c>
      <c r="KUN21" s="282" t="s">
        <v>3816</v>
      </c>
      <c r="KUO21" s="282" t="s">
        <v>3816</v>
      </c>
      <c r="KUP21" s="282" t="s">
        <v>3816</v>
      </c>
      <c r="KUQ21" s="282" t="s">
        <v>3816</v>
      </c>
      <c r="KUR21" s="282" t="s">
        <v>3816</v>
      </c>
      <c r="KUS21" s="282" t="s">
        <v>3816</v>
      </c>
      <c r="KUT21" s="282" t="s">
        <v>3816</v>
      </c>
      <c r="KUU21" s="282" t="s">
        <v>3816</v>
      </c>
      <c r="KUV21" s="282" t="s">
        <v>3816</v>
      </c>
      <c r="KUW21" s="282" t="s">
        <v>3816</v>
      </c>
      <c r="KUX21" s="282" t="s">
        <v>3816</v>
      </c>
      <c r="KUY21" s="282" t="s">
        <v>3816</v>
      </c>
      <c r="KUZ21" s="282" t="s">
        <v>3816</v>
      </c>
      <c r="KVA21" s="282" t="s">
        <v>3816</v>
      </c>
      <c r="KVB21" s="282" t="s">
        <v>3816</v>
      </c>
      <c r="KVC21" s="282" t="s">
        <v>3816</v>
      </c>
      <c r="KVD21" s="282" t="s">
        <v>3816</v>
      </c>
      <c r="KVE21" s="282" t="s">
        <v>3816</v>
      </c>
      <c r="KVF21" s="282" t="s">
        <v>3816</v>
      </c>
      <c r="KVG21" s="282" t="s">
        <v>3816</v>
      </c>
      <c r="KVH21" s="282" t="s">
        <v>3816</v>
      </c>
      <c r="KVI21" s="282" t="s">
        <v>3816</v>
      </c>
      <c r="KVJ21" s="282" t="s">
        <v>3816</v>
      </c>
      <c r="KVK21" s="282" t="s">
        <v>3816</v>
      </c>
      <c r="KVL21" s="282" t="s">
        <v>3816</v>
      </c>
      <c r="KVM21" s="282" t="s">
        <v>3816</v>
      </c>
      <c r="KVN21" s="282" t="s">
        <v>3816</v>
      </c>
      <c r="KVO21" s="282" t="s">
        <v>3816</v>
      </c>
      <c r="KVP21" s="282" t="s">
        <v>3816</v>
      </c>
      <c r="KVQ21" s="282" t="s">
        <v>3816</v>
      </c>
      <c r="KVR21" s="282" t="s">
        <v>3816</v>
      </c>
      <c r="KVS21" s="282" t="s">
        <v>3816</v>
      </c>
      <c r="KVT21" s="282" t="s">
        <v>3816</v>
      </c>
      <c r="KVU21" s="282" t="s">
        <v>3816</v>
      </c>
      <c r="KVV21" s="282" t="s">
        <v>3816</v>
      </c>
      <c r="KVW21" s="282" t="s">
        <v>3816</v>
      </c>
      <c r="KVX21" s="282" t="s">
        <v>3816</v>
      </c>
      <c r="KVY21" s="282" t="s">
        <v>3816</v>
      </c>
      <c r="KVZ21" s="282" t="s">
        <v>3816</v>
      </c>
      <c r="KWA21" s="282" t="s">
        <v>3816</v>
      </c>
      <c r="KWB21" s="282" t="s">
        <v>3816</v>
      </c>
      <c r="KWC21" s="282" t="s">
        <v>3816</v>
      </c>
      <c r="KWD21" s="282" t="s">
        <v>3816</v>
      </c>
      <c r="KWE21" s="282" t="s">
        <v>3816</v>
      </c>
      <c r="KWF21" s="282" t="s">
        <v>3816</v>
      </c>
      <c r="KWG21" s="282" t="s">
        <v>3816</v>
      </c>
      <c r="KWH21" s="282" t="s">
        <v>3816</v>
      </c>
      <c r="KWI21" s="282" t="s">
        <v>3816</v>
      </c>
      <c r="KWJ21" s="282" t="s">
        <v>3816</v>
      </c>
      <c r="KWK21" s="282" t="s">
        <v>3816</v>
      </c>
      <c r="KWL21" s="282" t="s">
        <v>3816</v>
      </c>
      <c r="KWM21" s="282" t="s">
        <v>3816</v>
      </c>
      <c r="KWN21" s="282" t="s">
        <v>3816</v>
      </c>
      <c r="KWO21" s="282" t="s">
        <v>3816</v>
      </c>
      <c r="KWP21" s="282" t="s">
        <v>3816</v>
      </c>
      <c r="KWQ21" s="282" t="s">
        <v>3816</v>
      </c>
      <c r="KWR21" s="282" t="s">
        <v>3816</v>
      </c>
      <c r="KWS21" s="282" t="s">
        <v>3816</v>
      </c>
      <c r="KWT21" s="282" t="s">
        <v>3816</v>
      </c>
      <c r="KWU21" s="282" t="s">
        <v>3816</v>
      </c>
      <c r="KWV21" s="282" t="s">
        <v>3816</v>
      </c>
      <c r="KWW21" s="282" t="s">
        <v>3816</v>
      </c>
      <c r="KWX21" s="282" t="s">
        <v>3816</v>
      </c>
      <c r="KWY21" s="282" t="s">
        <v>3816</v>
      </c>
      <c r="KWZ21" s="282" t="s">
        <v>3816</v>
      </c>
      <c r="KXA21" s="282" t="s">
        <v>3816</v>
      </c>
      <c r="KXB21" s="282" t="s">
        <v>3816</v>
      </c>
      <c r="KXC21" s="282" t="s">
        <v>3816</v>
      </c>
      <c r="KXD21" s="282" t="s">
        <v>3816</v>
      </c>
      <c r="KXE21" s="282" t="s">
        <v>3816</v>
      </c>
      <c r="KXF21" s="282" t="s">
        <v>3816</v>
      </c>
      <c r="KXG21" s="282" t="s">
        <v>3816</v>
      </c>
      <c r="KXH21" s="282" t="s">
        <v>3816</v>
      </c>
      <c r="KXI21" s="282" t="s">
        <v>3816</v>
      </c>
      <c r="KXJ21" s="282" t="s">
        <v>3816</v>
      </c>
      <c r="KXK21" s="282" t="s">
        <v>3816</v>
      </c>
      <c r="KXL21" s="282" t="s">
        <v>3816</v>
      </c>
      <c r="KXM21" s="282" t="s">
        <v>3816</v>
      </c>
      <c r="KXN21" s="282" t="s">
        <v>3816</v>
      </c>
      <c r="KXO21" s="282" t="s">
        <v>3816</v>
      </c>
      <c r="KXP21" s="282" t="s">
        <v>3816</v>
      </c>
      <c r="KXQ21" s="282" t="s">
        <v>3816</v>
      </c>
      <c r="KXR21" s="282" t="s">
        <v>3816</v>
      </c>
      <c r="KXS21" s="282" t="s">
        <v>3816</v>
      </c>
      <c r="KXT21" s="282" t="s">
        <v>3816</v>
      </c>
      <c r="KXU21" s="282" t="s">
        <v>3816</v>
      </c>
      <c r="KXV21" s="282" t="s">
        <v>3816</v>
      </c>
      <c r="KXW21" s="282" t="s">
        <v>3816</v>
      </c>
      <c r="KXX21" s="282" t="s">
        <v>3816</v>
      </c>
      <c r="KXY21" s="282" t="s">
        <v>3816</v>
      </c>
      <c r="KXZ21" s="282" t="s">
        <v>3816</v>
      </c>
      <c r="KYA21" s="282" t="s">
        <v>3816</v>
      </c>
      <c r="KYB21" s="282" t="s">
        <v>3816</v>
      </c>
      <c r="KYC21" s="282" t="s">
        <v>3816</v>
      </c>
      <c r="KYD21" s="282" t="s">
        <v>3816</v>
      </c>
      <c r="KYE21" s="282" t="s">
        <v>3816</v>
      </c>
      <c r="KYF21" s="282" t="s">
        <v>3816</v>
      </c>
      <c r="KYG21" s="282" t="s">
        <v>3816</v>
      </c>
      <c r="KYH21" s="282" t="s">
        <v>3816</v>
      </c>
      <c r="KYI21" s="282" t="s">
        <v>3816</v>
      </c>
      <c r="KYJ21" s="282" t="s">
        <v>3816</v>
      </c>
      <c r="KYK21" s="282" t="s">
        <v>3816</v>
      </c>
      <c r="KYL21" s="282" t="s">
        <v>3816</v>
      </c>
      <c r="KYM21" s="282" t="s">
        <v>3816</v>
      </c>
      <c r="KYN21" s="282" t="s">
        <v>3816</v>
      </c>
      <c r="KYO21" s="282" t="s">
        <v>3816</v>
      </c>
      <c r="KYP21" s="282" t="s">
        <v>3816</v>
      </c>
      <c r="KYQ21" s="282" t="s">
        <v>3816</v>
      </c>
      <c r="KYR21" s="282" t="s">
        <v>3816</v>
      </c>
      <c r="KYS21" s="282" t="s">
        <v>3816</v>
      </c>
      <c r="KYT21" s="282" t="s">
        <v>3816</v>
      </c>
      <c r="KYU21" s="282" t="s">
        <v>3816</v>
      </c>
      <c r="KYV21" s="282" t="s">
        <v>3816</v>
      </c>
      <c r="KYW21" s="282" t="s">
        <v>3816</v>
      </c>
      <c r="KYX21" s="282" t="s">
        <v>3816</v>
      </c>
      <c r="KYY21" s="282" t="s">
        <v>3816</v>
      </c>
      <c r="KYZ21" s="282" t="s">
        <v>3816</v>
      </c>
      <c r="KZA21" s="282" t="s">
        <v>3816</v>
      </c>
      <c r="KZB21" s="282" t="s">
        <v>3816</v>
      </c>
      <c r="KZC21" s="282" t="s">
        <v>3816</v>
      </c>
      <c r="KZD21" s="282" t="s">
        <v>3816</v>
      </c>
      <c r="KZE21" s="282" t="s">
        <v>3816</v>
      </c>
      <c r="KZF21" s="282" t="s">
        <v>3816</v>
      </c>
      <c r="KZG21" s="282" t="s">
        <v>3816</v>
      </c>
      <c r="KZH21" s="282" t="s">
        <v>3816</v>
      </c>
      <c r="KZI21" s="282" t="s">
        <v>3816</v>
      </c>
      <c r="KZJ21" s="282" t="s">
        <v>3816</v>
      </c>
      <c r="KZK21" s="282" t="s">
        <v>3816</v>
      </c>
      <c r="KZL21" s="282" t="s">
        <v>3816</v>
      </c>
      <c r="KZM21" s="282" t="s">
        <v>3816</v>
      </c>
      <c r="KZN21" s="282" t="s">
        <v>3816</v>
      </c>
      <c r="KZO21" s="282" t="s">
        <v>3816</v>
      </c>
      <c r="KZP21" s="282" t="s">
        <v>3816</v>
      </c>
      <c r="KZQ21" s="282" t="s">
        <v>3816</v>
      </c>
      <c r="KZR21" s="282" t="s">
        <v>3816</v>
      </c>
      <c r="KZS21" s="282" t="s">
        <v>3816</v>
      </c>
      <c r="KZT21" s="282" t="s">
        <v>3816</v>
      </c>
      <c r="KZU21" s="282" t="s">
        <v>3816</v>
      </c>
      <c r="KZV21" s="282" t="s">
        <v>3816</v>
      </c>
      <c r="KZW21" s="282" t="s">
        <v>3816</v>
      </c>
      <c r="KZX21" s="282" t="s">
        <v>3816</v>
      </c>
      <c r="KZY21" s="282" t="s">
        <v>3816</v>
      </c>
      <c r="KZZ21" s="282" t="s">
        <v>3816</v>
      </c>
      <c r="LAA21" s="282" t="s">
        <v>3816</v>
      </c>
      <c r="LAB21" s="282" t="s">
        <v>3816</v>
      </c>
      <c r="LAC21" s="282" t="s">
        <v>3816</v>
      </c>
      <c r="LAD21" s="282" t="s">
        <v>3816</v>
      </c>
      <c r="LAE21" s="282" t="s">
        <v>3816</v>
      </c>
      <c r="LAF21" s="282" t="s">
        <v>3816</v>
      </c>
      <c r="LAG21" s="282" t="s">
        <v>3816</v>
      </c>
      <c r="LAH21" s="282" t="s">
        <v>3816</v>
      </c>
      <c r="LAI21" s="282" t="s">
        <v>3816</v>
      </c>
      <c r="LAJ21" s="282" t="s">
        <v>3816</v>
      </c>
      <c r="LAK21" s="282" t="s">
        <v>3816</v>
      </c>
      <c r="LAL21" s="282" t="s">
        <v>3816</v>
      </c>
      <c r="LAM21" s="282" t="s">
        <v>3816</v>
      </c>
      <c r="LAN21" s="282" t="s">
        <v>3816</v>
      </c>
      <c r="LAO21" s="282" t="s">
        <v>3816</v>
      </c>
      <c r="LAP21" s="282" t="s">
        <v>3816</v>
      </c>
      <c r="LAQ21" s="282" t="s">
        <v>3816</v>
      </c>
      <c r="LAR21" s="282" t="s">
        <v>3816</v>
      </c>
      <c r="LAS21" s="282" t="s">
        <v>3816</v>
      </c>
      <c r="LAT21" s="282" t="s">
        <v>3816</v>
      </c>
      <c r="LAU21" s="282" t="s">
        <v>3816</v>
      </c>
      <c r="LAV21" s="282" t="s">
        <v>3816</v>
      </c>
      <c r="LAW21" s="282" t="s">
        <v>3816</v>
      </c>
      <c r="LAX21" s="282" t="s">
        <v>3816</v>
      </c>
      <c r="LAY21" s="282" t="s">
        <v>3816</v>
      </c>
      <c r="LAZ21" s="282" t="s">
        <v>3816</v>
      </c>
      <c r="LBA21" s="282" t="s">
        <v>3816</v>
      </c>
      <c r="LBB21" s="282" t="s">
        <v>3816</v>
      </c>
      <c r="LBC21" s="282" t="s">
        <v>3816</v>
      </c>
      <c r="LBD21" s="282" t="s">
        <v>3816</v>
      </c>
      <c r="LBE21" s="282" t="s">
        <v>3816</v>
      </c>
      <c r="LBF21" s="282" t="s">
        <v>3816</v>
      </c>
      <c r="LBG21" s="282" t="s">
        <v>3816</v>
      </c>
      <c r="LBH21" s="282" t="s">
        <v>3816</v>
      </c>
      <c r="LBI21" s="282" t="s">
        <v>3816</v>
      </c>
      <c r="LBJ21" s="282" t="s">
        <v>3816</v>
      </c>
      <c r="LBK21" s="282" t="s">
        <v>3816</v>
      </c>
      <c r="LBL21" s="282" t="s">
        <v>3816</v>
      </c>
      <c r="LBM21" s="282" t="s">
        <v>3816</v>
      </c>
      <c r="LBN21" s="282" t="s">
        <v>3816</v>
      </c>
      <c r="LBO21" s="282" t="s">
        <v>3816</v>
      </c>
      <c r="LBP21" s="282" t="s">
        <v>3816</v>
      </c>
      <c r="LBQ21" s="282" t="s">
        <v>3816</v>
      </c>
      <c r="LBR21" s="282" t="s">
        <v>3816</v>
      </c>
      <c r="LBS21" s="282" t="s">
        <v>3816</v>
      </c>
      <c r="LBT21" s="282" t="s">
        <v>3816</v>
      </c>
      <c r="LBU21" s="282" t="s">
        <v>3816</v>
      </c>
      <c r="LBV21" s="282" t="s">
        <v>3816</v>
      </c>
      <c r="LBW21" s="282" t="s">
        <v>3816</v>
      </c>
      <c r="LBX21" s="282" t="s">
        <v>3816</v>
      </c>
      <c r="LBY21" s="282" t="s">
        <v>3816</v>
      </c>
      <c r="LBZ21" s="282" t="s">
        <v>3816</v>
      </c>
      <c r="LCA21" s="282" t="s">
        <v>3816</v>
      </c>
      <c r="LCB21" s="282" t="s">
        <v>3816</v>
      </c>
      <c r="LCC21" s="282" t="s">
        <v>3816</v>
      </c>
      <c r="LCD21" s="282" t="s">
        <v>3816</v>
      </c>
      <c r="LCE21" s="282" t="s">
        <v>3816</v>
      </c>
      <c r="LCF21" s="282" t="s">
        <v>3816</v>
      </c>
      <c r="LCG21" s="282" t="s">
        <v>3816</v>
      </c>
      <c r="LCH21" s="282" t="s">
        <v>3816</v>
      </c>
      <c r="LCI21" s="282" t="s">
        <v>3816</v>
      </c>
      <c r="LCJ21" s="282" t="s">
        <v>3816</v>
      </c>
      <c r="LCK21" s="282" t="s">
        <v>3816</v>
      </c>
      <c r="LCL21" s="282" t="s">
        <v>3816</v>
      </c>
      <c r="LCM21" s="282" t="s">
        <v>3816</v>
      </c>
      <c r="LCN21" s="282" t="s">
        <v>3816</v>
      </c>
      <c r="LCO21" s="282" t="s">
        <v>3816</v>
      </c>
      <c r="LCP21" s="282" t="s">
        <v>3816</v>
      </c>
      <c r="LCQ21" s="282" t="s">
        <v>3816</v>
      </c>
      <c r="LCR21" s="282" t="s">
        <v>3816</v>
      </c>
      <c r="LCS21" s="282" t="s">
        <v>3816</v>
      </c>
      <c r="LCT21" s="282" t="s">
        <v>3816</v>
      </c>
      <c r="LCU21" s="282" t="s">
        <v>3816</v>
      </c>
      <c r="LCV21" s="282" t="s">
        <v>3816</v>
      </c>
      <c r="LCW21" s="282" t="s">
        <v>3816</v>
      </c>
      <c r="LCX21" s="282" t="s">
        <v>3816</v>
      </c>
      <c r="LCY21" s="282" t="s">
        <v>3816</v>
      </c>
      <c r="LCZ21" s="282" t="s">
        <v>3816</v>
      </c>
      <c r="LDA21" s="282" t="s">
        <v>3816</v>
      </c>
      <c r="LDB21" s="282" t="s">
        <v>3816</v>
      </c>
      <c r="LDC21" s="282" t="s">
        <v>3816</v>
      </c>
      <c r="LDD21" s="282" t="s">
        <v>3816</v>
      </c>
      <c r="LDE21" s="282" t="s">
        <v>3816</v>
      </c>
      <c r="LDF21" s="282" t="s">
        <v>3816</v>
      </c>
      <c r="LDG21" s="282" t="s">
        <v>3816</v>
      </c>
      <c r="LDH21" s="282" t="s">
        <v>3816</v>
      </c>
      <c r="LDI21" s="282" t="s">
        <v>3816</v>
      </c>
      <c r="LDJ21" s="282" t="s">
        <v>3816</v>
      </c>
      <c r="LDK21" s="282" t="s">
        <v>3816</v>
      </c>
      <c r="LDL21" s="282" t="s">
        <v>3816</v>
      </c>
      <c r="LDM21" s="282" t="s">
        <v>3816</v>
      </c>
      <c r="LDN21" s="282" t="s">
        <v>3816</v>
      </c>
      <c r="LDO21" s="282" t="s">
        <v>3816</v>
      </c>
      <c r="LDP21" s="282" t="s">
        <v>3816</v>
      </c>
      <c r="LDQ21" s="282" t="s">
        <v>3816</v>
      </c>
      <c r="LDR21" s="282" t="s">
        <v>3816</v>
      </c>
      <c r="LDS21" s="282" t="s">
        <v>3816</v>
      </c>
      <c r="LDT21" s="282" t="s">
        <v>3816</v>
      </c>
      <c r="LDU21" s="282" t="s">
        <v>3816</v>
      </c>
      <c r="LDV21" s="282" t="s">
        <v>3816</v>
      </c>
      <c r="LDW21" s="282" t="s">
        <v>3816</v>
      </c>
      <c r="LDX21" s="282" t="s">
        <v>3816</v>
      </c>
      <c r="LDY21" s="282" t="s">
        <v>3816</v>
      </c>
      <c r="LDZ21" s="282" t="s">
        <v>3816</v>
      </c>
      <c r="LEA21" s="282" t="s">
        <v>3816</v>
      </c>
      <c r="LEB21" s="282" t="s">
        <v>3816</v>
      </c>
      <c r="LEC21" s="282" t="s">
        <v>3816</v>
      </c>
      <c r="LED21" s="282" t="s">
        <v>3816</v>
      </c>
      <c r="LEE21" s="282" t="s">
        <v>3816</v>
      </c>
      <c r="LEF21" s="282" t="s">
        <v>3816</v>
      </c>
      <c r="LEG21" s="282" t="s">
        <v>3816</v>
      </c>
      <c r="LEH21" s="282" t="s">
        <v>3816</v>
      </c>
      <c r="LEI21" s="282" t="s">
        <v>3816</v>
      </c>
      <c r="LEJ21" s="282" t="s">
        <v>3816</v>
      </c>
      <c r="LEK21" s="282" t="s">
        <v>3816</v>
      </c>
      <c r="LEL21" s="282" t="s">
        <v>3816</v>
      </c>
      <c r="LEM21" s="282" t="s">
        <v>3816</v>
      </c>
      <c r="LEN21" s="282" t="s">
        <v>3816</v>
      </c>
      <c r="LEO21" s="282" t="s">
        <v>3816</v>
      </c>
      <c r="LEP21" s="282" t="s">
        <v>3816</v>
      </c>
      <c r="LEQ21" s="282" t="s">
        <v>3816</v>
      </c>
      <c r="LER21" s="282" t="s">
        <v>3816</v>
      </c>
      <c r="LES21" s="282" t="s">
        <v>3816</v>
      </c>
      <c r="LET21" s="282" t="s">
        <v>3816</v>
      </c>
      <c r="LEU21" s="282" t="s">
        <v>3816</v>
      </c>
      <c r="LEV21" s="282" t="s">
        <v>3816</v>
      </c>
      <c r="LEW21" s="282" t="s">
        <v>3816</v>
      </c>
      <c r="LEX21" s="282" t="s">
        <v>3816</v>
      </c>
      <c r="LEY21" s="282" t="s">
        <v>3816</v>
      </c>
      <c r="LEZ21" s="282" t="s">
        <v>3816</v>
      </c>
      <c r="LFA21" s="282" t="s">
        <v>3816</v>
      </c>
      <c r="LFB21" s="282" t="s">
        <v>3816</v>
      </c>
      <c r="LFC21" s="282" t="s">
        <v>3816</v>
      </c>
      <c r="LFD21" s="282" t="s">
        <v>3816</v>
      </c>
      <c r="LFE21" s="282" t="s">
        <v>3816</v>
      </c>
      <c r="LFF21" s="282" t="s">
        <v>3816</v>
      </c>
      <c r="LFG21" s="282" t="s">
        <v>3816</v>
      </c>
      <c r="LFH21" s="282" t="s">
        <v>3816</v>
      </c>
      <c r="LFI21" s="282" t="s">
        <v>3816</v>
      </c>
      <c r="LFJ21" s="282" t="s">
        <v>3816</v>
      </c>
      <c r="LFK21" s="282" t="s">
        <v>3816</v>
      </c>
      <c r="LFL21" s="282" t="s">
        <v>3816</v>
      </c>
      <c r="LFM21" s="282" t="s">
        <v>3816</v>
      </c>
      <c r="LFN21" s="282" t="s">
        <v>3816</v>
      </c>
      <c r="LFO21" s="282" t="s">
        <v>3816</v>
      </c>
      <c r="LFP21" s="282" t="s">
        <v>3816</v>
      </c>
      <c r="LFQ21" s="282" t="s">
        <v>3816</v>
      </c>
      <c r="LFR21" s="282" t="s">
        <v>3816</v>
      </c>
      <c r="LFS21" s="282" t="s">
        <v>3816</v>
      </c>
      <c r="LFT21" s="282" t="s">
        <v>3816</v>
      </c>
      <c r="LFU21" s="282" t="s">
        <v>3816</v>
      </c>
      <c r="LFV21" s="282" t="s">
        <v>3816</v>
      </c>
      <c r="LFW21" s="282" t="s">
        <v>3816</v>
      </c>
      <c r="LFX21" s="282" t="s">
        <v>3816</v>
      </c>
      <c r="LFY21" s="282" t="s">
        <v>3816</v>
      </c>
      <c r="LFZ21" s="282" t="s">
        <v>3816</v>
      </c>
      <c r="LGA21" s="282" t="s">
        <v>3816</v>
      </c>
      <c r="LGB21" s="282" t="s">
        <v>3816</v>
      </c>
      <c r="LGC21" s="282" t="s">
        <v>3816</v>
      </c>
      <c r="LGD21" s="282" t="s">
        <v>3816</v>
      </c>
      <c r="LGE21" s="282" t="s">
        <v>3816</v>
      </c>
      <c r="LGF21" s="282" t="s">
        <v>3816</v>
      </c>
      <c r="LGG21" s="282" t="s">
        <v>3816</v>
      </c>
      <c r="LGH21" s="282" t="s">
        <v>3816</v>
      </c>
      <c r="LGI21" s="282" t="s">
        <v>3816</v>
      </c>
      <c r="LGJ21" s="282" t="s">
        <v>3816</v>
      </c>
      <c r="LGK21" s="282" t="s">
        <v>3816</v>
      </c>
      <c r="LGL21" s="282" t="s">
        <v>3816</v>
      </c>
      <c r="LGM21" s="282" t="s">
        <v>3816</v>
      </c>
      <c r="LGN21" s="282" t="s">
        <v>3816</v>
      </c>
      <c r="LGO21" s="282" t="s">
        <v>3816</v>
      </c>
      <c r="LGP21" s="282" t="s">
        <v>3816</v>
      </c>
      <c r="LGQ21" s="282" t="s">
        <v>3816</v>
      </c>
      <c r="LGR21" s="282" t="s">
        <v>3816</v>
      </c>
      <c r="LGS21" s="282" t="s">
        <v>3816</v>
      </c>
      <c r="LGT21" s="282" t="s">
        <v>3816</v>
      </c>
      <c r="LGU21" s="282" t="s">
        <v>3816</v>
      </c>
      <c r="LGV21" s="282" t="s">
        <v>3816</v>
      </c>
      <c r="LGW21" s="282" t="s">
        <v>3816</v>
      </c>
      <c r="LGX21" s="282" t="s">
        <v>3816</v>
      </c>
      <c r="LGY21" s="282" t="s">
        <v>3816</v>
      </c>
      <c r="LGZ21" s="282" t="s">
        <v>3816</v>
      </c>
      <c r="LHA21" s="282" t="s">
        <v>3816</v>
      </c>
      <c r="LHB21" s="282" t="s">
        <v>3816</v>
      </c>
      <c r="LHC21" s="282" t="s">
        <v>3816</v>
      </c>
      <c r="LHD21" s="282" t="s">
        <v>3816</v>
      </c>
      <c r="LHE21" s="282" t="s">
        <v>3816</v>
      </c>
      <c r="LHF21" s="282" t="s">
        <v>3816</v>
      </c>
      <c r="LHG21" s="282" t="s">
        <v>3816</v>
      </c>
      <c r="LHH21" s="282" t="s">
        <v>3816</v>
      </c>
      <c r="LHI21" s="282" t="s">
        <v>3816</v>
      </c>
      <c r="LHJ21" s="282" t="s">
        <v>3816</v>
      </c>
      <c r="LHK21" s="282" t="s">
        <v>3816</v>
      </c>
      <c r="LHL21" s="282" t="s">
        <v>3816</v>
      </c>
      <c r="LHM21" s="282" t="s">
        <v>3816</v>
      </c>
      <c r="LHN21" s="282" t="s">
        <v>3816</v>
      </c>
      <c r="LHO21" s="282" t="s">
        <v>3816</v>
      </c>
      <c r="LHP21" s="282" t="s">
        <v>3816</v>
      </c>
      <c r="LHQ21" s="282" t="s">
        <v>3816</v>
      </c>
      <c r="LHR21" s="282" t="s">
        <v>3816</v>
      </c>
      <c r="LHS21" s="282" t="s">
        <v>3816</v>
      </c>
      <c r="LHT21" s="282" t="s">
        <v>3816</v>
      </c>
      <c r="LHU21" s="282" t="s">
        <v>3816</v>
      </c>
      <c r="LHV21" s="282" t="s">
        <v>3816</v>
      </c>
      <c r="LHW21" s="282" t="s">
        <v>3816</v>
      </c>
      <c r="LHX21" s="282" t="s">
        <v>3816</v>
      </c>
      <c r="LHY21" s="282" t="s">
        <v>3816</v>
      </c>
      <c r="LHZ21" s="282" t="s">
        <v>3816</v>
      </c>
      <c r="LIA21" s="282" t="s">
        <v>3816</v>
      </c>
      <c r="LIB21" s="282" t="s">
        <v>3816</v>
      </c>
      <c r="LIC21" s="282" t="s">
        <v>3816</v>
      </c>
      <c r="LID21" s="282" t="s">
        <v>3816</v>
      </c>
      <c r="LIE21" s="282" t="s">
        <v>3816</v>
      </c>
      <c r="LIF21" s="282" t="s">
        <v>3816</v>
      </c>
      <c r="LIG21" s="282" t="s">
        <v>3816</v>
      </c>
      <c r="LIH21" s="282" t="s">
        <v>3816</v>
      </c>
      <c r="LII21" s="282" t="s">
        <v>3816</v>
      </c>
      <c r="LIJ21" s="282" t="s">
        <v>3816</v>
      </c>
      <c r="LIK21" s="282" t="s">
        <v>3816</v>
      </c>
      <c r="LIL21" s="282" t="s">
        <v>3816</v>
      </c>
      <c r="LIM21" s="282" t="s">
        <v>3816</v>
      </c>
      <c r="LIN21" s="282" t="s">
        <v>3816</v>
      </c>
      <c r="LIO21" s="282" t="s">
        <v>3816</v>
      </c>
      <c r="LIP21" s="282" t="s">
        <v>3816</v>
      </c>
      <c r="LIQ21" s="282" t="s">
        <v>3816</v>
      </c>
      <c r="LIR21" s="282" t="s">
        <v>3816</v>
      </c>
      <c r="LIS21" s="282" t="s">
        <v>3816</v>
      </c>
      <c r="LIT21" s="282" t="s">
        <v>3816</v>
      </c>
      <c r="LIU21" s="282" t="s">
        <v>3816</v>
      </c>
      <c r="LIV21" s="282" t="s">
        <v>3816</v>
      </c>
      <c r="LIW21" s="282" t="s">
        <v>3816</v>
      </c>
      <c r="LIX21" s="282" t="s">
        <v>3816</v>
      </c>
      <c r="LIY21" s="282" t="s">
        <v>3816</v>
      </c>
      <c r="LIZ21" s="282" t="s">
        <v>3816</v>
      </c>
      <c r="LJA21" s="282" t="s">
        <v>3816</v>
      </c>
      <c r="LJB21" s="282" t="s">
        <v>3816</v>
      </c>
      <c r="LJC21" s="282" t="s">
        <v>3816</v>
      </c>
      <c r="LJD21" s="282" t="s">
        <v>3816</v>
      </c>
      <c r="LJE21" s="282" t="s">
        <v>3816</v>
      </c>
      <c r="LJF21" s="282" t="s">
        <v>3816</v>
      </c>
      <c r="LJG21" s="282" t="s">
        <v>3816</v>
      </c>
      <c r="LJH21" s="282" t="s">
        <v>3816</v>
      </c>
      <c r="LJI21" s="282" t="s">
        <v>3816</v>
      </c>
      <c r="LJJ21" s="282" t="s">
        <v>3816</v>
      </c>
      <c r="LJK21" s="282" t="s">
        <v>3816</v>
      </c>
      <c r="LJL21" s="282" t="s">
        <v>3816</v>
      </c>
      <c r="LJM21" s="282" t="s">
        <v>3816</v>
      </c>
      <c r="LJN21" s="282" t="s">
        <v>3816</v>
      </c>
      <c r="LJO21" s="282" t="s">
        <v>3816</v>
      </c>
      <c r="LJP21" s="282" t="s">
        <v>3816</v>
      </c>
      <c r="LJQ21" s="282" t="s">
        <v>3816</v>
      </c>
      <c r="LJR21" s="282" t="s">
        <v>3816</v>
      </c>
      <c r="LJS21" s="282" t="s">
        <v>3816</v>
      </c>
      <c r="LJT21" s="282" t="s">
        <v>3816</v>
      </c>
      <c r="LJU21" s="282" t="s">
        <v>3816</v>
      </c>
      <c r="LJV21" s="282" t="s">
        <v>3816</v>
      </c>
      <c r="LJW21" s="282" t="s">
        <v>3816</v>
      </c>
      <c r="LJX21" s="282" t="s">
        <v>3816</v>
      </c>
      <c r="LJY21" s="282" t="s">
        <v>3816</v>
      </c>
      <c r="LJZ21" s="282" t="s">
        <v>3816</v>
      </c>
      <c r="LKA21" s="282" t="s">
        <v>3816</v>
      </c>
      <c r="LKB21" s="282" t="s">
        <v>3816</v>
      </c>
      <c r="LKC21" s="282" t="s">
        <v>3816</v>
      </c>
      <c r="LKD21" s="282" t="s">
        <v>3816</v>
      </c>
      <c r="LKE21" s="282" t="s">
        <v>3816</v>
      </c>
      <c r="LKF21" s="282" t="s">
        <v>3816</v>
      </c>
      <c r="LKG21" s="282" t="s">
        <v>3816</v>
      </c>
      <c r="LKH21" s="282" t="s">
        <v>3816</v>
      </c>
      <c r="LKI21" s="282" t="s">
        <v>3816</v>
      </c>
      <c r="LKJ21" s="282" t="s">
        <v>3816</v>
      </c>
      <c r="LKK21" s="282" t="s">
        <v>3816</v>
      </c>
      <c r="LKL21" s="282" t="s">
        <v>3816</v>
      </c>
      <c r="LKM21" s="282" t="s">
        <v>3816</v>
      </c>
      <c r="LKN21" s="282" t="s">
        <v>3816</v>
      </c>
      <c r="LKO21" s="282" t="s">
        <v>3816</v>
      </c>
      <c r="LKP21" s="282" t="s">
        <v>3816</v>
      </c>
      <c r="LKQ21" s="282" t="s">
        <v>3816</v>
      </c>
      <c r="LKR21" s="282" t="s">
        <v>3816</v>
      </c>
      <c r="LKS21" s="282" t="s">
        <v>3816</v>
      </c>
      <c r="LKT21" s="282" t="s">
        <v>3816</v>
      </c>
      <c r="LKU21" s="282" t="s">
        <v>3816</v>
      </c>
      <c r="LKV21" s="282" t="s">
        <v>3816</v>
      </c>
      <c r="LKW21" s="282" t="s">
        <v>3816</v>
      </c>
      <c r="LKX21" s="282" t="s">
        <v>3816</v>
      </c>
      <c r="LKY21" s="282" t="s">
        <v>3816</v>
      </c>
      <c r="LKZ21" s="282" t="s">
        <v>3816</v>
      </c>
      <c r="LLA21" s="282" t="s">
        <v>3816</v>
      </c>
      <c r="LLB21" s="282" t="s">
        <v>3816</v>
      </c>
      <c r="LLC21" s="282" t="s">
        <v>3816</v>
      </c>
      <c r="LLD21" s="282" t="s">
        <v>3816</v>
      </c>
      <c r="LLE21" s="282" t="s">
        <v>3816</v>
      </c>
      <c r="LLF21" s="282" t="s">
        <v>3816</v>
      </c>
      <c r="LLG21" s="282" t="s">
        <v>3816</v>
      </c>
      <c r="LLH21" s="282" t="s">
        <v>3816</v>
      </c>
      <c r="LLI21" s="282" t="s">
        <v>3816</v>
      </c>
      <c r="LLJ21" s="282" t="s">
        <v>3816</v>
      </c>
      <c r="LLK21" s="282" t="s">
        <v>3816</v>
      </c>
      <c r="LLL21" s="282" t="s">
        <v>3816</v>
      </c>
      <c r="LLM21" s="282" t="s">
        <v>3816</v>
      </c>
      <c r="LLN21" s="282" t="s">
        <v>3816</v>
      </c>
      <c r="LLO21" s="282" t="s">
        <v>3816</v>
      </c>
      <c r="LLP21" s="282" t="s">
        <v>3816</v>
      </c>
      <c r="LLQ21" s="282" t="s">
        <v>3816</v>
      </c>
      <c r="LLR21" s="282" t="s">
        <v>3816</v>
      </c>
      <c r="LLS21" s="282" t="s">
        <v>3816</v>
      </c>
      <c r="LLT21" s="282" t="s">
        <v>3816</v>
      </c>
      <c r="LLU21" s="282" t="s">
        <v>3816</v>
      </c>
      <c r="LLV21" s="282" t="s">
        <v>3816</v>
      </c>
      <c r="LLW21" s="282" t="s">
        <v>3816</v>
      </c>
      <c r="LLX21" s="282" t="s">
        <v>3816</v>
      </c>
      <c r="LLY21" s="282" t="s">
        <v>3816</v>
      </c>
      <c r="LLZ21" s="282" t="s">
        <v>3816</v>
      </c>
      <c r="LMA21" s="282" t="s">
        <v>3816</v>
      </c>
      <c r="LMB21" s="282" t="s">
        <v>3816</v>
      </c>
      <c r="LMC21" s="282" t="s">
        <v>3816</v>
      </c>
      <c r="LMD21" s="282" t="s">
        <v>3816</v>
      </c>
      <c r="LME21" s="282" t="s">
        <v>3816</v>
      </c>
      <c r="LMF21" s="282" t="s">
        <v>3816</v>
      </c>
      <c r="LMG21" s="282" t="s">
        <v>3816</v>
      </c>
      <c r="LMH21" s="282" t="s">
        <v>3816</v>
      </c>
      <c r="LMI21" s="282" t="s">
        <v>3816</v>
      </c>
      <c r="LMJ21" s="282" t="s">
        <v>3816</v>
      </c>
      <c r="LMK21" s="282" t="s">
        <v>3816</v>
      </c>
      <c r="LML21" s="282" t="s">
        <v>3816</v>
      </c>
      <c r="LMM21" s="282" t="s">
        <v>3816</v>
      </c>
      <c r="LMN21" s="282" t="s">
        <v>3816</v>
      </c>
      <c r="LMO21" s="282" t="s">
        <v>3816</v>
      </c>
      <c r="LMP21" s="282" t="s">
        <v>3816</v>
      </c>
      <c r="LMQ21" s="282" t="s">
        <v>3816</v>
      </c>
      <c r="LMR21" s="282" t="s">
        <v>3816</v>
      </c>
      <c r="LMS21" s="282" t="s">
        <v>3816</v>
      </c>
      <c r="LMT21" s="282" t="s">
        <v>3816</v>
      </c>
      <c r="LMU21" s="282" t="s">
        <v>3816</v>
      </c>
      <c r="LMV21" s="282" t="s">
        <v>3816</v>
      </c>
      <c r="LMW21" s="282" t="s">
        <v>3816</v>
      </c>
      <c r="LMX21" s="282" t="s">
        <v>3816</v>
      </c>
      <c r="LMY21" s="282" t="s">
        <v>3816</v>
      </c>
      <c r="LMZ21" s="282" t="s">
        <v>3816</v>
      </c>
      <c r="LNA21" s="282" t="s">
        <v>3816</v>
      </c>
      <c r="LNB21" s="282" t="s">
        <v>3816</v>
      </c>
      <c r="LNC21" s="282" t="s">
        <v>3816</v>
      </c>
      <c r="LND21" s="282" t="s">
        <v>3816</v>
      </c>
      <c r="LNE21" s="282" t="s">
        <v>3816</v>
      </c>
      <c r="LNF21" s="282" t="s">
        <v>3816</v>
      </c>
      <c r="LNG21" s="282" t="s">
        <v>3816</v>
      </c>
      <c r="LNH21" s="282" t="s">
        <v>3816</v>
      </c>
      <c r="LNI21" s="282" t="s">
        <v>3816</v>
      </c>
      <c r="LNJ21" s="282" t="s">
        <v>3816</v>
      </c>
      <c r="LNK21" s="282" t="s">
        <v>3816</v>
      </c>
      <c r="LNL21" s="282" t="s">
        <v>3816</v>
      </c>
      <c r="LNM21" s="282" t="s">
        <v>3816</v>
      </c>
      <c r="LNN21" s="282" t="s">
        <v>3816</v>
      </c>
      <c r="LNO21" s="282" t="s">
        <v>3816</v>
      </c>
      <c r="LNP21" s="282" t="s">
        <v>3816</v>
      </c>
      <c r="LNQ21" s="282" t="s">
        <v>3816</v>
      </c>
      <c r="LNR21" s="282" t="s">
        <v>3816</v>
      </c>
      <c r="LNS21" s="282" t="s">
        <v>3816</v>
      </c>
      <c r="LNT21" s="282" t="s">
        <v>3816</v>
      </c>
      <c r="LNU21" s="282" t="s">
        <v>3816</v>
      </c>
      <c r="LNV21" s="282" t="s">
        <v>3816</v>
      </c>
      <c r="LNW21" s="282" t="s">
        <v>3816</v>
      </c>
      <c r="LNX21" s="282" t="s">
        <v>3816</v>
      </c>
      <c r="LNY21" s="282" t="s">
        <v>3816</v>
      </c>
      <c r="LNZ21" s="282" t="s">
        <v>3816</v>
      </c>
      <c r="LOA21" s="282" t="s">
        <v>3816</v>
      </c>
      <c r="LOB21" s="282" t="s">
        <v>3816</v>
      </c>
      <c r="LOC21" s="282" t="s">
        <v>3816</v>
      </c>
      <c r="LOD21" s="282" t="s">
        <v>3816</v>
      </c>
      <c r="LOE21" s="282" t="s">
        <v>3816</v>
      </c>
      <c r="LOF21" s="282" t="s">
        <v>3816</v>
      </c>
      <c r="LOG21" s="282" t="s">
        <v>3816</v>
      </c>
      <c r="LOH21" s="282" t="s">
        <v>3816</v>
      </c>
      <c r="LOI21" s="282" t="s">
        <v>3816</v>
      </c>
      <c r="LOJ21" s="282" t="s">
        <v>3816</v>
      </c>
      <c r="LOK21" s="282" t="s">
        <v>3816</v>
      </c>
      <c r="LOL21" s="282" t="s">
        <v>3816</v>
      </c>
      <c r="LOM21" s="282" t="s">
        <v>3816</v>
      </c>
      <c r="LON21" s="282" t="s">
        <v>3816</v>
      </c>
      <c r="LOO21" s="282" t="s">
        <v>3816</v>
      </c>
      <c r="LOP21" s="282" t="s">
        <v>3816</v>
      </c>
      <c r="LOQ21" s="282" t="s">
        <v>3816</v>
      </c>
      <c r="LOR21" s="282" t="s">
        <v>3816</v>
      </c>
      <c r="LOS21" s="282" t="s">
        <v>3816</v>
      </c>
      <c r="LOT21" s="282" t="s">
        <v>3816</v>
      </c>
      <c r="LOU21" s="282" t="s">
        <v>3816</v>
      </c>
      <c r="LOV21" s="282" t="s">
        <v>3816</v>
      </c>
      <c r="LOW21" s="282" t="s">
        <v>3816</v>
      </c>
      <c r="LOX21" s="282" t="s">
        <v>3816</v>
      </c>
      <c r="LOY21" s="282" t="s">
        <v>3816</v>
      </c>
      <c r="LOZ21" s="282" t="s">
        <v>3816</v>
      </c>
      <c r="LPA21" s="282" t="s">
        <v>3816</v>
      </c>
      <c r="LPB21" s="282" t="s">
        <v>3816</v>
      </c>
      <c r="LPC21" s="282" t="s">
        <v>3816</v>
      </c>
      <c r="LPD21" s="282" t="s">
        <v>3816</v>
      </c>
      <c r="LPE21" s="282" t="s">
        <v>3816</v>
      </c>
      <c r="LPF21" s="282" t="s">
        <v>3816</v>
      </c>
      <c r="LPG21" s="282" t="s">
        <v>3816</v>
      </c>
      <c r="LPH21" s="282" t="s">
        <v>3816</v>
      </c>
      <c r="LPI21" s="282" t="s">
        <v>3816</v>
      </c>
      <c r="LPJ21" s="282" t="s">
        <v>3816</v>
      </c>
      <c r="LPK21" s="282" t="s">
        <v>3816</v>
      </c>
      <c r="LPL21" s="282" t="s">
        <v>3816</v>
      </c>
      <c r="LPM21" s="282" t="s">
        <v>3816</v>
      </c>
      <c r="LPN21" s="282" t="s">
        <v>3816</v>
      </c>
      <c r="LPO21" s="282" t="s">
        <v>3816</v>
      </c>
      <c r="LPP21" s="282" t="s">
        <v>3816</v>
      </c>
      <c r="LPQ21" s="282" t="s">
        <v>3816</v>
      </c>
      <c r="LPR21" s="282" t="s">
        <v>3816</v>
      </c>
      <c r="LPS21" s="282" t="s">
        <v>3816</v>
      </c>
      <c r="LPT21" s="282" t="s">
        <v>3816</v>
      </c>
      <c r="LPU21" s="282" t="s">
        <v>3816</v>
      </c>
      <c r="LPV21" s="282" t="s">
        <v>3816</v>
      </c>
      <c r="LPW21" s="282" t="s">
        <v>3816</v>
      </c>
      <c r="LPX21" s="282" t="s">
        <v>3816</v>
      </c>
      <c r="LPY21" s="282" t="s">
        <v>3816</v>
      </c>
      <c r="LPZ21" s="282" t="s">
        <v>3816</v>
      </c>
      <c r="LQA21" s="282" t="s">
        <v>3816</v>
      </c>
      <c r="LQB21" s="282" t="s">
        <v>3816</v>
      </c>
      <c r="LQC21" s="282" t="s">
        <v>3816</v>
      </c>
      <c r="LQD21" s="282" t="s">
        <v>3816</v>
      </c>
      <c r="LQE21" s="282" t="s">
        <v>3816</v>
      </c>
      <c r="LQF21" s="282" t="s">
        <v>3816</v>
      </c>
      <c r="LQG21" s="282" t="s">
        <v>3816</v>
      </c>
      <c r="LQH21" s="282" t="s">
        <v>3816</v>
      </c>
      <c r="LQI21" s="282" t="s">
        <v>3816</v>
      </c>
      <c r="LQJ21" s="282" t="s">
        <v>3816</v>
      </c>
      <c r="LQK21" s="282" t="s">
        <v>3816</v>
      </c>
      <c r="LQL21" s="282" t="s">
        <v>3816</v>
      </c>
      <c r="LQM21" s="282" t="s">
        <v>3816</v>
      </c>
      <c r="LQN21" s="282" t="s">
        <v>3816</v>
      </c>
      <c r="LQO21" s="282" t="s">
        <v>3816</v>
      </c>
      <c r="LQP21" s="282" t="s">
        <v>3816</v>
      </c>
      <c r="LQQ21" s="282" t="s">
        <v>3816</v>
      </c>
      <c r="LQR21" s="282" t="s">
        <v>3816</v>
      </c>
      <c r="LQS21" s="282" t="s">
        <v>3816</v>
      </c>
      <c r="LQT21" s="282" t="s">
        <v>3816</v>
      </c>
      <c r="LQU21" s="282" t="s">
        <v>3816</v>
      </c>
      <c r="LQV21" s="282" t="s">
        <v>3816</v>
      </c>
      <c r="LQW21" s="282" t="s">
        <v>3816</v>
      </c>
      <c r="LQX21" s="282" t="s">
        <v>3816</v>
      </c>
      <c r="LQY21" s="282" t="s">
        <v>3816</v>
      </c>
      <c r="LQZ21" s="282" t="s">
        <v>3816</v>
      </c>
      <c r="LRA21" s="282" t="s">
        <v>3816</v>
      </c>
      <c r="LRB21" s="282" t="s">
        <v>3816</v>
      </c>
      <c r="LRC21" s="282" t="s">
        <v>3816</v>
      </c>
      <c r="LRD21" s="282" t="s">
        <v>3816</v>
      </c>
      <c r="LRE21" s="282" t="s">
        <v>3816</v>
      </c>
      <c r="LRF21" s="282" t="s">
        <v>3816</v>
      </c>
      <c r="LRG21" s="282" t="s">
        <v>3816</v>
      </c>
      <c r="LRH21" s="282" t="s">
        <v>3816</v>
      </c>
      <c r="LRI21" s="282" t="s">
        <v>3816</v>
      </c>
      <c r="LRJ21" s="282" t="s">
        <v>3816</v>
      </c>
      <c r="LRK21" s="282" t="s">
        <v>3816</v>
      </c>
      <c r="LRL21" s="282" t="s">
        <v>3816</v>
      </c>
      <c r="LRM21" s="282" t="s">
        <v>3816</v>
      </c>
      <c r="LRN21" s="282" t="s">
        <v>3816</v>
      </c>
      <c r="LRO21" s="282" t="s">
        <v>3816</v>
      </c>
      <c r="LRP21" s="282" t="s">
        <v>3816</v>
      </c>
      <c r="LRQ21" s="282" t="s">
        <v>3816</v>
      </c>
      <c r="LRR21" s="282" t="s">
        <v>3816</v>
      </c>
      <c r="LRS21" s="282" t="s">
        <v>3816</v>
      </c>
      <c r="LRT21" s="282" t="s">
        <v>3816</v>
      </c>
      <c r="LRU21" s="282" t="s">
        <v>3816</v>
      </c>
      <c r="LRV21" s="282" t="s">
        <v>3816</v>
      </c>
      <c r="LRW21" s="282" t="s">
        <v>3816</v>
      </c>
      <c r="LRX21" s="282" t="s">
        <v>3816</v>
      </c>
      <c r="LRY21" s="282" t="s">
        <v>3816</v>
      </c>
      <c r="LRZ21" s="282" t="s">
        <v>3816</v>
      </c>
      <c r="LSA21" s="282" t="s">
        <v>3816</v>
      </c>
      <c r="LSB21" s="282" t="s">
        <v>3816</v>
      </c>
      <c r="LSC21" s="282" t="s">
        <v>3816</v>
      </c>
      <c r="LSD21" s="282" t="s">
        <v>3816</v>
      </c>
      <c r="LSE21" s="282" t="s">
        <v>3816</v>
      </c>
      <c r="LSF21" s="282" t="s">
        <v>3816</v>
      </c>
      <c r="LSG21" s="282" t="s">
        <v>3816</v>
      </c>
      <c r="LSH21" s="282" t="s">
        <v>3816</v>
      </c>
      <c r="LSI21" s="282" t="s">
        <v>3816</v>
      </c>
      <c r="LSJ21" s="282" t="s">
        <v>3816</v>
      </c>
      <c r="LSK21" s="282" t="s">
        <v>3816</v>
      </c>
      <c r="LSL21" s="282" t="s">
        <v>3816</v>
      </c>
      <c r="LSM21" s="282" t="s">
        <v>3816</v>
      </c>
      <c r="LSN21" s="282" t="s">
        <v>3816</v>
      </c>
      <c r="LSO21" s="282" t="s">
        <v>3816</v>
      </c>
      <c r="LSP21" s="282" t="s">
        <v>3816</v>
      </c>
      <c r="LSQ21" s="282" t="s">
        <v>3816</v>
      </c>
      <c r="LSR21" s="282" t="s">
        <v>3816</v>
      </c>
      <c r="LSS21" s="282" t="s">
        <v>3816</v>
      </c>
      <c r="LST21" s="282" t="s">
        <v>3816</v>
      </c>
      <c r="LSU21" s="282" t="s">
        <v>3816</v>
      </c>
      <c r="LSV21" s="282" t="s">
        <v>3816</v>
      </c>
      <c r="LSW21" s="282" t="s">
        <v>3816</v>
      </c>
      <c r="LSX21" s="282" t="s">
        <v>3816</v>
      </c>
      <c r="LSY21" s="282" t="s">
        <v>3816</v>
      </c>
      <c r="LSZ21" s="282" t="s">
        <v>3816</v>
      </c>
      <c r="LTA21" s="282" t="s">
        <v>3816</v>
      </c>
      <c r="LTB21" s="282" t="s">
        <v>3816</v>
      </c>
      <c r="LTC21" s="282" t="s">
        <v>3816</v>
      </c>
      <c r="LTD21" s="282" t="s">
        <v>3816</v>
      </c>
      <c r="LTE21" s="282" t="s">
        <v>3816</v>
      </c>
      <c r="LTF21" s="282" t="s">
        <v>3816</v>
      </c>
      <c r="LTG21" s="282" t="s">
        <v>3816</v>
      </c>
      <c r="LTH21" s="282" t="s">
        <v>3816</v>
      </c>
      <c r="LTI21" s="282" t="s">
        <v>3816</v>
      </c>
      <c r="LTJ21" s="282" t="s">
        <v>3816</v>
      </c>
      <c r="LTK21" s="282" t="s">
        <v>3816</v>
      </c>
      <c r="LTL21" s="282" t="s">
        <v>3816</v>
      </c>
      <c r="LTM21" s="282" t="s">
        <v>3816</v>
      </c>
      <c r="LTN21" s="282" t="s">
        <v>3816</v>
      </c>
      <c r="LTO21" s="282" t="s">
        <v>3816</v>
      </c>
      <c r="LTP21" s="282" t="s">
        <v>3816</v>
      </c>
      <c r="LTQ21" s="282" t="s">
        <v>3816</v>
      </c>
      <c r="LTR21" s="282" t="s">
        <v>3816</v>
      </c>
      <c r="LTS21" s="282" t="s">
        <v>3816</v>
      </c>
      <c r="LTT21" s="282" t="s">
        <v>3816</v>
      </c>
      <c r="LTU21" s="282" t="s">
        <v>3816</v>
      </c>
      <c r="LTV21" s="282" t="s">
        <v>3816</v>
      </c>
      <c r="LTW21" s="282" t="s">
        <v>3816</v>
      </c>
      <c r="LTX21" s="282" t="s">
        <v>3816</v>
      </c>
      <c r="LTY21" s="282" t="s">
        <v>3816</v>
      </c>
      <c r="LTZ21" s="282" t="s">
        <v>3816</v>
      </c>
      <c r="LUA21" s="282" t="s">
        <v>3816</v>
      </c>
      <c r="LUB21" s="282" t="s">
        <v>3816</v>
      </c>
      <c r="LUC21" s="282" t="s">
        <v>3816</v>
      </c>
      <c r="LUD21" s="282" t="s">
        <v>3816</v>
      </c>
      <c r="LUE21" s="282" t="s">
        <v>3816</v>
      </c>
      <c r="LUF21" s="282" t="s">
        <v>3816</v>
      </c>
      <c r="LUG21" s="282" t="s">
        <v>3816</v>
      </c>
      <c r="LUH21" s="282" t="s">
        <v>3816</v>
      </c>
      <c r="LUI21" s="282" t="s">
        <v>3816</v>
      </c>
      <c r="LUJ21" s="282" t="s">
        <v>3816</v>
      </c>
      <c r="LUK21" s="282" t="s">
        <v>3816</v>
      </c>
      <c r="LUL21" s="282" t="s">
        <v>3816</v>
      </c>
      <c r="LUM21" s="282" t="s">
        <v>3816</v>
      </c>
      <c r="LUN21" s="282" t="s">
        <v>3816</v>
      </c>
      <c r="LUO21" s="282" t="s">
        <v>3816</v>
      </c>
      <c r="LUP21" s="282" t="s">
        <v>3816</v>
      </c>
      <c r="LUQ21" s="282" t="s">
        <v>3816</v>
      </c>
      <c r="LUR21" s="282" t="s">
        <v>3816</v>
      </c>
      <c r="LUS21" s="282" t="s">
        <v>3816</v>
      </c>
      <c r="LUT21" s="282" t="s">
        <v>3816</v>
      </c>
      <c r="LUU21" s="282" t="s">
        <v>3816</v>
      </c>
      <c r="LUV21" s="282" t="s">
        <v>3816</v>
      </c>
      <c r="LUW21" s="282" t="s">
        <v>3816</v>
      </c>
      <c r="LUX21" s="282" t="s">
        <v>3816</v>
      </c>
      <c r="LUY21" s="282" t="s">
        <v>3816</v>
      </c>
      <c r="LUZ21" s="282" t="s">
        <v>3816</v>
      </c>
      <c r="LVA21" s="282" t="s">
        <v>3816</v>
      </c>
      <c r="LVB21" s="282" t="s">
        <v>3816</v>
      </c>
      <c r="LVC21" s="282" t="s">
        <v>3816</v>
      </c>
      <c r="LVD21" s="282" t="s">
        <v>3816</v>
      </c>
      <c r="LVE21" s="282" t="s">
        <v>3816</v>
      </c>
      <c r="LVF21" s="282" t="s">
        <v>3816</v>
      </c>
      <c r="LVG21" s="282" t="s">
        <v>3816</v>
      </c>
      <c r="LVH21" s="282" t="s">
        <v>3816</v>
      </c>
      <c r="LVI21" s="282" t="s">
        <v>3816</v>
      </c>
      <c r="LVJ21" s="282" t="s">
        <v>3816</v>
      </c>
      <c r="LVK21" s="282" t="s">
        <v>3816</v>
      </c>
      <c r="LVL21" s="282" t="s">
        <v>3816</v>
      </c>
      <c r="LVM21" s="282" t="s">
        <v>3816</v>
      </c>
      <c r="LVN21" s="282" t="s">
        <v>3816</v>
      </c>
      <c r="LVO21" s="282" t="s">
        <v>3816</v>
      </c>
      <c r="LVP21" s="282" t="s">
        <v>3816</v>
      </c>
      <c r="LVQ21" s="282" t="s">
        <v>3816</v>
      </c>
      <c r="LVR21" s="282" t="s">
        <v>3816</v>
      </c>
      <c r="LVS21" s="282" t="s">
        <v>3816</v>
      </c>
      <c r="LVT21" s="282" t="s">
        <v>3816</v>
      </c>
      <c r="LVU21" s="282" t="s">
        <v>3816</v>
      </c>
      <c r="LVV21" s="282" t="s">
        <v>3816</v>
      </c>
      <c r="LVW21" s="282" t="s">
        <v>3816</v>
      </c>
      <c r="LVX21" s="282" t="s">
        <v>3816</v>
      </c>
      <c r="LVY21" s="282" t="s">
        <v>3816</v>
      </c>
      <c r="LVZ21" s="282" t="s">
        <v>3816</v>
      </c>
      <c r="LWA21" s="282" t="s">
        <v>3816</v>
      </c>
      <c r="LWB21" s="282" t="s">
        <v>3816</v>
      </c>
      <c r="LWC21" s="282" t="s">
        <v>3816</v>
      </c>
      <c r="LWD21" s="282" t="s">
        <v>3816</v>
      </c>
      <c r="LWE21" s="282" t="s">
        <v>3816</v>
      </c>
      <c r="LWF21" s="282" t="s">
        <v>3816</v>
      </c>
      <c r="LWG21" s="282" t="s">
        <v>3816</v>
      </c>
      <c r="LWH21" s="282" t="s">
        <v>3816</v>
      </c>
      <c r="LWI21" s="282" t="s">
        <v>3816</v>
      </c>
      <c r="LWJ21" s="282" t="s">
        <v>3816</v>
      </c>
      <c r="LWK21" s="282" t="s">
        <v>3816</v>
      </c>
      <c r="LWL21" s="282" t="s">
        <v>3816</v>
      </c>
      <c r="LWM21" s="282" t="s">
        <v>3816</v>
      </c>
      <c r="LWN21" s="282" t="s">
        <v>3816</v>
      </c>
      <c r="LWO21" s="282" t="s">
        <v>3816</v>
      </c>
      <c r="LWP21" s="282" t="s">
        <v>3816</v>
      </c>
      <c r="LWQ21" s="282" t="s">
        <v>3816</v>
      </c>
      <c r="LWR21" s="282" t="s">
        <v>3816</v>
      </c>
      <c r="LWS21" s="282" t="s">
        <v>3816</v>
      </c>
      <c r="LWT21" s="282" t="s">
        <v>3816</v>
      </c>
      <c r="LWU21" s="282" t="s">
        <v>3816</v>
      </c>
      <c r="LWV21" s="282" t="s">
        <v>3816</v>
      </c>
      <c r="LWW21" s="282" t="s">
        <v>3816</v>
      </c>
      <c r="LWX21" s="282" t="s">
        <v>3816</v>
      </c>
      <c r="LWY21" s="282" t="s">
        <v>3816</v>
      </c>
      <c r="LWZ21" s="282" t="s">
        <v>3816</v>
      </c>
      <c r="LXA21" s="282" t="s">
        <v>3816</v>
      </c>
      <c r="LXB21" s="282" t="s">
        <v>3816</v>
      </c>
      <c r="LXC21" s="282" t="s">
        <v>3816</v>
      </c>
      <c r="LXD21" s="282" t="s">
        <v>3816</v>
      </c>
      <c r="LXE21" s="282" t="s">
        <v>3816</v>
      </c>
      <c r="LXF21" s="282" t="s">
        <v>3816</v>
      </c>
      <c r="LXG21" s="282" t="s">
        <v>3816</v>
      </c>
      <c r="LXH21" s="282" t="s">
        <v>3816</v>
      </c>
      <c r="LXI21" s="282" t="s">
        <v>3816</v>
      </c>
      <c r="LXJ21" s="282" t="s">
        <v>3816</v>
      </c>
      <c r="LXK21" s="282" t="s">
        <v>3816</v>
      </c>
      <c r="LXL21" s="282" t="s">
        <v>3816</v>
      </c>
      <c r="LXM21" s="282" t="s">
        <v>3816</v>
      </c>
      <c r="LXN21" s="282" t="s">
        <v>3816</v>
      </c>
      <c r="LXO21" s="282" t="s">
        <v>3816</v>
      </c>
      <c r="LXP21" s="282" t="s">
        <v>3816</v>
      </c>
      <c r="LXQ21" s="282" t="s">
        <v>3816</v>
      </c>
      <c r="LXR21" s="282" t="s">
        <v>3816</v>
      </c>
      <c r="LXS21" s="282" t="s">
        <v>3816</v>
      </c>
      <c r="LXT21" s="282" t="s">
        <v>3816</v>
      </c>
      <c r="LXU21" s="282" t="s">
        <v>3816</v>
      </c>
      <c r="LXV21" s="282" t="s">
        <v>3816</v>
      </c>
      <c r="LXW21" s="282" t="s">
        <v>3816</v>
      </c>
      <c r="LXX21" s="282" t="s">
        <v>3816</v>
      </c>
      <c r="LXY21" s="282" t="s">
        <v>3816</v>
      </c>
      <c r="LXZ21" s="282" t="s">
        <v>3816</v>
      </c>
      <c r="LYA21" s="282" t="s">
        <v>3816</v>
      </c>
      <c r="LYB21" s="282" t="s">
        <v>3816</v>
      </c>
      <c r="LYC21" s="282" t="s">
        <v>3816</v>
      </c>
      <c r="LYD21" s="282" t="s">
        <v>3816</v>
      </c>
      <c r="LYE21" s="282" t="s">
        <v>3816</v>
      </c>
      <c r="LYF21" s="282" t="s">
        <v>3816</v>
      </c>
      <c r="LYG21" s="282" t="s">
        <v>3816</v>
      </c>
      <c r="LYH21" s="282" t="s">
        <v>3816</v>
      </c>
      <c r="LYI21" s="282" t="s">
        <v>3816</v>
      </c>
      <c r="LYJ21" s="282" t="s">
        <v>3816</v>
      </c>
      <c r="LYK21" s="282" t="s">
        <v>3816</v>
      </c>
      <c r="LYL21" s="282" t="s">
        <v>3816</v>
      </c>
      <c r="LYM21" s="282" t="s">
        <v>3816</v>
      </c>
      <c r="LYN21" s="282" t="s">
        <v>3816</v>
      </c>
      <c r="LYO21" s="282" t="s">
        <v>3816</v>
      </c>
      <c r="LYP21" s="282" t="s">
        <v>3816</v>
      </c>
      <c r="LYQ21" s="282" t="s">
        <v>3816</v>
      </c>
      <c r="LYR21" s="282" t="s">
        <v>3816</v>
      </c>
      <c r="LYS21" s="282" t="s">
        <v>3816</v>
      </c>
      <c r="LYT21" s="282" t="s">
        <v>3816</v>
      </c>
      <c r="LYU21" s="282" t="s">
        <v>3816</v>
      </c>
      <c r="LYV21" s="282" t="s">
        <v>3816</v>
      </c>
      <c r="LYW21" s="282" t="s">
        <v>3816</v>
      </c>
      <c r="LYX21" s="282" t="s">
        <v>3816</v>
      </c>
      <c r="LYY21" s="282" t="s">
        <v>3816</v>
      </c>
      <c r="LYZ21" s="282" t="s">
        <v>3816</v>
      </c>
      <c r="LZA21" s="282" t="s">
        <v>3816</v>
      </c>
      <c r="LZB21" s="282" t="s">
        <v>3816</v>
      </c>
      <c r="LZC21" s="282" t="s">
        <v>3816</v>
      </c>
      <c r="LZD21" s="282" t="s">
        <v>3816</v>
      </c>
      <c r="LZE21" s="282" t="s">
        <v>3816</v>
      </c>
      <c r="LZF21" s="282" t="s">
        <v>3816</v>
      </c>
      <c r="LZG21" s="282" t="s">
        <v>3816</v>
      </c>
      <c r="LZH21" s="282" t="s">
        <v>3816</v>
      </c>
      <c r="LZI21" s="282" t="s">
        <v>3816</v>
      </c>
      <c r="LZJ21" s="282" t="s">
        <v>3816</v>
      </c>
      <c r="LZK21" s="282" t="s">
        <v>3816</v>
      </c>
      <c r="LZL21" s="282" t="s">
        <v>3816</v>
      </c>
      <c r="LZM21" s="282" t="s">
        <v>3816</v>
      </c>
      <c r="LZN21" s="282" t="s">
        <v>3816</v>
      </c>
      <c r="LZO21" s="282" t="s">
        <v>3816</v>
      </c>
      <c r="LZP21" s="282" t="s">
        <v>3816</v>
      </c>
      <c r="LZQ21" s="282" t="s">
        <v>3816</v>
      </c>
      <c r="LZR21" s="282" t="s">
        <v>3816</v>
      </c>
      <c r="LZS21" s="282" t="s">
        <v>3816</v>
      </c>
      <c r="LZT21" s="282" t="s">
        <v>3816</v>
      </c>
      <c r="LZU21" s="282" t="s">
        <v>3816</v>
      </c>
      <c r="LZV21" s="282" t="s">
        <v>3816</v>
      </c>
      <c r="LZW21" s="282" t="s">
        <v>3816</v>
      </c>
      <c r="LZX21" s="282" t="s">
        <v>3816</v>
      </c>
      <c r="LZY21" s="282" t="s">
        <v>3816</v>
      </c>
      <c r="LZZ21" s="282" t="s">
        <v>3816</v>
      </c>
      <c r="MAA21" s="282" t="s">
        <v>3816</v>
      </c>
      <c r="MAB21" s="282" t="s">
        <v>3816</v>
      </c>
      <c r="MAC21" s="282" t="s">
        <v>3816</v>
      </c>
      <c r="MAD21" s="282" t="s">
        <v>3816</v>
      </c>
      <c r="MAE21" s="282" t="s">
        <v>3816</v>
      </c>
      <c r="MAF21" s="282" t="s">
        <v>3816</v>
      </c>
      <c r="MAG21" s="282" t="s">
        <v>3816</v>
      </c>
      <c r="MAH21" s="282" t="s">
        <v>3816</v>
      </c>
      <c r="MAI21" s="282" t="s">
        <v>3816</v>
      </c>
      <c r="MAJ21" s="282" t="s">
        <v>3816</v>
      </c>
      <c r="MAK21" s="282" t="s">
        <v>3816</v>
      </c>
      <c r="MAL21" s="282" t="s">
        <v>3816</v>
      </c>
      <c r="MAM21" s="282" t="s">
        <v>3816</v>
      </c>
      <c r="MAN21" s="282" t="s">
        <v>3816</v>
      </c>
      <c r="MAO21" s="282" t="s">
        <v>3816</v>
      </c>
      <c r="MAP21" s="282" t="s">
        <v>3816</v>
      </c>
      <c r="MAQ21" s="282" t="s">
        <v>3816</v>
      </c>
      <c r="MAR21" s="282" t="s">
        <v>3816</v>
      </c>
      <c r="MAS21" s="282" t="s">
        <v>3816</v>
      </c>
      <c r="MAT21" s="282" t="s">
        <v>3816</v>
      </c>
      <c r="MAU21" s="282" t="s">
        <v>3816</v>
      </c>
      <c r="MAV21" s="282" t="s">
        <v>3816</v>
      </c>
      <c r="MAW21" s="282" t="s">
        <v>3816</v>
      </c>
      <c r="MAX21" s="282" t="s">
        <v>3816</v>
      </c>
      <c r="MAY21" s="282" t="s">
        <v>3816</v>
      </c>
      <c r="MAZ21" s="282" t="s">
        <v>3816</v>
      </c>
      <c r="MBA21" s="282" t="s">
        <v>3816</v>
      </c>
      <c r="MBB21" s="282" t="s">
        <v>3816</v>
      </c>
      <c r="MBC21" s="282" t="s">
        <v>3816</v>
      </c>
      <c r="MBD21" s="282" t="s">
        <v>3816</v>
      </c>
      <c r="MBE21" s="282" t="s">
        <v>3816</v>
      </c>
      <c r="MBF21" s="282" t="s">
        <v>3816</v>
      </c>
      <c r="MBG21" s="282" t="s">
        <v>3816</v>
      </c>
      <c r="MBH21" s="282" t="s">
        <v>3816</v>
      </c>
      <c r="MBI21" s="282" t="s">
        <v>3816</v>
      </c>
      <c r="MBJ21" s="282" t="s">
        <v>3816</v>
      </c>
      <c r="MBK21" s="282" t="s">
        <v>3816</v>
      </c>
      <c r="MBL21" s="282" t="s">
        <v>3816</v>
      </c>
      <c r="MBM21" s="282" t="s">
        <v>3816</v>
      </c>
      <c r="MBN21" s="282" t="s">
        <v>3816</v>
      </c>
      <c r="MBO21" s="282" t="s">
        <v>3816</v>
      </c>
      <c r="MBP21" s="282" t="s">
        <v>3816</v>
      </c>
      <c r="MBQ21" s="282" t="s">
        <v>3816</v>
      </c>
      <c r="MBR21" s="282" t="s">
        <v>3816</v>
      </c>
      <c r="MBS21" s="282" t="s">
        <v>3816</v>
      </c>
      <c r="MBT21" s="282" t="s">
        <v>3816</v>
      </c>
      <c r="MBU21" s="282" t="s">
        <v>3816</v>
      </c>
      <c r="MBV21" s="282" t="s">
        <v>3816</v>
      </c>
      <c r="MBW21" s="282" t="s">
        <v>3816</v>
      </c>
      <c r="MBX21" s="282" t="s">
        <v>3816</v>
      </c>
      <c r="MBY21" s="282" t="s">
        <v>3816</v>
      </c>
      <c r="MBZ21" s="282" t="s">
        <v>3816</v>
      </c>
      <c r="MCA21" s="282" t="s">
        <v>3816</v>
      </c>
      <c r="MCB21" s="282" t="s">
        <v>3816</v>
      </c>
      <c r="MCC21" s="282" t="s">
        <v>3816</v>
      </c>
      <c r="MCD21" s="282" t="s">
        <v>3816</v>
      </c>
      <c r="MCE21" s="282" t="s">
        <v>3816</v>
      </c>
      <c r="MCF21" s="282" t="s">
        <v>3816</v>
      </c>
      <c r="MCG21" s="282" t="s">
        <v>3816</v>
      </c>
      <c r="MCH21" s="282" t="s">
        <v>3816</v>
      </c>
      <c r="MCI21" s="282" t="s">
        <v>3816</v>
      </c>
      <c r="MCJ21" s="282" t="s">
        <v>3816</v>
      </c>
      <c r="MCK21" s="282" t="s">
        <v>3816</v>
      </c>
      <c r="MCL21" s="282" t="s">
        <v>3816</v>
      </c>
      <c r="MCM21" s="282" t="s">
        <v>3816</v>
      </c>
      <c r="MCN21" s="282" t="s">
        <v>3816</v>
      </c>
      <c r="MCO21" s="282" t="s">
        <v>3816</v>
      </c>
      <c r="MCP21" s="282" t="s">
        <v>3816</v>
      </c>
      <c r="MCQ21" s="282" t="s">
        <v>3816</v>
      </c>
      <c r="MCR21" s="282" t="s">
        <v>3816</v>
      </c>
      <c r="MCS21" s="282" t="s">
        <v>3816</v>
      </c>
      <c r="MCT21" s="282" t="s">
        <v>3816</v>
      </c>
      <c r="MCU21" s="282" t="s">
        <v>3816</v>
      </c>
      <c r="MCV21" s="282" t="s">
        <v>3816</v>
      </c>
      <c r="MCW21" s="282" t="s">
        <v>3816</v>
      </c>
      <c r="MCX21" s="282" t="s">
        <v>3816</v>
      </c>
      <c r="MCY21" s="282" t="s">
        <v>3816</v>
      </c>
      <c r="MCZ21" s="282" t="s">
        <v>3816</v>
      </c>
      <c r="MDA21" s="282" t="s">
        <v>3816</v>
      </c>
      <c r="MDB21" s="282" t="s">
        <v>3816</v>
      </c>
      <c r="MDC21" s="282" t="s">
        <v>3816</v>
      </c>
      <c r="MDD21" s="282" t="s">
        <v>3816</v>
      </c>
      <c r="MDE21" s="282" t="s">
        <v>3816</v>
      </c>
      <c r="MDF21" s="282" t="s">
        <v>3816</v>
      </c>
      <c r="MDG21" s="282" t="s">
        <v>3816</v>
      </c>
      <c r="MDH21" s="282" t="s">
        <v>3816</v>
      </c>
      <c r="MDI21" s="282" t="s">
        <v>3816</v>
      </c>
      <c r="MDJ21" s="282" t="s">
        <v>3816</v>
      </c>
      <c r="MDK21" s="282" t="s">
        <v>3816</v>
      </c>
      <c r="MDL21" s="282" t="s">
        <v>3816</v>
      </c>
      <c r="MDM21" s="282" t="s">
        <v>3816</v>
      </c>
      <c r="MDN21" s="282" t="s">
        <v>3816</v>
      </c>
      <c r="MDO21" s="282" t="s">
        <v>3816</v>
      </c>
      <c r="MDP21" s="282" t="s">
        <v>3816</v>
      </c>
      <c r="MDQ21" s="282" t="s">
        <v>3816</v>
      </c>
      <c r="MDR21" s="282" t="s">
        <v>3816</v>
      </c>
      <c r="MDS21" s="282" t="s">
        <v>3816</v>
      </c>
      <c r="MDT21" s="282" t="s">
        <v>3816</v>
      </c>
      <c r="MDU21" s="282" t="s">
        <v>3816</v>
      </c>
      <c r="MDV21" s="282" t="s">
        <v>3816</v>
      </c>
      <c r="MDW21" s="282" t="s">
        <v>3816</v>
      </c>
      <c r="MDX21" s="282" t="s">
        <v>3816</v>
      </c>
      <c r="MDY21" s="282" t="s">
        <v>3816</v>
      </c>
      <c r="MDZ21" s="282" t="s">
        <v>3816</v>
      </c>
      <c r="MEA21" s="282" t="s">
        <v>3816</v>
      </c>
      <c r="MEB21" s="282" t="s">
        <v>3816</v>
      </c>
      <c r="MEC21" s="282" t="s">
        <v>3816</v>
      </c>
      <c r="MED21" s="282" t="s">
        <v>3816</v>
      </c>
      <c r="MEE21" s="282" t="s">
        <v>3816</v>
      </c>
      <c r="MEF21" s="282" t="s">
        <v>3816</v>
      </c>
      <c r="MEG21" s="282" t="s">
        <v>3816</v>
      </c>
      <c r="MEH21" s="282" t="s">
        <v>3816</v>
      </c>
      <c r="MEI21" s="282" t="s">
        <v>3816</v>
      </c>
      <c r="MEJ21" s="282" t="s">
        <v>3816</v>
      </c>
      <c r="MEK21" s="282" t="s">
        <v>3816</v>
      </c>
      <c r="MEL21" s="282" t="s">
        <v>3816</v>
      </c>
      <c r="MEM21" s="282" t="s">
        <v>3816</v>
      </c>
      <c r="MEN21" s="282" t="s">
        <v>3816</v>
      </c>
      <c r="MEO21" s="282" t="s">
        <v>3816</v>
      </c>
      <c r="MEP21" s="282" t="s">
        <v>3816</v>
      </c>
      <c r="MEQ21" s="282" t="s">
        <v>3816</v>
      </c>
      <c r="MER21" s="282" t="s">
        <v>3816</v>
      </c>
      <c r="MES21" s="282" t="s">
        <v>3816</v>
      </c>
      <c r="MET21" s="282" t="s">
        <v>3816</v>
      </c>
      <c r="MEU21" s="282" t="s">
        <v>3816</v>
      </c>
      <c r="MEV21" s="282" t="s">
        <v>3816</v>
      </c>
      <c r="MEW21" s="282" t="s">
        <v>3816</v>
      </c>
      <c r="MEX21" s="282" t="s">
        <v>3816</v>
      </c>
      <c r="MEY21" s="282" t="s">
        <v>3816</v>
      </c>
      <c r="MEZ21" s="282" t="s">
        <v>3816</v>
      </c>
      <c r="MFA21" s="282" t="s">
        <v>3816</v>
      </c>
      <c r="MFB21" s="282" t="s">
        <v>3816</v>
      </c>
      <c r="MFC21" s="282" t="s">
        <v>3816</v>
      </c>
      <c r="MFD21" s="282" t="s">
        <v>3816</v>
      </c>
      <c r="MFE21" s="282" t="s">
        <v>3816</v>
      </c>
      <c r="MFF21" s="282" t="s">
        <v>3816</v>
      </c>
      <c r="MFG21" s="282" t="s">
        <v>3816</v>
      </c>
      <c r="MFH21" s="282" t="s">
        <v>3816</v>
      </c>
      <c r="MFI21" s="282" t="s">
        <v>3816</v>
      </c>
      <c r="MFJ21" s="282" t="s">
        <v>3816</v>
      </c>
      <c r="MFK21" s="282" t="s">
        <v>3816</v>
      </c>
      <c r="MFL21" s="282" t="s">
        <v>3816</v>
      </c>
      <c r="MFM21" s="282" t="s">
        <v>3816</v>
      </c>
      <c r="MFN21" s="282" t="s">
        <v>3816</v>
      </c>
      <c r="MFO21" s="282" t="s">
        <v>3816</v>
      </c>
      <c r="MFP21" s="282" t="s">
        <v>3816</v>
      </c>
      <c r="MFQ21" s="282" t="s">
        <v>3816</v>
      </c>
      <c r="MFR21" s="282" t="s">
        <v>3816</v>
      </c>
      <c r="MFS21" s="282" t="s">
        <v>3816</v>
      </c>
      <c r="MFT21" s="282" t="s">
        <v>3816</v>
      </c>
      <c r="MFU21" s="282" t="s">
        <v>3816</v>
      </c>
      <c r="MFV21" s="282" t="s">
        <v>3816</v>
      </c>
      <c r="MFW21" s="282" t="s">
        <v>3816</v>
      </c>
      <c r="MFX21" s="282" t="s">
        <v>3816</v>
      </c>
      <c r="MFY21" s="282" t="s">
        <v>3816</v>
      </c>
      <c r="MFZ21" s="282" t="s">
        <v>3816</v>
      </c>
      <c r="MGA21" s="282" t="s">
        <v>3816</v>
      </c>
      <c r="MGB21" s="282" t="s">
        <v>3816</v>
      </c>
      <c r="MGC21" s="282" t="s">
        <v>3816</v>
      </c>
      <c r="MGD21" s="282" t="s">
        <v>3816</v>
      </c>
      <c r="MGE21" s="282" t="s">
        <v>3816</v>
      </c>
      <c r="MGF21" s="282" t="s">
        <v>3816</v>
      </c>
      <c r="MGG21" s="282" t="s">
        <v>3816</v>
      </c>
      <c r="MGH21" s="282" t="s">
        <v>3816</v>
      </c>
      <c r="MGI21" s="282" t="s">
        <v>3816</v>
      </c>
      <c r="MGJ21" s="282" t="s">
        <v>3816</v>
      </c>
      <c r="MGK21" s="282" t="s">
        <v>3816</v>
      </c>
      <c r="MGL21" s="282" t="s">
        <v>3816</v>
      </c>
      <c r="MGM21" s="282" t="s">
        <v>3816</v>
      </c>
      <c r="MGN21" s="282" t="s">
        <v>3816</v>
      </c>
      <c r="MGO21" s="282" t="s">
        <v>3816</v>
      </c>
      <c r="MGP21" s="282" t="s">
        <v>3816</v>
      </c>
      <c r="MGQ21" s="282" t="s">
        <v>3816</v>
      </c>
      <c r="MGR21" s="282" t="s">
        <v>3816</v>
      </c>
      <c r="MGS21" s="282" t="s">
        <v>3816</v>
      </c>
      <c r="MGT21" s="282" t="s">
        <v>3816</v>
      </c>
      <c r="MGU21" s="282" t="s">
        <v>3816</v>
      </c>
      <c r="MGV21" s="282" t="s">
        <v>3816</v>
      </c>
      <c r="MGW21" s="282" t="s">
        <v>3816</v>
      </c>
      <c r="MGX21" s="282" t="s">
        <v>3816</v>
      </c>
      <c r="MGY21" s="282" t="s">
        <v>3816</v>
      </c>
      <c r="MGZ21" s="282" t="s">
        <v>3816</v>
      </c>
      <c r="MHA21" s="282" t="s">
        <v>3816</v>
      </c>
      <c r="MHB21" s="282" t="s">
        <v>3816</v>
      </c>
      <c r="MHC21" s="282" t="s">
        <v>3816</v>
      </c>
      <c r="MHD21" s="282" t="s">
        <v>3816</v>
      </c>
      <c r="MHE21" s="282" t="s">
        <v>3816</v>
      </c>
      <c r="MHF21" s="282" t="s">
        <v>3816</v>
      </c>
      <c r="MHG21" s="282" t="s">
        <v>3816</v>
      </c>
      <c r="MHH21" s="282" t="s">
        <v>3816</v>
      </c>
      <c r="MHI21" s="282" t="s">
        <v>3816</v>
      </c>
      <c r="MHJ21" s="282" t="s">
        <v>3816</v>
      </c>
      <c r="MHK21" s="282" t="s">
        <v>3816</v>
      </c>
      <c r="MHL21" s="282" t="s">
        <v>3816</v>
      </c>
      <c r="MHM21" s="282" t="s">
        <v>3816</v>
      </c>
      <c r="MHN21" s="282" t="s">
        <v>3816</v>
      </c>
      <c r="MHO21" s="282" t="s">
        <v>3816</v>
      </c>
      <c r="MHP21" s="282" t="s">
        <v>3816</v>
      </c>
      <c r="MHQ21" s="282" t="s">
        <v>3816</v>
      </c>
      <c r="MHR21" s="282" t="s">
        <v>3816</v>
      </c>
      <c r="MHS21" s="282" t="s">
        <v>3816</v>
      </c>
      <c r="MHT21" s="282" t="s">
        <v>3816</v>
      </c>
      <c r="MHU21" s="282" t="s">
        <v>3816</v>
      </c>
      <c r="MHV21" s="282" t="s">
        <v>3816</v>
      </c>
      <c r="MHW21" s="282" t="s">
        <v>3816</v>
      </c>
      <c r="MHX21" s="282" t="s">
        <v>3816</v>
      </c>
      <c r="MHY21" s="282" t="s">
        <v>3816</v>
      </c>
      <c r="MHZ21" s="282" t="s">
        <v>3816</v>
      </c>
      <c r="MIA21" s="282" t="s">
        <v>3816</v>
      </c>
      <c r="MIB21" s="282" t="s">
        <v>3816</v>
      </c>
      <c r="MIC21" s="282" t="s">
        <v>3816</v>
      </c>
      <c r="MID21" s="282" t="s">
        <v>3816</v>
      </c>
      <c r="MIE21" s="282" t="s">
        <v>3816</v>
      </c>
      <c r="MIF21" s="282" t="s">
        <v>3816</v>
      </c>
      <c r="MIG21" s="282" t="s">
        <v>3816</v>
      </c>
      <c r="MIH21" s="282" t="s">
        <v>3816</v>
      </c>
      <c r="MII21" s="282" t="s">
        <v>3816</v>
      </c>
      <c r="MIJ21" s="282" t="s">
        <v>3816</v>
      </c>
      <c r="MIK21" s="282" t="s">
        <v>3816</v>
      </c>
      <c r="MIL21" s="282" t="s">
        <v>3816</v>
      </c>
      <c r="MIM21" s="282" t="s">
        <v>3816</v>
      </c>
      <c r="MIN21" s="282" t="s">
        <v>3816</v>
      </c>
      <c r="MIO21" s="282" t="s">
        <v>3816</v>
      </c>
      <c r="MIP21" s="282" t="s">
        <v>3816</v>
      </c>
      <c r="MIQ21" s="282" t="s">
        <v>3816</v>
      </c>
      <c r="MIR21" s="282" t="s">
        <v>3816</v>
      </c>
      <c r="MIS21" s="282" t="s">
        <v>3816</v>
      </c>
      <c r="MIT21" s="282" t="s">
        <v>3816</v>
      </c>
      <c r="MIU21" s="282" t="s">
        <v>3816</v>
      </c>
      <c r="MIV21" s="282" t="s">
        <v>3816</v>
      </c>
      <c r="MIW21" s="282" t="s">
        <v>3816</v>
      </c>
      <c r="MIX21" s="282" t="s">
        <v>3816</v>
      </c>
      <c r="MIY21" s="282" t="s">
        <v>3816</v>
      </c>
      <c r="MIZ21" s="282" t="s">
        <v>3816</v>
      </c>
      <c r="MJA21" s="282" t="s">
        <v>3816</v>
      </c>
      <c r="MJB21" s="282" t="s">
        <v>3816</v>
      </c>
      <c r="MJC21" s="282" t="s">
        <v>3816</v>
      </c>
      <c r="MJD21" s="282" t="s">
        <v>3816</v>
      </c>
      <c r="MJE21" s="282" t="s">
        <v>3816</v>
      </c>
      <c r="MJF21" s="282" t="s">
        <v>3816</v>
      </c>
      <c r="MJG21" s="282" t="s">
        <v>3816</v>
      </c>
      <c r="MJH21" s="282" t="s">
        <v>3816</v>
      </c>
      <c r="MJI21" s="282" t="s">
        <v>3816</v>
      </c>
      <c r="MJJ21" s="282" t="s">
        <v>3816</v>
      </c>
      <c r="MJK21" s="282" t="s">
        <v>3816</v>
      </c>
      <c r="MJL21" s="282" t="s">
        <v>3816</v>
      </c>
      <c r="MJM21" s="282" t="s">
        <v>3816</v>
      </c>
      <c r="MJN21" s="282" t="s">
        <v>3816</v>
      </c>
      <c r="MJO21" s="282" t="s">
        <v>3816</v>
      </c>
      <c r="MJP21" s="282" t="s">
        <v>3816</v>
      </c>
      <c r="MJQ21" s="282" t="s">
        <v>3816</v>
      </c>
      <c r="MJR21" s="282" t="s">
        <v>3816</v>
      </c>
      <c r="MJS21" s="282" t="s">
        <v>3816</v>
      </c>
      <c r="MJT21" s="282" t="s">
        <v>3816</v>
      </c>
      <c r="MJU21" s="282" t="s">
        <v>3816</v>
      </c>
      <c r="MJV21" s="282" t="s">
        <v>3816</v>
      </c>
      <c r="MJW21" s="282" t="s">
        <v>3816</v>
      </c>
      <c r="MJX21" s="282" t="s">
        <v>3816</v>
      </c>
      <c r="MJY21" s="282" t="s">
        <v>3816</v>
      </c>
      <c r="MJZ21" s="282" t="s">
        <v>3816</v>
      </c>
      <c r="MKA21" s="282" t="s">
        <v>3816</v>
      </c>
      <c r="MKB21" s="282" t="s">
        <v>3816</v>
      </c>
      <c r="MKC21" s="282" t="s">
        <v>3816</v>
      </c>
      <c r="MKD21" s="282" t="s">
        <v>3816</v>
      </c>
      <c r="MKE21" s="282" t="s">
        <v>3816</v>
      </c>
      <c r="MKF21" s="282" t="s">
        <v>3816</v>
      </c>
      <c r="MKG21" s="282" t="s">
        <v>3816</v>
      </c>
      <c r="MKH21" s="282" t="s">
        <v>3816</v>
      </c>
      <c r="MKI21" s="282" t="s">
        <v>3816</v>
      </c>
      <c r="MKJ21" s="282" t="s">
        <v>3816</v>
      </c>
      <c r="MKK21" s="282" t="s">
        <v>3816</v>
      </c>
      <c r="MKL21" s="282" t="s">
        <v>3816</v>
      </c>
      <c r="MKM21" s="282" t="s">
        <v>3816</v>
      </c>
      <c r="MKN21" s="282" t="s">
        <v>3816</v>
      </c>
      <c r="MKO21" s="282" t="s">
        <v>3816</v>
      </c>
      <c r="MKP21" s="282" t="s">
        <v>3816</v>
      </c>
      <c r="MKQ21" s="282" t="s">
        <v>3816</v>
      </c>
      <c r="MKR21" s="282" t="s">
        <v>3816</v>
      </c>
      <c r="MKS21" s="282" t="s">
        <v>3816</v>
      </c>
      <c r="MKT21" s="282" t="s">
        <v>3816</v>
      </c>
      <c r="MKU21" s="282" t="s">
        <v>3816</v>
      </c>
      <c r="MKV21" s="282" t="s">
        <v>3816</v>
      </c>
      <c r="MKW21" s="282" t="s">
        <v>3816</v>
      </c>
      <c r="MKX21" s="282" t="s">
        <v>3816</v>
      </c>
      <c r="MKY21" s="282" t="s">
        <v>3816</v>
      </c>
      <c r="MKZ21" s="282" t="s">
        <v>3816</v>
      </c>
      <c r="MLA21" s="282" t="s">
        <v>3816</v>
      </c>
      <c r="MLB21" s="282" t="s">
        <v>3816</v>
      </c>
      <c r="MLC21" s="282" t="s">
        <v>3816</v>
      </c>
      <c r="MLD21" s="282" t="s">
        <v>3816</v>
      </c>
      <c r="MLE21" s="282" t="s">
        <v>3816</v>
      </c>
      <c r="MLF21" s="282" t="s">
        <v>3816</v>
      </c>
      <c r="MLG21" s="282" t="s">
        <v>3816</v>
      </c>
      <c r="MLH21" s="282" t="s">
        <v>3816</v>
      </c>
      <c r="MLI21" s="282" t="s">
        <v>3816</v>
      </c>
      <c r="MLJ21" s="282" t="s">
        <v>3816</v>
      </c>
      <c r="MLK21" s="282" t="s">
        <v>3816</v>
      </c>
      <c r="MLL21" s="282" t="s">
        <v>3816</v>
      </c>
      <c r="MLM21" s="282" t="s">
        <v>3816</v>
      </c>
      <c r="MLN21" s="282" t="s">
        <v>3816</v>
      </c>
      <c r="MLO21" s="282" t="s">
        <v>3816</v>
      </c>
      <c r="MLP21" s="282" t="s">
        <v>3816</v>
      </c>
      <c r="MLQ21" s="282" t="s">
        <v>3816</v>
      </c>
      <c r="MLR21" s="282" t="s">
        <v>3816</v>
      </c>
      <c r="MLS21" s="282" t="s">
        <v>3816</v>
      </c>
      <c r="MLT21" s="282" t="s">
        <v>3816</v>
      </c>
      <c r="MLU21" s="282" t="s">
        <v>3816</v>
      </c>
      <c r="MLV21" s="282" t="s">
        <v>3816</v>
      </c>
      <c r="MLW21" s="282" t="s">
        <v>3816</v>
      </c>
      <c r="MLX21" s="282" t="s">
        <v>3816</v>
      </c>
      <c r="MLY21" s="282" t="s">
        <v>3816</v>
      </c>
      <c r="MLZ21" s="282" t="s">
        <v>3816</v>
      </c>
      <c r="MMA21" s="282" t="s">
        <v>3816</v>
      </c>
      <c r="MMB21" s="282" t="s">
        <v>3816</v>
      </c>
      <c r="MMC21" s="282" t="s">
        <v>3816</v>
      </c>
      <c r="MMD21" s="282" t="s">
        <v>3816</v>
      </c>
      <c r="MME21" s="282" t="s">
        <v>3816</v>
      </c>
      <c r="MMF21" s="282" t="s">
        <v>3816</v>
      </c>
      <c r="MMG21" s="282" t="s">
        <v>3816</v>
      </c>
      <c r="MMH21" s="282" t="s">
        <v>3816</v>
      </c>
      <c r="MMI21" s="282" t="s">
        <v>3816</v>
      </c>
      <c r="MMJ21" s="282" t="s">
        <v>3816</v>
      </c>
      <c r="MMK21" s="282" t="s">
        <v>3816</v>
      </c>
      <c r="MML21" s="282" t="s">
        <v>3816</v>
      </c>
      <c r="MMM21" s="282" t="s">
        <v>3816</v>
      </c>
      <c r="MMN21" s="282" t="s">
        <v>3816</v>
      </c>
      <c r="MMO21" s="282" t="s">
        <v>3816</v>
      </c>
      <c r="MMP21" s="282" t="s">
        <v>3816</v>
      </c>
      <c r="MMQ21" s="282" t="s">
        <v>3816</v>
      </c>
      <c r="MMR21" s="282" t="s">
        <v>3816</v>
      </c>
      <c r="MMS21" s="282" t="s">
        <v>3816</v>
      </c>
      <c r="MMT21" s="282" t="s">
        <v>3816</v>
      </c>
      <c r="MMU21" s="282" t="s">
        <v>3816</v>
      </c>
      <c r="MMV21" s="282" t="s">
        <v>3816</v>
      </c>
      <c r="MMW21" s="282" t="s">
        <v>3816</v>
      </c>
      <c r="MMX21" s="282" t="s">
        <v>3816</v>
      </c>
      <c r="MMY21" s="282" t="s">
        <v>3816</v>
      </c>
      <c r="MMZ21" s="282" t="s">
        <v>3816</v>
      </c>
      <c r="MNA21" s="282" t="s">
        <v>3816</v>
      </c>
      <c r="MNB21" s="282" t="s">
        <v>3816</v>
      </c>
      <c r="MNC21" s="282" t="s">
        <v>3816</v>
      </c>
      <c r="MND21" s="282" t="s">
        <v>3816</v>
      </c>
      <c r="MNE21" s="282" t="s">
        <v>3816</v>
      </c>
      <c r="MNF21" s="282" t="s">
        <v>3816</v>
      </c>
      <c r="MNG21" s="282" t="s">
        <v>3816</v>
      </c>
      <c r="MNH21" s="282" t="s">
        <v>3816</v>
      </c>
      <c r="MNI21" s="282" t="s">
        <v>3816</v>
      </c>
      <c r="MNJ21" s="282" t="s">
        <v>3816</v>
      </c>
      <c r="MNK21" s="282" t="s">
        <v>3816</v>
      </c>
      <c r="MNL21" s="282" t="s">
        <v>3816</v>
      </c>
      <c r="MNM21" s="282" t="s">
        <v>3816</v>
      </c>
      <c r="MNN21" s="282" t="s">
        <v>3816</v>
      </c>
      <c r="MNO21" s="282" t="s">
        <v>3816</v>
      </c>
      <c r="MNP21" s="282" t="s">
        <v>3816</v>
      </c>
      <c r="MNQ21" s="282" t="s">
        <v>3816</v>
      </c>
      <c r="MNR21" s="282" t="s">
        <v>3816</v>
      </c>
      <c r="MNS21" s="282" t="s">
        <v>3816</v>
      </c>
      <c r="MNT21" s="282" t="s">
        <v>3816</v>
      </c>
      <c r="MNU21" s="282" t="s">
        <v>3816</v>
      </c>
      <c r="MNV21" s="282" t="s">
        <v>3816</v>
      </c>
      <c r="MNW21" s="282" t="s">
        <v>3816</v>
      </c>
      <c r="MNX21" s="282" t="s">
        <v>3816</v>
      </c>
      <c r="MNY21" s="282" t="s">
        <v>3816</v>
      </c>
      <c r="MNZ21" s="282" t="s">
        <v>3816</v>
      </c>
      <c r="MOA21" s="282" t="s">
        <v>3816</v>
      </c>
      <c r="MOB21" s="282" t="s">
        <v>3816</v>
      </c>
      <c r="MOC21" s="282" t="s">
        <v>3816</v>
      </c>
      <c r="MOD21" s="282" t="s">
        <v>3816</v>
      </c>
      <c r="MOE21" s="282" t="s">
        <v>3816</v>
      </c>
      <c r="MOF21" s="282" t="s">
        <v>3816</v>
      </c>
      <c r="MOG21" s="282" t="s">
        <v>3816</v>
      </c>
      <c r="MOH21" s="282" t="s">
        <v>3816</v>
      </c>
      <c r="MOI21" s="282" t="s">
        <v>3816</v>
      </c>
      <c r="MOJ21" s="282" t="s">
        <v>3816</v>
      </c>
      <c r="MOK21" s="282" t="s">
        <v>3816</v>
      </c>
      <c r="MOL21" s="282" t="s">
        <v>3816</v>
      </c>
      <c r="MOM21" s="282" t="s">
        <v>3816</v>
      </c>
      <c r="MON21" s="282" t="s">
        <v>3816</v>
      </c>
      <c r="MOO21" s="282" t="s">
        <v>3816</v>
      </c>
      <c r="MOP21" s="282" t="s">
        <v>3816</v>
      </c>
      <c r="MOQ21" s="282" t="s">
        <v>3816</v>
      </c>
      <c r="MOR21" s="282" t="s">
        <v>3816</v>
      </c>
      <c r="MOS21" s="282" t="s">
        <v>3816</v>
      </c>
      <c r="MOT21" s="282" t="s">
        <v>3816</v>
      </c>
      <c r="MOU21" s="282" t="s">
        <v>3816</v>
      </c>
      <c r="MOV21" s="282" t="s">
        <v>3816</v>
      </c>
      <c r="MOW21" s="282" t="s">
        <v>3816</v>
      </c>
      <c r="MOX21" s="282" t="s">
        <v>3816</v>
      </c>
      <c r="MOY21" s="282" t="s">
        <v>3816</v>
      </c>
      <c r="MOZ21" s="282" t="s">
        <v>3816</v>
      </c>
      <c r="MPA21" s="282" t="s">
        <v>3816</v>
      </c>
      <c r="MPB21" s="282" t="s">
        <v>3816</v>
      </c>
      <c r="MPC21" s="282" t="s">
        <v>3816</v>
      </c>
      <c r="MPD21" s="282" t="s">
        <v>3816</v>
      </c>
      <c r="MPE21" s="282" t="s">
        <v>3816</v>
      </c>
      <c r="MPF21" s="282" t="s">
        <v>3816</v>
      </c>
      <c r="MPG21" s="282" t="s">
        <v>3816</v>
      </c>
      <c r="MPH21" s="282" t="s">
        <v>3816</v>
      </c>
      <c r="MPI21" s="282" t="s">
        <v>3816</v>
      </c>
      <c r="MPJ21" s="282" t="s">
        <v>3816</v>
      </c>
      <c r="MPK21" s="282" t="s">
        <v>3816</v>
      </c>
      <c r="MPL21" s="282" t="s">
        <v>3816</v>
      </c>
      <c r="MPM21" s="282" t="s">
        <v>3816</v>
      </c>
      <c r="MPN21" s="282" t="s">
        <v>3816</v>
      </c>
      <c r="MPO21" s="282" t="s">
        <v>3816</v>
      </c>
      <c r="MPP21" s="282" t="s">
        <v>3816</v>
      </c>
      <c r="MPQ21" s="282" t="s">
        <v>3816</v>
      </c>
      <c r="MPR21" s="282" t="s">
        <v>3816</v>
      </c>
      <c r="MPS21" s="282" t="s">
        <v>3816</v>
      </c>
      <c r="MPT21" s="282" t="s">
        <v>3816</v>
      </c>
      <c r="MPU21" s="282" t="s">
        <v>3816</v>
      </c>
      <c r="MPV21" s="282" t="s">
        <v>3816</v>
      </c>
      <c r="MPW21" s="282" t="s">
        <v>3816</v>
      </c>
      <c r="MPX21" s="282" t="s">
        <v>3816</v>
      </c>
      <c r="MPY21" s="282" t="s">
        <v>3816</v>
      </c>
      <c r="MPZ21" s="282" t="s">
        <v>3816</v>
      </c>
      <c r="MQA21" s="282" t="s">
        <v>3816</v>
      </c>
      <c r="MQB21" s="282" t="s">
        <v>3816</v>
      </c>
      <c r="MQC21" s="282" t="s">
        <v>3816</v>
      </c>
      <c r="MQD21" s="282" t="s">
        <v>3816</v>
      </c>
      <c r="MQE21" s="282" t="s">
        <v>3816</v>
      </c>
      <c r="MQF21" s="282" t="s">
        <v>3816</v>
      </c>
      <c r="MQG21" s="282" t="s">
        <v>3816</v>
      </c>
      <c r="MQH21" s="282" t="s">
        <v>3816</v>
      </c>
      <c r="MQI21" s="282" t="s">
        <v>3816</v>
      </c>
      <c r="MQJ21" s="282" t="s">
        <v>3816</v>
      </c>
      <c r="MQK21" s="282" t="s">
        <v>3816</v>
      </c>
      <c r="MQL21" s="282" t="s">
        <v>3816</v>
      </c>
      <c r="MQM21" s="282" t="s">
        <v>3816</v>
      </c>
      <c r="MQN21" s="282" t="s">
        <v>3816</v>
      </c>
      <c r="MQO21" s="282" t="s">
        <v>3816</v>
      </c>
      <c r="MQP21" s="282" t="s">
        <v>3816</v>
      </c>
      <c r="MQQ21" s="282" t="s">
        <v>3816</v>
      </c>
      <c r="MQR21" s="282" t="s">
        <v>3816</v>
      </c>
      <c r="MQS21" s="282" t="s">
        <v>3816</v>
      </c>
      <c r="MQT21" s="282" t="s">
        <v>3816</v>
      </c>
      <c r="MQU21" s="282" t="s">
        <v>3816</v>
      </c>
      <c r="MQV21" s="282" t="s">
        <v>3816</v>
      </c>
      <c r="MQW21" s="282" t="s">
        <v>3816</v>
      </c>
      <c r="MQX21" s="282" t="s">
        <v>3816</v>
      </c>
      <c r="MQY21" s="282" t="s">
        <v>3816</v>
      </c>
      <c r="MQZ21" s="282" t="s">
        <v>3816</v>
      </c>
      <c r="MRA21" s="282" t="s">
        <v>3816</v>
      </c>
      <c r="MRB21" s="282" t="s">
        <v>3816</v>
      </c>
      <c r="MRC21" s="282" t="s">
        <v>3816</v>
      </c>
      <c r="MRD21" s="282" t="s">
        <v>3816</v>
      </c>
      <c r="MRE21" s="282" t="s">
        <v>3816</v>
      </c>
      <c r="MRF21" s="282" t="s">
        <v>3816</v>
      </c>
      <c r="MRG21" s="282" t="s">
        <v>3816</v>
      </c>
      <c r="MRH21" s="282" t="s">
        <v>3816</v>
      </c>
      <c r="MRI21" s="282" t="s">
        <v>3816</v>
      </c>
      <c r="MRJ21" s="282" t="s">
        <v>3816</v>
      </c>
      <c r="MRK21" s="282" t="s">
        <v>3816</v>
      </c>
      <c r="MRL21" s="282" t="s">
        <v>3816</v>
      </c>
      <c r="MRM21" s="282" t="s">
        <v>3816</v>
      </c>
      <c r="MRN21" s="282" t="s">
        <v>3816</v>
      </c>
      <c r="MRO21" s="282" t="s">
        <v>3816</v>
      </c>
      <c r="MRP21" s="282" t="s">
        <v>3816</v>
      </c>
      <c r="MRQ21" s="282" t="s">
        <v>3816</v>
      </c>
      <c r="MRR21" s="282" t="s">
        <v>3816</v>
      </c>
      <c r="MRS21" s="282" t="s">
        <v>3816</v>
      </c>
      <c r="MRT21" s="282" t="s">
        <v>3816</v>
      </c>
      <c r="MRU21" s="282" t="s">
        <v>3816</v>
      </c>
      <c r="MRV21" s="282" t="s">
        <v>3816</v>
      </c>
      <c r="MRW21" s="282" t="s">
        <v>3816</v>
      </c>
      <c r="MRX21" s="282" t="s">
        <v>3816</v>
      </c>
      <c r="MRY21" s="282" t="s">
        <v>3816</v>
      </c>
      <c r="MRZ21" s="282" t="s">
        <v>3816</v>
      </c>
      <c r="MSA21" s="282" t="s">
        <v>3816</v>
      </c>
      <c r="MSB21" s="282" t="s">
        <v>3816</v>
      </c>
      <c r="MSC21" s="282" t="s">
        <v>3816</v>
      </c>
      <c r="MSD21" s="282" t="s">
        <v>3816</v>
      </c>
      <c r="MSE21" s="282" t="s">
        <v>3816</v>
      </c>
      <c r="MSF21" s="282" t="s">
        <v>3816</v>
      </c>
      <c r="MSG21" s="282" t="s">
        <v>3816</v>
      </c>
      <c r="MSH21" s="282" t="s">
        <v>3816</v>
      </c>
      <c r="MSI21" s="282" t="s">
        <v>3816</v>
      </c>
      <c r="MSJ21" s="282" t="s">
        <v>3816</v>
      </c>
      <c r="MSK21" s="282" t="s">
        <v>3816</v>
      </c>
      <c r="MSL21" s="282" t="s">
        <v>3816</v>
      </c>
      <c r="MSM21" s="282" t="s">
        <v>3816</v>
      </c>
      <c r="MSN21" s="282" t="s">
        <v>3816</v>
      </c>
      <c r="MSO21" s="282" t="s">
        <v>3816</v>
      </c>
      <c r="MSP21" s="282" t="s">
        <v>3816</v>
      </c>
      <c r="MSQ21" s="282" t="s">
        <v>3816</v>
      </c>
      <c r="MSR21" s="282" t="s">
        <v>3816</v>
      </c>
      <c r="MSS21" s="282" t="s">
        <v>3816</v>
      </c>
      <c r="MST21" s="282" t="s">
        <v>3816</v>
      </c>
      <c r="MSU21" s="282" t="s">
        <v>3816</v>
      </c>
      <c r="MSV21" s="282" t="s">
        <v>3816</v>
      </c>
      <c r="MSW21" s="282" t="s">
        <v>3816</v>
      </c>
      <c r="MSX21" s="282" t="s">
        <v>3816</v>
      </c>
      <c r="MSY21" s="282" t="s">
        <v>3816</v>
      </c>
      <c r="MSZ21" s="282" t="s">
        <v>3816</v>
      </c>
      <c r="MTA21" s="282" t="s">
        <v>3816</v>
      </c>
      <c r="MTB21" s="282" t="s">
        <v>3816</v>
      </c>
      <c r="MTC21" s="282" t="s">
        <v>3816</v>
      </c>
      <c r="MTD21" s="282" t="s">
        <v>3816</v>
      </c>
      <c r="MTE21" s="282" t="s">
        <v>3816</v>
      </c>
      <c r="MTF21" s="282" t="s">
        <v>3816</v>
      </c>
      <c r="MTG21" s="282" t="s">
        <v>3816</v>
      </c>
      <c r="MTH21" s="282" t="s">
        <v>3816</v>
      </c>
      <c r="MTI21" s="282" t="s">
        <v>3816</v>
      </c>
      <c r="MTJ21" s="282" t="s">
        <v>3816</v>
      </c>
      <c r="MTK21" s="282" t="s">
        <v>3816</v>
      </c>
      <c r="MTL21" s="282" t="s">
        <v>3816</v>
      </c>
      <c r="MTM21" s="282" t="s">
        <v>3816</v>
      </c>
      <c r="MTN21" s="282" t="s">
        <v>3816</v>
      </c>
      <c r="MTO21" s="282" t="s">
        <v>3816</v>
      </c>
      <c r="MTP21" s="282" t="s">
        <v>3816</v>
      </c>
      <c r="MTQ21" s="282" t="s">
        <v>3816</v>
      </c>
      <c r="MTR21" s="282" t="s">
        <v>3816</v>
      </c>
      <c r="MTS21" s="282" t="s">
        <v>3816</v>
      </c>
      <c r="MTT21" s="282" t="s">
        <v>3816</v>
      </c>
      <c r="MTU21" s="282" t="s">
        <v>3816</v>
      </c>
      <c r="MTV21" s="282" t="s">
        <v>3816</v>
      </c>
      <c r="MTW21" s="282" t="s">
        <v>3816</v>
      </c>
      <c r="MTX21" s="282" t="s">
        <v>3816</v>
      </c>
      <c r="MTY21" s="282" t="s">
        <v>3816</v>
      </c>
      <c r="MTZ21" s="282" t="s">
        <v>3816</v>
      </c>
      <c r="MUA21" s="282" t="s">
        <v>3816</v>
      </c>
      <c r="MUB21" s="282" t="s">
        <v>3816</v>
      </c>
      <c r="MUC21" s="282" t="s">
        <v>3816</v>
      </c>
      <c r="MUD21" s="282" t="s">
        <v>3816</v>
      </c>
      <c r="MUE21" s="282" t="s">
        <v>3816</v>
      </c>
      <c r="MUF21" s="282" t="s">
        <v>3816</v>
      </c>
      <c r="MUG21" s="282" t="s">
        <v>3816</v>
      </c>
      <c r="MUH21" s="282" t="s">
        <v>3816</v>
      </c>
      <c r="MUI21" s="282" t="s">
        <v>3816</v>
      </c>
      <c r="MUJ21" s="282" t="s">
        <v>3816</v>
      </c>
      <c r="MUK21" s="282" t="s">
        <v>3816</v>
      </c>
      <c r="MUL21" s="282" t="s">
        <v>3816</v>
      </c>
      <c r="MUM21" s="282" t="s">
        <v>3816</v>
      </c>
      <c r="MUN21" s="282" t="s">
        <v>3816</v>
      </c>
      <c r="MUO21" s="282" t="s">
        <v>3816</v>
      </c>
      <c r="MUP21" s="282" t="s">
        <v>3816</v>
      </c>
      <c r="MUQ21" s="282" t="s">
        <v>3816</v>
      </c>
      <c r="MUR21" s="282" t="s">
        <v>3816</v>
      </c>
      <c r="MUS21" s="282" t="s">
        <v>3816</v>
      </c>
      <c r="MUT21" s="282" t="s">
        <v>3816</v>
      </c>
      <c r="MUU21" s="282" t="s">
        <v>3816</v>
      </c>
      <c r="MUV21" s="282" t="s">
        <v>3816</v>
      </c>
      <c r="MUW21" s="282" t="s">
        <v>3816</v>
      </c>
      <c r="MUX21" s="282" t="s">
        <v>3816</v>
      </c>
      <c r="MUY21" s="282" t="s">
        <v>3816</v>
      </c>
      <c r="MUZ21" s="282" t="s">
        <v>3816</v>
      </c>
      <c r="MVA21" s="282" t="s">
        <v>3816</v>
      </c>
      <c r="MVB21" s="282" t="s">
        <v>3816</v>
      </c>
      <c r="MVC21" s="282" t="s">
        <v>3816</v>
      </c>
      <c r="MVD21" s="282" t="s">
        <v>3816</v>
      </c>
      <c r="MVE21" s="282" t="s">
        <v>3816</v>
      </c>
      <c r="MVF21" s="282" t="s">
        <v>3816</v>
      </c>
      <c r="MVG21" s="282" t="s">
        <v>3816</v>
      </c>
      <c r="MVH21" s="282" t="s">
        <v>3816</v>
      </c>
      <c r="MVI21" s="282" t="s">
        <v>3816</v>
      </c>
      <c r="MVJ21" s="282" t="s">
        <v>3816</v>
      </c>
      <c r="MVK21" s="282" t="s">
        <v>3816</v>
      </c>
      <c r="MVL21" s="282" t="s">
        <v>3816</v>
      </c>
      <c r="MVM21" s="282" t="s">
        <v>3816</v>
      </c>
      <c r="MVN21" s="282" t="s">
        <v>3816</v>
      </c>
      <c r="MVO21" s="282" t="s">
        <v>3816</v>
      </c>
      <c r="MVP21" s="282" t="s">
        <v>3816</v>
      </c>
      <c r="MVQ21" s="282" t="s">
        <v>3816</v>
      </c>
      <c r="MVR21" s="282" t="s">
        <v>3816</v>
      </c>
      <c r="MVS21" s="282" t="s">
        <v>3816</v>
      </c>
      <c r="MVT21" s="282" t="s">
        <v>3816</v>
      </c>
      <c r="MVU21" s="282" t="s">
        <v>3816</v>
      </c>
      <c r="MVV21" s="282" t="s">
        <v>3816</v>
      </c>
      <c r="MVW21" s="282" t="s">
        <v>3816</v>
      </c>
      <c r="MVX21" s="282" t="s">
        <v>3816</v>
      </c>
      <c r="MVY21" s="282" t="s">
        <v>3816</v>
      </c>
      <c r="MVZ21" s="282" t="s">
        <v>3816</v>
      </c>
      <c r="MWA21" s="282" t="s">
        <v>3816</v>
      </c>
      <c r="MWB21" s="282" t="s">
        <v>3816</v>
      </c>
      <c r="MWC21" s="282" t="s">
        <v>3816</v>
      </c>
      <c r="MWD21" s="282" t="s">
        <v>3816</v>
      </c>
      <c r="MWE21" s="282" t="s">
        <v>3816</v>
      </c>
      <c r="MWF21" s="282" t="s">
        <v>3816</v>
      </c>
      <c r="MWG21" s="282" t="s">
        <v>3816</v>
      </c>
      <c r="MWH21" s="282" t="s">
        <v>3816</v>
      </c>
      <c r="MWI21" s="282" t="s">
        <v>3816</v>
      </c>
      <c r="MWJ21" s="282" t="s">
        <v>3816</v>
      </c>
      <c r="MWK21" s="282" t="s">
        <v>3816</v>
      </c>
      <c r="MWL21" s="282" t="s">
        <v>3816</v>
      </c>
      <c r="MWM21" s="282" t="s">
        <v>3816</v>
      </c>
      <c r="MWN21" s="282" t="s">
        <v>3816</v>
      </c>
      <c r="MWO21" s="282" t="s">
        <v>3816</v>
      </c>
      <c r="MWP21" s="282" t="s">
        <v>3816</v>
      </c>
      <c r="MWQ21" s="282" t="s">
        <v>3816</v>
      </c>
      <c r="MWR21" s="282" t="s">
        <v>3816</v>
      </c>
      <c r="MWS21" s="282" t="s">
        <v>3816</v>
      </c>
      <c r="MWT21" s="282" t="s">
        <v>3816</v>
      </c>
      <c r="MWU21" s="282" t="s">
        <v>3816</v>
      </c>
      <c r="MWV21" s="282" t="s">
        <v>3816</v>
      </c>
      <c r="MWW21" s="282" t="s">
        <v>3816</v>
      </c>
      <c r="MWX21" s="282" t="s">
        <v>3816</v>
      </c>
      <c r="MWY21" s="282" t="s">
        <v>3816</v>
      </c>
      <c r="MWZ21" s="282" t="s">
        <v>3816</v>
      </c>
      <c r="MXA21" s="282" t="s">
        <v>3816</v>
      </c>
      <c r="MXB21" s="282" t="s">
        <v>3816</v>
      </c>
      <c r="MXC21" s="282" t="s">
        <v>3816</v>
      </c>
      <c r="MXD21" s="282" t="s">
        <v>3816</v>
      </c>
      <c r="MXE21" s="282" t="s">
        <v>3816</v>
      </c>
      <c r="MXF21" s="282" t="s">
        <v>3816</v>
      </c>
      <c r="MXG21" s="282" t="s">
        <v>3816</v>
      </c>
      <c r="MXH21" s="282" t="s">
        <v>3816</v>
      </c>
      <c r="MXI21" s="282" t="s">
        <v>3816</v>
      </c>
      <c r="MXJ21" s="282" t="s">
        <v>3816</v>
      </c>
      <c r="MXK21" s="282" t="s">
        <v>3816</v>
      </c>
      <c r="MXL21" s="282" t="s">
        <v>3816</v>
      </c>
      <c r="MXM21" s="282" t="s">
        <v>3816</v>
      </c>
      <c r="MXN21" s="282" t="s">
        <v>3816</v>
      </c>
      <c r="MXO21" s="282" t="s">
        <v>3816</v>
      </c>
      <c r="MXP21" s="282" t="s">
        <v>3816</v>
      </c>
      <c r="MXQ21" s="282" t="s">
        <v>3816</v>
      </c>
      <c r="MXR21" s="282" t="s">
        <v>3816</v>
      </c>
      <c r="MXS21" s="282" t="s">
        <v>3816</v>
      </c>
      <c r="MXT21" s="282" t="s">
        <v>3816</v>
      </c>
      <c r="MXU21" s="282" t="s">
        <v>3816</v>
      </c>
      <c r="MXV21" s="282" t="s">
        <v>3816</v>
      </c>
      <c r="MXW21" s="282" t="s">
        <v>3816</v>
      </c>
      <c r="MXX21" s="282" t="s">
        <v>3816</v>
      </c>
      <c r="MXY21" s="282" t="s">
        <v>3816</v>
      </c>
      <c r="MXZ21" s="282" t="s">
        <v>3816</v>
      </c>
      <c r="MYA21" s="282" t="s">
        <v>3816</v>
      </c>
      <c r="MYB21" s="282" t="s">
        <v>3816</v>
      </c>
      <c r="MYC21" s="282" t="s">
        <v>3816</v>
      </c>
      <c r="MYD21" s="282" t="s">
        <v>3816</v>
      </c>
      <c r="MYE21" s="282" t="s">
        <v>3816</v>
      </c>
      <c r="MYF21" s="282" t="s">
        <v>3816</v>
      </c>
      <c r="MYG21" s="282" t="s">
        <v>3816</v>
      </c>
      <c r="MYH21" s="282" t="s">
        <v>3816</v>
      </c>
      <c r="MYI21" s="282" t="s">
        <v>3816</v>
      </c>
      <c r="MYJ21" s="282" t="s">
        <v>3816</v>
      </c>
      <c r="MYK21" s="282" t="s">
        <v>3816</v>
      </c>
      <c r="MYL21" s="282" t="s">
        <v>3816</v>
      </c>
      <c r="MYM21" s="282" t="s">
        <v>3816</v>
      </c>
      <c r="MYN21" s="282" t="s">
        <v>3816</v>
      </c>
      <c r="MYO21" s="282" t="s">
        <v>3816</v>
      </c>
      <c r="MYP21" s="282" t="s">
        <v>3816</v>
      </c>
      <c r="MYQ21" s="282" t="s">
        <v>3816</v>
      </c>
      <c r="MYR21" s="282" t="s">
        <v>3816</v>
      </c>
      <c r="MYS21" s="282" t="s">
        <v>3816</v>
      </c>
      <c r="MYT21" s="282" t="s">
        <v>3816</v>
      </c>
      <c r="MYU21" s="282" t="s">
        <v>3816</v>
      </c>
      <c r="MYV21" s="282" t="s">
        <v>3816</v>
      </c>
      <c r="MYW21" s="282" t="s">
        <v>3816</v>
      </c>
      <c r="MYX21" s="282" t="s">
        <v>3816</v>
      </c>
      <c r="MYY21" s="282" t="s">
        <v>3816</v>
      </c>
      <c r="MYZ21" s="282" t="s">
        <v>3816</v>
      </c>
      <c r="MZA21" s="282" t="s">
        <v>3816</v>
      </c>
      <c r="MZB21" s="282" t="s">
        <v>3816</v>
      </c>
      <c r="MZC21" s="282" t="s">
        <v>3816</v>
      </c>
      <c r="MZD21" s="282" t="s">
        <v>3816</v>
      </c>
      <c r="MZE21" s="282" t="s">
        <v>3816</v>
      </c>
      <c r="MZF21" s="282" t="s">
        <v>3816</v>
      </c>
      <c r="MZG21" s="282" t="s">
        <v>3816</v>
      </c>
      <c r="MZH21" s="282" t="s">
        <v>3816</v>
      </c>
      <c r="MZI21" s="282" t="s">
        <v>3816</v>
      </c>
      <c r="MZJ21" s="282" t="s">
        <v>3816</v>
      </c>
      <c r="MZK21" s="282" t="s">
        <v>3816</v>
      </c>
      <c r="MZL21" s="282" t="s">
        <v>3816</v>
      </c>
      <c r="MZM21" s="282" t="s">
        <v>3816</v>
      </c>
      <c r="MZN21" s="282" t="s">
        <v>3816</v>
      </c>
      <c r="MZO21" s="282" t="s">
        <v>3816</v>
      </c>
      <c r="MZP21" s="282" t="s">
        <v>3816</v>
      </c>
      <c r="MZQ21" s="282" t="s">
        <v>3816</v>
      </c>
      <c r="MZR21" s="282" t="s">
        <v>3816</v>
      </c>
      <c r="MZS21" s="282" t="s">
        <v>3816</v>
      </c>
      <c r="MZT21" s="282" t="s">
        <v>3816</v>
      </c>
      <c r="MZU21" s="282" t="s">
        <v>3816</v>
      </c>
      <c r="MZV21" s="282" t="s">
        <v>3816</v>
      </c>
      <c r="MZW21" s="282" t="s">
        <v>3816</v>
      </c>
      <c r="MZX21" s="282" t="s">
        <v>3816</v>
      </c>
      <c r="MZY21" s="282" t="s">
        <v>3816</v>
      </c>
      <c r="MZZ21" s="282" t="s">
        <v>3816</v>
      </c>
      <c r="NAA21" s="282" t="s">
        <v>3816</v>
      </c>
      <c r="NAB21" s="282" t="s">
        <v>3816</v>
      </c>
      <c r="NAC21" s="282" t="s">
        <v>3816</v>
      </c>
      <c r="NAD21" s="282" t="s">
        <v>3816</v>
      </c>
      <c r="NAE21" s="282" t="s">
        <v>3816</v>
      </c>
      <c r="NAF21" s="282" t="s">
        <v>3816</v>
      </c>
      <c r="NAG21" s="282" t="s">
        <v>3816</v>
      </c>
      <c r="NAH21" s="282" t="s">
        <v>3816</v>
      </c>
      <c r="NAI21" s="282" t="s">
        <v>3816</v>
      </c>
      <c r="NAJ21" s="282" t="s">
        <v>3816</v>
      </c>
      <c r="NAK21" s="282" t="s">
        <v>3816</v>
      </c>
      <c r="NAL21" s="282" t="s">
        <v>3816</v>
      </c>
      <c r="NAM21" s="282" t="s">
        <v>3816</v>
      </c>
      <c r="NAN21" s="282" t="s">
        <v>3816</v>
      </c>
      <c r="NAO21" s="282" t="s">
        <v>3816</v>
      </c>
      <c r="NAP21" s="282" t="s">
        <v>3816</v>
      </c>
      <c r="NAQ21" s="282" t="s">
        <v>3816</v>
      </c>
      <c r="NAR21" s="282" t="s">
        <v>3816</v>
      </c>
      <c r="NAS21" s="282" t="s">
        <v>3816</v>
      </c>
      <c r="NAT21" s="282" t="s">
        <v>3816</v>
      </c>
      <c r="NAU21" s="282" t="s">
        <v>3816</v>
      </c>
      <c r="NAV21" s="282" t="s">
        <v>3816</v>
      </c>
      <c r="NAW21" s="282" t="s">
        <v>3816</v>
      </c>
      <c r="NAX21" s="282" t="s">
        <v>3816</v>
      </c>
      <c r="NAY21" s="282" t="s">
        <v>3816</v>
      </c>
      <c r="NAZ21" s="282" t="s">
        <v>3816</v>
      </c>
      <c r="NBA21" s="282" t="s">
        <v>3816</v>
      </c>
      <c r="NBB21" s="282" t="s">
        <v>3816</v>
      </c>
      <c r="NBC21" s="282" t="s">
        <v>3816</v>
      </c>
      <c r="NBD21" s="282" t="s">
        <v>3816</v>
      </c>
      <c r="NBE21" s="282" t="s">
        <v>3816</v>
      </c>
      <c r="NBF21" s="282" t="s">
        <v>3816</v>
      </c>
      <c r="NBG21" s="282" t="s">
        <v>3816</v>
      </c>
      <c r="NBH21" s="282" t="s">
        <v>3816</v>
      </c>
      <c r="NBI21" s="282" t="s">
        <v>3816</v>
      </c>
      <c r="NBJ21" s="282" t="s">
        <v>3816</v>
      </c>
      <c r="NBK21" s="282" t="s">
        <v>3816</v>
      </c>
      <c r="NBL21" s="282" t="s">
        <v>3816</v>
      </c>
      <c r="NBM21" s="282" t="s">
        <v>3816</v>
      </c>
      <c r="NBN21" s="282" t="s">
        <v>3816</v>
      </c>
      <c r="NBO21" s="282" t="s">
        <v>3816</v>
      </c>
      <c r="NBP21" s="282" t="s">
        <v>3816</v>
      </c>
      <c r="NBQ21" s="282" t="s">
        <v>3816</v>
      </c>
      <c r="NBR21" s="282" t="s">
        <v>3816</v>
      </c>
      <c r="NBS21" s="282" t="s">
        <v>3816</v>
      </c>
      <c r="NBT21" s="282" t="s">
        <v>3816</v>
      </c>
      <c r="NBU21" s="282" t="s">
        <v>3816</v>
      </c>
      <c r="NBV21" s="282" t="s">
        <v>3816</v>
      </c>
      <c r="NBW21" s="282" t="s">
        <v>3816</v>
      </c>
      <c r="NBX21" s="282" t="s">
        <v>3816</v>
      </c>
      <c r="NBY21" s="282" t="s">
        <v>3816</v>
      </c>
      <c r="NBZ21" s="282" t="s">
        <v>3816</v>
      </c>
      <c r="NCA21" s="282" t="s">
        <v>3816</v>
      </c>
      <c r="NCB21" s="282" t="s">
        <v>3816</v>
      </c>
      <c r="NCC21" s="282" t="s">
        <v>3816</v>
      </c>
      <c r="NCD21" s="282" t="s">
        <v>3816</v>
      </c>
      <c r="NCE21" s="282" t="s">
        <v>3816</v>
      </c>
      <c r="NCF21" s="282" t="s">
        <v>3816</v>
      </c>
      <c r="NCG21" s="282" t="s">
        <v>3816</v>
      </c>
      <c r="NCH21" s="282" t="s">
        <v>3816</v>
      </c>
      <c r="NCI21" s="282" t="s">
        <v>3816</v>
      </c>
      <c r="NCJ21" s="282" t="s">
        <v>3816</v>
      </c>
      <c r="NCK21" s="282" t="s">
        <v>3816</v>
      </c>
      <c r="NCL21" s="282" t="s">
        <v>3816</v>
      </c>
      <c r="NCM21" s="282" t="s">
        <v>3816</v>
      </c>
      <c r="NCN21" s="282" t="s">
        <v>3816</v>
      </c>
      <c r="NCO21" s="282" t="s">
        <v>3816</v>
      </c>
      <c r="NCP21" s="282" t="s">
        <v>3816</v>
      </c>
      <c r="NCQ21" s="282" t="s">
        <v>3816</v>
      </c>
      <c r="NCR21" s="282" t="s">
        <v>3816</v>
      </c>
      <c r="NCS21" s="282" t="s">
        <v>3816</v>
      </c>
      <c r="NCT21" s="282" t="s">
        <v>3816</v>
      </c>
      <c r="NCU21" s="282" t="s">
        <v>3816</v>
      </c>
      <c r="NCV21" s="282" t="s">
        <v>3816</v>
      </c>
      <c r="NCW21" s="282" t="s">
        <v>3816</v>
      </c>
      <c r="NCX21" s="282" t="s">
        <v>3816</v>
      </c>
      <c r="NCY21" s="282" t="s">
        <v>3816</v>
      </c>
      <c r="NCZ21" s="282" t="s">
        <v>3816</v>
      </c>
      <c r="NDA21" s="282" t="s">
        <v>3816</v>
      </c>
      <c r="NDB21" s="282" t="s">
        <v>3816</v>
      </c>
      <c r="NDC21" s="282" t="s">
        <v>3816</v>
      </c>
      <c r="NDD21" s="282" t="s">
        <v>3816</v>
      </c>
      <c r="NDE21" s="282" t="s">
        <v>3816</v>
      </c>
      <c r="NDF21" s="282" t="s">
        <v>3816</v>
      </c>
      <c r="NDG21" s="282" t="s">
        <v>3816</v>
      </c>
      <c r="NDH21" s="282" t="s">
        <v>3816</v>
      </c>
      <c r="NDI21" s="282" t="s">
        <v>3816</v>
      </c>
      <c r="NDJ21" s="282" t="s">
        <v>3816</v>
      </c>
      <c r="NDK21" s="282" t="s">
        <v>3816</v>
      </c>
      <c r="NDL21" s="282" t="s">
        <v>3816</v>
      </c>
      <c r="NDM21" s="282" t="s">
        <v>3816</v>
      </c>
      <c r="NDN21" s="282" t="s">
        <v>3816</v>
      </c>
      <c r="NDO21" s="282" t="s">
        <v>3816</v>
      </c>
      <c r="NDP21" s="282" t="s">
        <v>3816</v>
      </c>
      <c r="NDQ21" s="282" t="s">
        <v>3816</v>
      </c>
      <c r="NDR21" s="282" t="s">
        <v>3816</v>
      </c>
      <c r="NDS21" s="282" t="s">
        <v>3816</v>
      </c>
      <c r="NDT21" s="282" t="s">
        <v>3816</v>
      </c>
      <c r="NDU21" s="282" t="s">
        <v>3816</v>
      </c>
      <c r="NDV21" s="282" t="s">
        <v>3816</v>
      </c>
      <c r="NDW21" s="282" t="s">
        <v>3816</v>
      </c>
      <c r="NDX21" s="282" t="s">
        <v>3816</v>
      </c>
      <c r="NDY21" s="282" t="s">
        <v>3816</v>
      </c>
      <c r="NDZ21" s="282" t="s">
        <v>3816</v>
      </c>
      <c r="NEA21" s="282" t="s">
        <v>3816</v>
      </c>
      <c r="NEB21" s="282" t="s">
        <v>3816</v>
      </c>
      <c r="NEC21" s="282" t="s">
        <v>3816</v>
      </c>
      <c r="NED21" s="282" t="s">
        <v>3816</v>
      </c>
      <c r="NEE21" s="282" t="s">
        <v>3816</v>
      </c>
      <c r="NEF21" s="282" t="s">
        <v>3816</v>
      </c>
      <c r="NEG21" s="282" t="s">
        <v>3816</v>
      </c>
      <c r="NEH21" s="282" t="s">
        <v>3816</v>
      </c>
      <c r="NEI21" s="282" t="s">
        <v>3816</v>
      </c>
      <c r="NEJ21" s="282" t="s">
        <v>3816</v>
      </c>
      <c r="NEK21" s="282" t="s">
        <v>3816</v>
      </c>
      <c r="NEL21" s="282" t="s">
        <v>3816</v>
      </c>
      <c r="NEM21" s="282" t="s">
        <v>3816</v>
      </c>
      <c r="NEN21" s="282" t="s">
        <v>3816</v>
      </c>
      <c r="NEO21" s="282" t="s">
        <v>3816</v>
      </c>
      <c r="NEP21" s="282" t="s">
        <v>3816</v>
      </c>
      <c r="NEQ21" s="282" t="s">
        <v>3816</v>
      </c>
      <c r="NER21" s="282" t="s">
        <v>3816</v>
      </c>
      <c r="NES21" s="282" t="s">
        <v>3816</v>
      </c>
      <c r="NET21" s="282" t="s">
        <v>3816</v>
      </c>
      <c r="NEU21" s="282" t="s">
        <v>3816</v>
      </c>
      <c r="NEV21" s="282" t="s">
        <v>3816</v>
      </c>
      <c r="NEW21" s="282" t="s">
        <v>3816</v>
      </c>
      <c r="NEX21" s="282" t="s">
        <v>3816</v>
      </c>
      <c r="NEY21" s="282" t="s">
        <v>3816</v>
      </c>
      <c r="NEZ21" s="282" t="s">
        <v>3816</v>
      </c>
      <c r="NFA21" s="282" t="s">
        <v>3816</v>
      </c>
      <c r="NFB21" s="282" t="s">
        <v>3816</v>
      </c>
      <c r="NFC21" s="282" t="s">
        <v>3816</v>
      </c>
      <c r="NFD21" s="282" t="s">
        <v>3816</v>
      </c>
      <c r="NFE21" s="282" t="s">
        <v>3816</v>
      </c>
      <c r="NFF21" s="282" t="s">
        <v>3816</v>
      </c>
      <c r="NFG21" s="282" t="s">
        <v>3816</v>
      </c>
      <c r="NFH21" s="282" t="s">
        <v>3816</v>
      </c>
      <c r="NFI21" s="282" t="s">
        <v>3816</v>
      </c>
      <c r="NFJ21" s="282" t="s">
        <v>3816</v>
      </c>
      <c r="NFK21" s="282" t="s">
        <v>3816</v>
      </c>
      <c r="NFL21" s="282" t="s">
        <v>3816</v>
      </c>
      <c r="NFM21" s="282" t="s">
        <v>3816</v>
      </c>
      <c r="NFN21" s="282" t="s">
        <v>3816</v>
      </c>
      <c r="NFO21" s="282" t="s">
        <v>3816</v>
      </c>
      <c r="NFP21" s="282" t="s">
        <v>3816</v>
      </c>
      <c r="NFQ21" s="282" t="s">
        <v>3816</v>
      </c>
      <c r="NFR21" s="282" t="s">
        <v>3816</v>
      </c>
      <c r="NFS21" s="282" t="s">
        <v>3816</v>
      </c>
      <c r="NFT21" s="282" t="s">
        <v>3816</v>
      </c>
      <c r="NFU21" s="282" t="s">
        <v>3816</v>
      </c>
      <c r="NFV21" s="282" t="s">
        <v>3816</v>
      </c>
      <c r="NFW21" s="282" t="s">
        <v>3816</v>
      </c>
      <c r="NFX21" s="282" t="s">
        <v>3816</v>
      </c>
      <c r="NFY21" s="282" t="s">
        <v>3816</v>
      </c>
      <c r="NFZ21" s="282" t="s">
        <v>3816</v>
      </c>
      <c r="NGA21" s="282" t="s">
        <v>3816</v>
      </c>
      <c r="NGB21" s="282" t="s">
        <v>3816</v>
      </c>
      <c r="NGC21" s="282" t="s">
        <v>3816</v>
      </c>
      <c r="NGD21" s="282" t="s">
        <v>3816</v>
      </c>
      <c r="NGE21" s="282" t="s">
        <v>3816</v>
      </c>
      <c r="NGF21" s="282" t="s">
        <v>3816</v>
      </c>
      <c r="NGG21" s="282" t="s">
        <v>3816</v>
      </c>
      <c r="NGH21" s="282" t="s">
        <v>3816</v>
      </c>
      <c r="NGI21" s="282" t="s">
        <v>3816</v>
      </c>
      <c r="NGJ21" s="282" t="s">
        <v>3816</v>
      </c>
      <c r="NGK21" s="282" t="s">
        <v>3816</v>
      </c>
      <c r="NGL21" s="282" t="s">
        <v>3816</v>
      </c>
      <c r="NGM21" s="282" t="s">
        <v>3816</v>
      </c>
      <c r="NGN21" s="282" t="s">
        <v>3816</v>
      </c>
      <c r="NGO21" s="282" t="s">
        <v>3816</v>
      </c>
      <c r="NGP21" s="282" t="s">
        <v>3816</v>
      </c>
      <c r="NGQ21" s="282" t="s">
        <v>3816</v>
      </c>
      <c r="NGR21" s="282" t="s">
        <v>3816</v>
      </c>
      <c r="NGS21" s="282" t="s">
        <v>3816</v>
      </c>
      <c r="NGT21" s="282" t="s">
        <v>3816</v>
      </c>
      <c r="NGU21" s="282" t="s">
        <v>3816</v>
      </c>
      <c r="NGV21" s="282" t="s">
        <v>3816</v>
      </c>
      <c r="NGW21" s="282" t="s">
        <v>3816</v>
      </c>
      <c r="NGX21" s="282" t="s">
        <v>3816</v>
      </c>
      <c r="NGY21" s="282" t="s">
        <v>3816</v>
      </c>
      <c r="NGZ21" s="282" t="s">
        <v>3816</v>
      </c>
      <c r="NHA21" s="282" t="s">
        <v>3816</v>
      </c>
      <c r="NHB21" s="282" t="s">
        <v>3816</v>
      </c>
      <c r="NHC21" s="282" t="s">
        <v>3816</v>
      </c>
      <c r="NHD21" s="282" t="s">
        <v>3816</v>
      </c>
      <c r="NHE21" s="282" t="s">
        <v>3816</v>
      </c>
      <c r="NHF21" s="282" t="s">
        <v>3816</v>
      </c>
      <c r="NHG21" s="282" t="s">
        <v>3816</v>
      </c>
      <c r="NHH21" s="282" t="s">
        <v>3816</v>
      </c>
      <c r="NHI21" s="282" t="s">
        <v>3816</v>
      </c>
      <c r="NHJ21" s="282" t="s">
        <v>3816</v>
      </c>
      <c r="NHK21" s="282" t="s">
        <v>3816</v>
      </c>
      <c r="NHL21" s="282" t="s">
        <v>3816</v>
      </c>
      <c r="NHM21" s="282" t="s">
        <v>3816</v>
      </c>
      <c r="NHN21" s="282" t="s">
        <v>3816</v>
      </c>
      <c r="NHO21" s="282" t="s">
        <v>3816</v>
      </c>
      <c r="NHP21" s="282" t="s">
        <v>3816</v>
      </c>
      <c r="NHQ21" s="282" t="s">
        <v>3816</v>
      </c>
      <c r="NHR21" s="282" t="s">
        <v>3816</v>
      </c>
      <c r="NHS21" s="282" t="s">
        <v>3816</v>
      </c>
      <c r="NHT21" s="282" t="s">
        <v>3816</v>
      </c>
      <c r="NHU21" s="282" t="s">
        <v>3816</v>
      </c>
      <c r="NHV21" s="282" t="s">
        <v>3816</v>
      </c>
      <c r="NHW21" s="282" t="s">
        <v>3816</v>
      </c>
      <c r="NHX21" s="282" t="s">
        <v>3816</v>
      </c>
      <c r="NHY21" s="282" t="s">
        <v>3816</v>
      </c>
      <c r="NHZ21" s="282" t="s">
        <v>3816</v>
      </c>
      <c r="NIA21" s="282" t="s">
        <v>3816</v>
      </c>
      <c r="NIB21" s="282" t="s">
        <v>3816</v>
      </c>
      <c r="NIC21" s="282" t="s">
        <v>3816</v>
      </c>
      <c r="NID21" s="282" t="s">
        <v>3816</v>
      </c>
      <c r="NIE21" s="282" t="s">
        <v>3816</v>
      </c>
      <c r="NIF21" s="282" t="s">
        <v>3816</v>
      </c>
      <c r="NIG21" s="282" t="s">
        <v>3816</v>
      </c>
      <c r="NIH21" s="282" t="s">
        <v>3816</v>
      </c>
      <c r="NII21" s="282" t="s">
        <v>3816</v>
      </c>
      <c r="NIJ21" s="282" t="s">
        <v>3816</v>
      </c>
      <c r="NIK21" s="282" t="s">
        <v>3816</v>
      </c>
      <c r="NIL21" s="282" t="s">
        <v>3816</v>
      </c>
      <c r="NIM21" s="282" t="s">
        <v>3816</v>
      </c>
      <c r="NIN21" s="282" t="s">
        <v>3816</v>
      </c>
      <c r="NIO21" s="282" t="s">
        <v>3816</v>
      </c>
      <c r="NIP21" s="282" t="s">
        <v>3816</v>
      </c>
      <c r="NIQ21" s="282" t="s">
        <v>3816</v>
      </c>
      <c r="NIR21" s="282" t="s">
        <v>3816</v>
      </c>
      <c r="NIS21" s="282" t="s">
        <v>3816</v>
      </c>
      <c r="NIT21" s="282" t="s">
        <v>3816</v>
      </c>
      <c r="NIU21" s="282" t="s">
        <v>3816</v>
      </c>
      <c r="NIV21" s="282" t="s">
        <v>3816</v>
      </c>
      <c r="NIW21" s="282" t="s">
        <v>3816</v>
      </c>
      <c r="NIX21" s="282" t="s">
        <v>3816</v>
      </c>
      <c r="NIY21" s="282" t="s">
        <v>3816</v>
      </c>
      <c r="NIZ21" s="282" t="s">
        <v>3816</v>
      </c>
      <c r="NJA21" s="282" t="s">
        <v>3816</v>
      </c>
      <c r="NJB21" s="282" t="s">
        <v>3816</v>
      </c>
      <c r="NJC21" s="282" t="s">
        <v>3816</v>
      </c>
      <c r="NJD21" s="282" t="s">
        <v>3816</v>
      </c>
      <c r="NJE21" s="282" t="s">
        <v>3816</v>
      </c>
      <c r="NJF21" s="282" t="s">
        <v>3816</v>
      </c>
      <c r="NJG21" s="282" t="s">
        <v>3816</v>
      </c>
      <c r="NJH21" s="282" t="s">
        <v>3816</v>
      </c>
      <c r="NJI21" s="282" t="s">
        <v>3816</v>
      </c>
      <c r="NJJ21" s="282" t="s">
        <v>3816</v>
      </c>
      <c r="NJK21" s="282" t="s">
        <v>3816</v>
      </c>
      <c r="NJL21" s="282" t="s">
        <v>3816</v>
      </c>
      <c r="NJM21" s="282" t="s">
        <v>3816</v>
      </c>
      <c r="NJN21" s="282" t="s">
        <v>3816</v>
      </c>
      <c r="NJO21" s="282" t="s">
        <v>3816</v>
      </c>
      <c r="NJP21" s="282" t="s">
        <v>3816</v>
      </c>
      <c r="NJQ21" s="282" t="s">
        <v>3816</v>
      </c>
      <c r="NJR21" s="282" t="s">
        <v>3816</v>
      </c>
      <c r="NJS21" s="282" t="s">
        <v>3816</v>
      </c>
      <c r="NJT21" s="282" t="s">
        <v>3816</v>
      </c>
      <c r="NJU21" s="282" t="s">
        <v>3816</v>
      </c>
      <c r="NJV21" s="282" t="s">
        <v>3816</v>
      </c>
      <c r="NJW21" s="282" t="s">
        <v>3816</v>
      </c>
      <c r="NJX21" s="282" t="s">
        <v>3816</v>
      </c>
      <c r="NJY21" s="282" t="s">
        <v>3816</v>
      </c>
      <c r="NJZ21" s="282" t="s">
        <v>3816</v>
      </c>
      <c r="NKA21" s="282" t="s">
        <v>3816</v>
      </c>
      <c r="NKB21" s="282" t="s">
        <v>3816</v>
      </c>
      <c r="NKC21" s="282" t="s">
        <v>3816</v>
      </c>
      <c r="NKD21" s="282" t="s">
        <v>3816</v>
      </c>
      <c r="NKE21" s="282" t="s">
        <v>3816</v>
      </c>
      <c r="NKF21" s="282" t="s">
        <v>3816</v>
      </c>
      <c r="NKG21" s="282" t="s">
        <v>3816</v>
      </c>
      <c r="NKH21" s="282" t="s">
        <v>3816</v>
      </c>
      <c r="NKI21" s="282" t="s">
        <v>3816</v>
      </c>
      <c r="NKJ21" s="282" t="s">
        <v>3816</v>
      </c>
      <c r="NKK21" s="282" t="s">
        <v>3816</v>
      </c>
      <c r="NKL21" s="282" t="s">
        <v>3816</v>
      </c>
      <c r="NKM21" s="282" t="s">
        <v>3816</v>
      </c>
      <c r="NKN21" s="282" t="s">
        <v>3816</v>
      </c>
      <c r="NKO21" s="282" t="s">
        <v>3816</v>
      </c>
      <c r="NKP21" s="282" t="s">
        <v>3816</v>
      </c>
      <c r="NKQ21" s="282" t="s">
        <v>3816</v>
      </c>
      <c r="NKR21" s="282" t="s">
        <v>3816</v>
      </c>
      <c r="NKS21" s="282" t="s">
        <v>3816</v>
      </c>
      <c r="NKT21" s="282" t="s">
        <v>3816</v>
      </c>
      <c r="NKU21" s="282" t="s">
        <v>3816</v>
      </c>
      <c r="NKV21" s="282" t="s">
        <v>3816</v>
      </c>
      <c r="NKW21" s="282" t="s">
        <v>3816</v>
      </c>
      <c r="NKX21" s="282" t="s">
        <v>3816</v>
      </c>
      <c r="NKY21" s="282" t="s">
        <v>3816</v>
      </c>
      <c r="NKZ21" s="282" t="s">
        <v>3816</v>
      </c>
      <c r="NLA21" s="282" t="s">
        <v>3816</v>
      </c>
      <c r="NLB21" s="282" t="s">
        <v>3816</v>
      </c>
      <c r="NLC21" s="282" t="s">
        <v>3816</v>
      </c>
      <c r="NLD21" s="282" t="s">
        <v>3816</v>
      </c>
      <c r="NLE21" s="282" t="s">
        <v>3816</v>
      </c>
      <c r="NLF21" s="282" t="s">
        <v>3816</v>
      </c>
      <c r="NLG21" s="282" t="s">
        <v>3816</v>
      </c>
      <c r="NLH21" s="282" t="s">
        <v>3816</v>
      </c>
      <c r="NLI21" s="282" t="s">
        <v>3816</v>
      </c>
      <c r="NLJ21" s="282" t="s">
        <v>3816</v>
      </c>
      <c r="NLK21" s="282" t="s">
        <v>3816</v>
      </c>
      <c r="NLL21" s="282" t="s">
        <v>3816</v>
      </c>
      <c r="NLM21" s="282" t="s">
        <v>3816</v>
      </c>
      <c r="NLN21" s="282" t="s">
        <v>3816</v>
      </c>
      <c r="NLO21" s="282" t="s">
        <v>3816</v>
      </c>
      <c r="NLP21" s="282" t="s">
        <v>3816</v>
      </c>
      <c r="NLQ21" s="282" t="s">
        <v>3816</v>
      </c>
      <c r="NLR21" s="282" t="s">
        <v>3816</v>
      </c>
      <c r="NLS21" s="282" t="s">
        <v>3816</v>
      </c>
      <c r="NLT21" s="282" t="s">
        <v>3816</v>
      </c>
      <c r="NLU21" s="282" t="s">
        <v>3816</v>
      </c>
      <c r="NLV21" s="282" t="s">
        <v>3816</v>
      </c>
      <c r="NLW21" s="282" t="s">
        <v>3816</v>
      </c>
      <c r="NLX21" s="282" t="s">
        <v>3816</v>
      </c>
      <c r="NLY21" s="282" t="s">
        <v>3816</v>
      </c>
      <c r="NLZ21" s="282" t="s">
        <v>3816</v>
      </c>
      <c r="NMA21" s="282" t="s">
        <v>3816</v>
      </c>
      <c r="NMB21" s="282" t="s">
        <v>3816</v>
      </c>
      <c r="NMC21" s="282" t="s">
        <v>3816</v>
      </c>
      <c r="NMD21" s="282" t="s">
        <v>3816</v>
      </c>
      <c r="NME21" s="282" t="s">
        <v>3816</v>
      </c>
      <c r="NMF21" s="282" t="s">
        <v>3816</v>
      </c>
      <c r="NMG21" s="282" t="s">
        <v>3816</v>
      </c>
      <c r="NMH21" s="282" t="s">
        <v>3816</v>
      </c>
      <c r="NMI21" s="282" t="s">
        <v>3816</v>
      </c>
      <c r="NMJ21" s="282" t="s">
        <v>3816</v>
      </c>
      <c r="NMK21" s="282" t="s">
        <v>3816</v>
      </c>
      <c r="NML21" s="282" t="s">
        <v>3816</v>
      </c>
      <c r="NMM21" s="282" t="s">
        <v>3816</v>
      </c>
      <c r="NMN21" s="282" t="s">
        <v>3816</v>
      </c>
      <c r="NMO21" s="282" t="s">
        <v>3816</v>
      </c>
      <c r="NMP21" s="282" t="s">
        <v>3816</v>
      </c>
      <c r="NMQ21" s="282" t="s">
        <v>3816</v>
      </c>
      <c r="NMR21" s="282" t="s">
        <v>3816</v>
      </c>
      <c r="NMS21" s="282" t="s">
        <v>3816</v>
      </c>
      <c r="NMT21" s="282" t="s">
        <v>3816</v>
      </c>
      <c r="NMU21" s="282" t="s">
        <v>3816</v>
      </c>
      <c r="NMV21" s="282" t="s">
        <v>3816</v>
      </c>
      <c r="NMW21" s="282" t="s">
        <v>3816</v>
      </c>
      <c r="NMX21" s="282" t="s">
        <v>3816</v>
      </c>
      <c r="NMY21" s="282" t="s">
        <v>3816</v>
      </c>
      <c r="NMZ21" s="282" t="s">
        <v>3816</v>
      </c>
      <c r="NNA21" s="282" t="s">
        <v>3816</v>
      </c>
      <c r="NNB21" s="282" t="s">
        <v>3816</v>
      </c>
      <c r="NNC21" s="282" t="s">
        <v>3816</v>
      </c>
      <c r="NND21" s="282" t="s">
        <v>3816</v>
      </c>
      <c r="NNE21" s="282" t="s">
        <v>3816</v>
      </c>
      <c r="NNF21" s="282" t="s">
        <v>3816</v>
      </c>
      <c r="NNG21" s="282" t="s">
        <v>3816</v>
      </c>
      <c r="NNH21" s="282" t="s">
        <v>3816</v>
      </c>
      <c r="NNI21" s="282" t="s">
        <v>3816</v>
      </c>
      <c r="NNJ21" s="282" t="s">
        <v>3816</v>
      </c>
      <c r="NNK21" s="282" t="s">
        <v>3816</v>
      </c>
      <c r="NNL21" s="282" t="s">
        <v>3816</v>
      </c>
      <c r="NNM21" s="282" t="s">
        <v>3816</v>
      </c>
      <c r="NNN21" s="282" t="s">
        <v>3816</v>
      </c>
      <c r="NNO21" s="282" t="s">
        <v>3816</v>
      </c>
      <c r="NNP21" s="282" t="s">
        <v>3816</v>
      </c>
      <c r="NNQ21" s="282" t="s">
        <v>3816</v>
      </c>
      <c r="NNR21" s="282" t="s">
        <v>3816</v>
      </c>
      <c r="NNS21" s="282" t="s">
        <v>3816</v>
      </c>
      <c r="NNT21" s="282" t="s">
        <v>3816</v>
      </c>
      <c r="NNU21" s="282" t="s">
        <v>3816</v>
      </c>
      <c r="NNV21" s="282" t="s">
        <v>3816</v>
      </c>
      <c r="NNW21" s="282" t="s">
        <v>3816</v>
      </c>
      <c r="NNX21" s="282" t="s">
        <v>3816</v>
      </c>
      <c r="NNY21" s="282" t="s">
        <v>3816</v>
      </c>
      <c r="NNZ21" s="282" t="s">
        <v>3816</v>
      </c>
      <c r="NOA21" s="282" t="s">
        <v>3816</v>
      </c>
      <c r="NOB21" s="282" t="s">
        <v>3816</v>
      </c>
      <c r="NOC21" s="282" t="s">
        <v>3816</v>
      </c>
      <c r="NOD21" s="282" t="s">
        <v>3816</v>
      </c>
      <c r="NOE21" s="282" t="s">
        <v>3816</v>
      </c>
      <c r="NOF21" s="282" t="s">
        <v>3816</v>
      </c>
      <c r="NOG21" s="282" t="s">
        <v>3816</v>
      </c>
      <c r="NOH21" s="282" t="s">
        <v>3816</v>
      </c>
      <c r="NOI21" s="282" t="s">
        <v>3816</v>
      </c>
      <c r="NOJ21" s="282" t="s">
        <v>3816</v>
      </c>
      <c r="NOK21" s="282" t="s">
        <v>3816</v>
      </c>
      <c r="NOL21" s="282" t="s">
        <v>3816</v>
      </c>
      <c r="NOM21" s="282" t="s">
        <v>3816</v>
      </c>
      <c r="NON21" s="282" t="s">
        <v>3816</v>
      </c>
      <c r="NOO21" s="282" t="s">
        <v>3816</v>
      </c>
      <c r="NOP21" s="282" t="s">
        <v>3816</v>
      </c>
      <c r="NOQ21" s="282" t="s">
        <v>3816</v>
      </c>
      <c r="NOR21" s="282" t="s">
        <v>3816</v>
      </c>
      <c r="NOS21" s="282" t="s">
        <v>3816</v>
      </c>
      <c r="NOT21" s="282" t="s">
        <v>3816</v>
      </c>
      <c r="NOU21" s="282" t="s">
        <v>3816</v>
      </c>
      <c r="NOV21" s="282" t="s">
        <v>3816</v>
      </c>
      <c r="NOW21" s="282" t="s">
        <v>3816</v>
      </c>
      <c r="NOX21" s="282" t="s">
        <v>3816</v>
      </c>
      <c r="NOY21" s="282" t="s">
        <v>3816</v>
      </c>
      <c r="NOZ21" s="282" t="s">
        <v>3816</v>
      </c>
      <c r="NPA21" s="282" t="s">
        <v>3816</v>
      </c>
      <c r="NPB21" s="282" t="s">
        <v>3816</v>
      </c>
      <c r="NPC21" s="282" t="s">
        <v>3816</v>
      </c>
      <c r="NPD21" s="282" t="s">
        <v>3816</v>
      </c>
      <c r="NPE21" s="282" t="s">
        <v>3816</v>
      </c>
      <c r="NPF21" s="282" t="s">
        <v>3816</v>
      </c>
      <c r="NPG21" s="282" t="s">
        <v>3816</v>
      </c>
      <c r="NPH21" s="282" t="s">
        <v>3816</v>
      </c>
      <c r="NPI21" s="282" t="s">
        <v>3816</v>
      </c>
      <c r="NPJ21" s="282" t="s">
        <v>3816</v>
      </c>
      <c r="NPK21" s="282" t="s">
        <v>3816</v>
      </c>
      <c r="NPL21" s="282" t="s">
        <v>3816</v>
      </c>
      <c r="NPM21" s="282" t="s">
        <v>3816</v>
      </c>
      <c r="NPN21" s="282" t="s">
        <v>3816</v>
      </c>
      <c r="NPO21" s="282" t="s">
        <v>3816</v>
      </c>
      <c r="NPP21" s="282" t="s">
        <v>3816</v>
      </c>
      <c r="NPQ21" s="282" t="s">
        <v>3816</v>
      </c>
      <c r="NPR21" s="282" t="s">
        <v>3816</v>
      </c>
      <c r="NPS21" s="282" t="s">
        <v>3816</v>
      </c>
      <c r="NPT21" s="282" t="s">
        <v>3816</v>
      </c>
      <c r="NPU21" s="282" t="s">
        <v>3816</v>
      </c>
      <c r="NPV21" s="282" t="s">
        <v>3816</v>
      </c>
      <c r="NPW21" s="282" t="s">
        <v>3816</v>
      </c>
      <c r="NPX21" s="282" t="s">
        <v>3816</v>
      </c>
      <c r="NPY21" s="282" t="s">
        <v>3816</v>
      </c>
      <c r="NPZ21" s="282" t="s">
        <v>3816</v>
      </c>
      <c r="NQA21" s="282" t="s">
        <v>3816</v>
      </c>
      <c r="NQB21" s="282" t="s">
        <v>3816</v>
      </c>
      <c r="NQC21" s="282" t="s">
        <v>3816</v>
      </c>
      <c r="NQD21" s="282" t="s">
        <v>3816</v>
      </c>
      <c r="NQE21" s="282" t="s">
        <v>3816</v>
      </c>
      <c r="NQF21" s="282" t="s">
        <v>3816</v>
      </c>
      <c r="NQG21" s="282" t="s">
        <v>3816</v>
      </c>
      <c r="NQH21" s="282" t="s">
        <v>3816</v>
      </c>
      <c r="NQI21" s="282" t="s">
        <v>3816</v>
      </c>
      <c r="NQJ21" s="282" t="s">
        <v>3816</v>
      </c>
      <c r="NQK21" s="282" t="s">
        <v>3816</v>
      </c>
      <c r="NQL21" s="282" t="s">
        <v>3816</v>
      </c>
      <c r="NQM21" s="282" t="s">
        <v>3816</v>
      </c>
      <c r="NQN21" s="282" t="s">
        <v>3816</v>
      </c>
      <c r="NQO21" s="282" t="s">
        <v>3816</v>
      </c>
      <c r="NQP21" s="282" t="s">
        <v>3816</v>
      </c>
      <c r="NQQ21" s="282" t="s">
        <v>3816</v>
      </c>
      <c r="NQR21" s="282" t="s">
        <v>3816</v>
      </c>
      <c r="NQS21" s="282" t="s">
        <v>3816</v>
      </c>
      <c r="NQT21" s="282" t="s">
        <v>3816</v>
      </c>
      <c r="NQU21" s="282" t="s">
        <v>3816</v>
      </c>
      <c r="NQV21" s="282" t="s">
        <v>3816</v>
      </c>
      <c r="NQW21" s="282" t="s">
        <v>3816</v>
      </c>
      <c r="NQX21" s="282" t="s">
        <v>3816</v>
      </c>
      <c r="NQY21" s="282" t="s">
        <v>3816</v>
      </c>
      <c r="NQZ21" s="282" t="s">
        <v>3816</v>
      </c>
      <c r="NRA21" s="282" t="s">
        <v>3816</v>
      </c>
      <c r="NRB21" s="282" t="s">
        <v>3816</v>
      </c>
      <c r="NRC21" s="282" t="s">
        <v>3816</v>
      </c>
      <c r="NRD21" s="282" t="s">
        <v>3816</v>
      </c>
      <c r="NRE21" s="282" t="s">
        <v>3816</v>
      </c>
      <c r="NRF21" s="282" t="s">
        <v>3816</v>
      </c>
      <c r="NRG21" s="282" t="s">
        <v>3816</v>
      </c>
      <c r="NRH21" s="282" t="s">
        <v>3816</v>
      </c>
      <c r="NRI21" s="282" t="s">
        <v>3816</v>
      </c>
      <c r="NRJ21" s="282" t="s">
        <v>3816</v>
      </c>
      <c r="NRK21" s="282" t="s">
        <v>3816</v>
      </c>
      <c r="NRL21" s="282" t="s">
        <v>3816</v>
      </c>
      <c r="NRM21" s="282" t="s">
        <v>3816</v>
      </c>
      <c r="NRN21" s="282" t="s">
        <v>3816</v>
      </c>
      <c r="NRO21" s="282" t="s">
        <v>3816</v>
      </c>
      <c r="NRP21" s="282" t="s">
        <v>3816</v>
      </c>
      <c r="NRQ21" s="282" t="s">
        <v>3816</v>
      </c>
      <c r="NRR21" s="282" t="s">
        <v>3816</v>
      </c>
      <c r="NRS21" s="282" t="s">
        <v>3816</v>
      </c>
      <c r="NRT21" s="282" t="s">
        <v>3816</v>
      </c>
      <c r="NRU21" s="282" t="s">
        <v>3816</v>
      </c>
      <c r="NRV21" s="282" t="s">
        <v>3816</v>
      </c>
      <c r="NRW21" s="282" t="s">
        <v>3816</v>
      </c>
      <c r="NRX21" s="282" t="s">
        <v>3816</v>
      </c>
      <c r="NRY21" s="282" t="s">
        <v>3816</v>
      </c>
      <c r="NRZ21" s="282" t="s">
        <v>3816</v>
      </c>
      <c r="NSA21" s="282" t="s">
        <v>3816</v>
      </c>
      <c r="NSB21" s="282" t="s">
        <v>3816</v>
      </c>
      <c r="NSC21" s="282" t="s">
        <v>3816</v>
      </c>
      <c r="NSD21" s="282" t="s">
        <v>3816</v>
      </c>
      <c r="NSE21" s="282" t="s">
        <v>3816</v>
      </c>
      <c r="NSF21" s="282" t="s">
        <v>3816</v>
      </c>
      <c r="NSG21" s="282" t="s">
        <v>3816</v>
      </c>
      <c r="NSH21" s="282" t="s">
        <v>3816</v>
      </c>
      <c r="NSI21" s="282" t="s">
        <v>3816</v>
      </c>
      <c r="NSJ21" s="282" t="s">
        <v>3816</v>
      </c>
      <c r="NSK21" s="282" t="s">
        <v>3816</v>
      </c>
      <c r="NSL21" s="282" t="s">
        <v>3816</v>
      </c>
      <c r="NSM21" s="282" t="s">
        <v>3816</v>
      </c>
      <c r="NSN21" s="282" t="s">
        <v>3816</v>
      </c>
      <c r="NSO21" s="282" t="s">
        <v>3816</v>
      </c>
      <c r="NSP21" s="282" t="s">
        <v>3816</v>
      </c>
      <c r="NSQ21" s="282" t="s">
        <v>3816</v>
      </c>
      <c r="NSR21" s="282" t="s">
        <v>3816</v>
      </c>
      <c r="NSS21" s="282" t="s">
        <v>3816</v>
      </c>
      <c r="NST21" s="282" t="s">
        <v>3816</v>
      </c>
      <c r="NSU21" s="282" t="s">
        <v>3816</v>
      </c>
      <c r="NSV21" s="282" t="s">
        <v>3816</v>
      </c>
      <c r="NSW21" s="282" t="s">
        <v>3816</v>
      </c>
      <c r="NSX21" s="282" t="s">
        <v>3816</v>
      </c>
      <c r="NSY21" s="282" t="s">
        <v>3816</v>
      </c>
      <c r="NSZ21" s="282" t="s">
        <v>3816</v>
      </c>
      <c r="NTA21" s="282" t="s">
        <v>3816</v>
      </c>
      <c r="NTB21" s="282" t="s">
        <v>3816</v>
      </c>
      <c r="NTC21" s="282" t="s">
        <v>3816</v>
      </c>
      <c r="NTD21" s="282" t="s">
        <v>3816</v>
      </c>
      <c r="NTE21" s="282" t="s">
        <v>3816</v>
      </c>
      <c r="NTF21" s="282" t="s">
        <v>3816</v>
      </c>
      <c r="NTG21" s="282" t="s">
        <v>3816</v>
      </c>
      <c r="NTH21" s="282" t="s">
        <v>3816</v>
      </c>
      <c r="NTI21" s="282" t="s">
        <v>3816</v>
      </c>
      <c r="NTJ21" s="282" t="s">
        <v>3816</v>
      </c>
      <c r="NTK21" s="282" t="s">
        <v>3816</v>
      </c>
      <c r="NTL21" s="282" t="s">
        <v>3816</v>
      </c>
      <c r="NTM21" s="282" t="s">
        <v>3816</v>
      </c>
      <c r="NTN21" s="282" t="s">
        <v>3816</v>
      </c>
      <c r="NTO21" s="282" t="s">
        <v>3816</v>
      </c>
      <c r="NTP21" s="282" t="s">
        <v>3816</v>
      </c>
      <c r="NTQ21" s="282" t="s">
        <v>3816</v>
      </c>
      <c r="NTR21" s="282" t="s">
        <v>3816</v>
      </c>
      <c r="NTS21" s="282" t="s">
        <v>3816</v>
      </c>
      <c r="NTT21" s="282" t="s">
        <v>3816</v>
      </c>
      <c r="NTU21" s="282" t="s">
        <v>3816</v>
      </c>
      <c r="NTV21" s="282" t="s">
        <v>3816</v>
      </c>
      <c r="NTW21" s="282" t="s">
        <v>3816</v>
      </c>
      <c r="NTX21" s="282" t="s">
        <v>3816</v>
      </c>
      <c r="NTY21" s="282" t="s">
        <v>3816</v>
      </c>
      <c r="NTZ21" s="282" t="s">
        <v>3816</v>
      </c>
      <c r="NUA21" s="282" t="s">
        <v>3816</v>
      </c>
      <c r="NUB21" s="282" t="s">
        <v>3816</v>
      </c>
      <c r="NUC21" s="282" t="s">
        <v>3816</v>
      </c>
      <c r="NUD21" s="282" t="s">
        <v>3816</v>
      </c>
      <c r="NUE21" s="282" t="s">
        <v>3816</v>
      </c>
      <c r="NUF21" s="282" t="s">
        <v>3816</v>
      </c>
      <c r="NUG21" s="282" t="s">
        <v>3816</v>
      </c>
      <c r="NUH21" s="282" t="s">
        <v>3816</v>
      </c>
      <c r="NUI21" s="282" t="s">
        <v>3816</v>
      </c>
      <c r="NUJ21" s="282" t="s">
        <v>3816</v>
      </c>
      <c r="NUK21" s="282" t="s">
        <v>3816</v>
      </c>
      <c r="NUL21" s="282" t="s">
        <v>3816</v>
      </c>
      <c r="NUM21" s="282" t="s">
        <v>3816</v>
      </c>
      <c r="NUN21" s="282" t="s">
        <v>3816</v>
      </c>
      <c r="NUO21" s="282" t="s">
        <v>3816</v>
      </c>
      <c r="NUP21" s="282" t="s">
        <v>3816</v>
      </c>
      <c r="NUQ21" s="282" t="s">
        <v>3816</v>
      </c>
      <c r="NUR21" s="282" t="s">
        <v>3816</v>
      </c>
      <c r="NUS21" s="282" t="s">
        <v>3816</v>
      </c>
      <c r="NUT21" s="282" t="s">
        <v>3816</v>
      </c>
      <c r="NUU21" s="282" t="s">
        <v>3816</v>
      </c>
      <c r="NUV21" s="282" t="s">
        <v>3816</v>
      </c>
      <c r="NUW21" s="282" t="s">
        <v>3816</v>
      </c>
      <c r="NUX21" s="282" t="s">
        <v>3816</v>
      </c>
      <c r="NUY21" s="282" t="s">
        <v>3816</v>
      </c>
      <c r="NUZ21" s="282" t="s">
        <v>3816</v>
      </c>
      <c r="NVA21" s="282" t="s">
        <v>3816</v>
      </c>
      <c r="NVB21" s="282" t="s">
        <v>3816</v>
      </c>
      <c r="NVC21" s="282" t="s">
        <v>3816</v>
      </c>
      <c r="NVD21" s="282" t="s">
        <v>3816</v>
      </c>
      <c r="NVE21" s="282" t="s">
        <v>3816</v>
      </c>
      <c r="NVF21" s="282" t="s">
        <v>3816</v>
      </c>
      <c r="NVG21" s="282" t="s">
        <v>3816</v>
      </c>
      <c r="NVH21" s="282" t="s">
        <v>3816</v>
      </c>
      <c r="NVI21" s="282" t="s">
        <v>3816</v>
      </c>
      <c r="NVJ21" s="282" t="s">
        <v>3816</v>
      </c>
      <c r="NVK21" s="282" t="s">
        <v>3816</v>
      </c>
      <c r="NVL21" s="282" t="s">
        <v>3816</v>
      </c>
      <c r="NVM21" s="282" t="s">
        <v>3816</v>
      </c>
      <c r="NVN21" s="282" t="s">
        <v>3816</v>
      </c>
      <c r="NVO21" s="282" t="s">
        <v>3816</v>
      </c>
      <c r="NVP21" s="282" t="s">
        <v>3816</v>
      </c>
      <c r="NVQ21" s="282" t="s">
        <v>3816</v>
      </c>
      <c r="NVR21" s="282" t="s">
        <v>3816</v>
      </c>
      <c r="NVS21" s="282" t="s">
        <v>3816</v>
      </c>
      <c r="NVT21" s="282" t="s">
        <v>3816</v>
      </c>
      <c r="NVU21" s="282" t="s">
        <v>3816</v>
      </c>
      <c r="NVV21" s="282" t="s">
        <v>3816</v>
      </c>
      <c r="NVW21" s="282" t="s">
        <v>3816</v>
      </c>
      <c r="NVX21" s="282" t="s">
        <v>3816</v>
      </c>
      <c r="NVY21" s="282" t="s">
        <v>3816</v>
      </c>
      <c r="NVZ21" s="282" t="s">
        <v>3816</v>
      </c>
      <c r="NWA21" s="282" t="s">
        <v>3816</v>
      </c>
      <c r="NWB21" s="282" t="s">
        <v>3816</v>
      </c>
      <c r="NWC21" s="282" t="s">
        <v>3816</v>
      </c>
      <c r="NWD21" s="282" t="s">
        <v>3816</v>
      </c>
      <c r="NWE21" s="282" t="s">
        <v>3816</v>
      </c>
      <c r="NWF21" s="282" t="s">
        <v>3816</v>
      </c>
      <c r="NWG21" s="282" t="s">
        <v>3816</v>
      </c>
      <c r="NWH21" s="282" t="s">
        <v>3816</v>
      </c>
      <c r="NWI21" s="282" t="s">
        <v>3816</v>
      </c>
      <c r="NWJ21" s="282" t="s">
        <v>3816</v>
      </c>
      <c r="NWK21" s="282" t="s">
        <v>3816</v>
      </c>
      <c r="NWL21" s="282" t="s">
        <v>3816</v>
      </c>
      <c r="NWM21" s="282" t="s">
        <v>3816</v>
      </c>
      <c r="NWN21" s="282" t="s">
        <v>3816</v>
      </c>
      <c r="NWO21" s="282" t="s">
        <v>3816</v>
      </c>
      <c r="NWP21" s="282" t="s">
        <v>3816</v>
      </c>
      <c r="NWQ21" s="282" t="s">
        <v>3816</v>
      </c>
      <c r="NWR21" s="282" t="s">
        <v>3816</v>
      </c>
      <c r="NWS21" s="282" t="s">
        <v>3816</v>
      </c>
      <c r="NWT21" s="282" t="s">
        <v>3816</v>
      </c>
      <c r="NWU21" s="282" t="s">
        <v>3816</v>
      </c>
      <c r="NWV21" s="282" t="s">
        <v>3816</v>
      </c>
      <c r="NWW21" s="282" t="s">
        <v>3816</v>
      </c>
      <c r="NWX21" s="282" t="s">
        <v>3816</v>
      </c>
      <c r="NWY21" s="282" t="s">
        <v>3816</v>
      </c>
      <c r="NWZ21" s="282" t="s">
        <v>3816</v>
      </c>
      <c r="NXA21" s="282" t="s">
        <v>3816</v>
      </c>
      <c r="NXB21" s="282" t="s">
        <v>3816</v>
      </c>
      <c r="NXC21" s="282" t="s">
        <v>3816</v>
      </c>
      <c r="NXD21" s="282" t="s">
        <v>3816</v>
      </c>
      <c r="NXE21" s="282" t="s">
        <v>3816</v>
      </c>
      <c r="NXF21" s="282" t="s">
        <v>3816</v>
      </c>
      <c r="NXG21" s="282" t="s">
        <v>3816</v>
      </c>
      <c r="NXH21" s="282" t="s">
        <v>3816</v>
      </c>
      <c r="NXI21" s="282" t="s">
        <v>3816</v>
      </c>
      <c r="NXJ21" s="282" t="s">
        <v>3816</v>
      </c>
      <c r="NXK21" s="282" t="s">
        <v>3816</v>
      </c>
      <c r="NXL21" s="282" t="s">
        <v>3816</v>
      </c>
      <c r="NXM21" s="282" t="s">
        <v>3816</v>
      </c>
      <c r="NXN21" s="282" t="s">
        <v>3816</v>
      </c>
      <c r="NXO21" s="282" t="s">
        <v>3816</v>
      </c>
      <c r="NXP21" s="282" t="s">
        <v>3816</v>
      </c>
      <c r="NXQ21" s="282" t="s">
        <v>3816</v>
      </c>
      <c r="NXR21" s="282" t="s">
        <v>3816</v>
      </c>
      <c r="NXS21" s="282" t="s">
        <v>3816</v>
      </c>
      <c r="NXT21" s="282" t="s">
        <v>3816</v>
      </c>
      <c r="NXU21" s="282" t="s">
        <v>3816</v>
      </c>
      <c r="NXV21" s="282" t="s">
        <v>3816</v>
      </c>
      <c r="NXW21" s="282" t="s">
        <v>3816</v>
      </c>
      <c r="NXX21" s="282" t="s">
        <v>3816</v>
      </c>
      <c r="NXY21" s="282" t="s">
        <v>3816</v>
      </c>
      <c r="NXZ21" s="282" t="s">
        <v>3816</v>
      </c>
      <c r="NYA21" s="282" t="s">
        <v>3816</v>
      </c>
      <c r="NYB21" s="282" t="s">
        <v>3816</v>
      </c>
      <c r="NYC21" s="282" t="s">
        <v>3816</v>
      </c>
      <c r="NYD21" s="282" t="s">
        <v>3816</v>
      </c>
      <c r="NYE21" s="282" t="s">
        <v>3816</v>
      </c>
      <c r="NYF21" s="282" t="s">
        <v>3816</v>
      </c>
      <c r="NYG21" s="282" t="s">
        <v>3816</v>
      </c>
      <c r="NYH21" s="282" t="s">
        <v>3816</v>
      </c>
      <c r="NYI21" s="282" t="s">
        <v>3816</v>
      </c>
      <c r="NYJ21" s="282" t="s">
        <v>3816</v>
      </c>
      <c r="NYK21" s="282" t="s">
        <v>3816</v>
      </c>
      <c r="NYL21" s="282" t="s">
        <v>3816</v>
      </c>
      <c r="NYM21" s="282" t="s">
        <v>3816</v>
      </c>
      <c r="NYN21" s="282" t="s">
        <v>3816</v>
      </c>
      <c r="NYO21" s="282" t="s">
        <v>3816</v>
      </c>
      <c r="NYP21" s="282" t="s">
        <v>3816</v>
      </c>
      <c r="NYQ21" s="282" t="s">
        <v>3816</v>
      </c>
      <c r="NYR21" s="282" t="s">
        <v>3816</v>
      </c>
      <c r="NYS21" s="282" t="s">
        <v>3816</v>
      </c>
      <c r="NYT21" s="282" t="s">
        <v>3816</v>
      </c>
      <c r="NYU21" s="282" t="s">
        <v>3816</v>
      </c>
      <c r="NYV21" s="282" t="s">
        <v>3816</v>
      </c>
      <c r="NYW21" s="282" t="s">
        <v>3816</v>
      </c>
      <c r="NYX21" s="282" t="s">
        <v>3816</v>
      </c>
      <c r="NYY21" s="282" t="s">
        <v>3816</v>
      </c>
      <c r="NYZ21" s="282" t="s">
        <v>3816</v>
      </c>
      <c r="NZA21" s="282" t="s">
        <v>3816</v>
      </c>
      <c r="NZB21" s="282" t="s">
        <v>3816</v>
      </c>
      <c r="NZC21" s="282" t="s">
        <v>3816</v>
      </c>
      <c r="NZD21" s="282" t="s">
        <v>3816</v>
      </c>
      <c r="NZE21" s="282" t="s">
        <v>3816</v>
      </c>
      <c r="NZF21" s="282" t="s">
        <v>3816</v>
      </c>
      <c r="NZG21" s="282" t="s">
        <v>3816</v>
      </c>
      <c r="NZH21" s="282" t="s">
        <v>3816</v>
      </c>
      <c r="NZI21" s="282" t="s">
        <v>3816</v>
      </c>
      <c r="NZJ21" s="282" t="s">
        <v>3816</v>
      </c>
      <c r="NZK21" s="282" t="s">
        <v>3816</v>
      </c>
      <c r="NZL21" s="282" t="s">
        <v>3816</v>
      </c>
      <c r="NZM21" s="282" t="s">
        <v>3816</v>
      </c>
      <c r="NZN21" s="282" t="s">
        <v>3816</v>
      </c>
      <c r="NZO21" s="282" t="s">
        <v>3816</v>
      </c>
      <c r="NZP21" s="282" t="s">
        <v>3816</v>
      </c>
      <c r="NZQ21" s="282" t="s">
        <v>3816</v>
      </c>
      <c r="NZR21" s="282" t="s">
        <v>3816</v>
      </c>
      <c r="NZS21" s="282" t="s">
        <v>3816</v>
      </c>
      <c r="NZT21" s="282" t="s">
        <v>3816</v>
      </c>
      <c r="NZU21" s="282" t="s">
        <v>3816</v>
      </c>
      <c r="NZV21" s="282" t="s">
        <v>3816</v>
      </c>
      <c r="NZW21" s="282" t="s">
        <v>3816</v>
      </c>
      <c r="NZX21" s="282" t="s">
        <v>3816</v>
      </c>
      <c r="NZY21" s="282" t="s">
        <v>3816</v>
      </c>
      <c r="NZZ21" s="282" t="s">
        <v>3816</v>
      </c>
      <c r="OAA21" s="282" t="s">
        <v>3816</v>
      </c>
      <c r="OAB21" s="282" t="s">
        <v>3816</v>
      </c>
      <c r="OAC21" s="282" t="s">
        <v>3816</v>
      </c>
      <c r="OAD21" s="282" t="s">
        <v>3816</v>
      </c>
      <c r="OAE21" s="282" t="s">
        <v>3816</v>
      </c>
      <c r="OAF21" s="282" t="s">
        <v>3816</v>
      </c>
      <c r="OAG21" s="282" t="s">
        <v>3816</v>
      </c>
      <c r="OAH21" s="282" t="s">
        <v>3816</v>
      </c>
      <c r="OAI21" s="282" t="s">
        <v>3816</v>
      </c>
      <c r="OAJ21" s="282" t="s">
        <v>3816</v>
      </c>
      <c r="OAK21" s="282" t="s">
        <v>3816</v>
      </c>
      <c r="OAL21" s="282" t="s">
        <v>3816</v>
      </c>
      <c r="OAM21" s="282" t="s">
        <v>3816</v>
      </c>
      <c r="OAN21" s="282" t="s">
        <v>3816</v>
      </c>
      <c r="OAO21" s="282" t="s">
        <v>3816</v>
      </c>
      <c r="OAP21" s="282" t="s">
        <v>3816</v>
      </c>
      <c r="OAQ21" s="282" t="s">
        <v>3816</v>
      </c>
      <c r="OAR21" s="282" t="s">
        <v>3816</v>
      </c>
      <c r="OAS21" s="282" t="s">
        <v>3816</v>
      </c>
      <c r="OAT21" s="282" t="s">
        <v>3816</v>
      </c>
      <c r="OAU21" s="282" t="s">
        <v>3816</v>
      </c>
      <c r="OAV21" s="282" t="s">
        <v>3816</v>
      </c>
      <c r="OAW21" s="282" t="s">
        <v>3816</v>
      </c>
      <c r="OAX21" s="282" t="s">
        <v>3816</v>
      </c>
      <c r="OAY21" s="282" t="s">
        <v>3816</v>
      </c>
      <c r="OAZ21" s="282" t="s">
        <v>3816</v>
      </c>
      <c r="OBA21" s="282" t="s">
        <v>3816</v>
      </c>
      <c r="OBB21" s="282" t="s">
        <v>3816</v>
      </c>
      <c r="OBC21" s="282" t="s">
        <v>3816</v>
      </c>
      <c r="OBD21" s="282" t="s">
        <v>3816</v>
      </c>
      <c r="OBE21" s="282" t="s">
        <v>3816</v>
      </c>
      <c r="OBF21" s="282" t="s">
        <v>3816</v>
      </c>
      <c r="OBG21" s="282" t="s">
        <v>3816</v>
      </c>
      <c r="OBH21" s="282" t="s">
        <v>3816</v>
      </c>
      <c r="OBI21" s="282" t="s">
        <v>3816</v>
      </c>
      <c r="OBJ21" s="282" t="s">
        <v>3816</v>
      </c>
      <c r="OBK21" s="282" t="s">
        <v>3816</v>
      </c>
      <c r="OBL21" s="282" t="s">
        <v>3816</v>
      </c>
      <c r="OBM21" s="282" t="s">
        <v>3816</v>
      </c>
      <c r="OBN21" s="282" t="s">
        <v>3816</v>
      </c>
      <c r="OBO21" s="282" t="s">
        <v>3816</v>
      </c>
      <c r="OBP21" s="282" t="s">
        <v>3816</v>
      </c>
      <c r="OBQ21" s="282" t="s">
        <v>3816</v>
      </c>
      <c r="OBR21" s="282" t="s">
        <v>3816</v>
      </c>
      <c r="OBS21" s="282" t="s">
        <v>3816</v>
      </c>
      <c r="OBT21" s="282" t="s">
        <v>3816</v>
      </c>
      <c r="OBU21" s="282" t="s">
        <v>3816</v>
      </c>
      <c r="OBV21" s="282" t="s">
        <v>3816</v>
      </c>
      <c r="OBW21" s="282" t="s">
        <v>3816</v>
      </c>
      <c r="OBX21" s="282" t="s">
        <v>3816</v>
      </c>
      <c r="OBY21" s="282" t="s">
        <v>3816</v>
      </c>
      <c r="OBZ21" s="282" t="s">
        <v>3816</v>
      </c>
      <c r="OCA21" s="282" t="s">
        <v>3816</v>
      </c>
      <c r="OCB21" s="282" t="s">
        <v>3816</v>
      </c>
      <c r="OCC21" s="282" t="s">
        <v>3816</v>
      </c>
      <c r="OCD21" s="282" t="s">
        <v>3816</v>
      </c>
      <c r="OCE21" s="282" t="s">
        <v>3816</v>
      </c>
      <c r="OCF21" s="282" t="s">
        <v>3816</v>
      </c>
      <c r="OCG21" s="282" t="s">
        <v>3816</v>
      </c>
      <c r="OCH21" s="282" t="s">
        <v>3816</v>
      </c>
      <c r="OCI21" s="282" t="s">
        <v>3816</v>
      </c>
      <c r="OCJ21" s="282" t="s">
        <v>3816</v>
      </c>
      <c r="OCK21" s="282" t="s">
        <v>3816</v>
      </c>
      <c r="OCL21" s="282" t="s">
        <v>3816</v>
      </c>
      <c r="OCM21" s="282" t="s">
        <v>3816</v>
      </c>
      <c r="OCN21" s="282" t="s">
        <v>3816</v>
      </c>
      <c r="OCO21" s="282" t="s">
        <v>3816</v>
      </c>
      <c r="OCP21" s="282" t="s">
        <v>3816</v>
      </c>
      <c r="OCQ21" s="282" t="s">
        <v>3816</v>
      </c>
      <c r="OCR21" s="282" t="s">
        <v>3816</v>
      </c>
      <c r="OCS21" s="282" t="s">
        <v>3816</v>
      </c>
      <c r="OCT21" s="282" t="s">
        <v>3816</v>
      </c>
      <c r="OCU21" s="282" t="s">
        <v>3816</v>
      </c>
      <c r="OCV21" s="282" t="s">
        <v>3816</v>
      </c>
      <c r="OCW21" s="282" t="s">
        <v>3816</v>
      </c>
      <c r="OCX21" s="282" t="s">
        <v>3816</v>
      </c>
      <c r="OCY21" s="282" t="s">
        <v>3816</v>
      </c>
      <c r="OCZ21" s="282" t="s">
        <v>3816</v>
      </c>
      <c r="ODA21" s="282" t="s">
        <v>3816</v>
      </c>
      <c r="ODB21" s="282" t="s">
        <v>3816</v>
      </c>
      <c r="ODC21" s="282" t="s">
        <v>3816</v>
      </c>
      <c r="ODD21" s="282" t="s">
        <v>3816</v>
      </c>
      <c r="ODE21" s="282" t="s">
        <v>3816</v>
      </c>
      <c r="ODF21" s="282" t="s">
        <v>3816</v>
      </c>
      <c r="ODG21" s="282" t="s">
        <v>3816</v>
      </c>
      <c r="ODH21" s="282" t="s">
        <v>3816</v>
      </c>
      <c r="ODI21" s="282" t="s">
        <v>3816</v>
      </c>
      <c r="ODJ21" s="282" t="s">
        <v>3816</v>
      </c>
      <c r="ODK21" s="282" t="s">
        <v>3816</v>
      </c>
      <c r="ODL21" s="282" t="s">
        <v>3816</v>
      </c>
      <c r="ODM21" s="282" t="s">
        <v>3816</v>
      </c>
      <c r="ODN21" s="282" t="s">
        <v>3816</v>
      </c>
      <c r="ODO21" s="282" t="s">
        <v>3816</v>
      </c>
      <c r="ODP21" s="282" t="s">
        <v>3816</v>
      </c>
      <c r="ODQ21" s="282" t="s">
        <v>3816</v>
      </c>
      <c r="ODR21" s="282" t="s">
        <v>3816</v>
      </c>
      <c r="ODS21" s="282" t="s">
        <v>3816</v>
      </c>
      <c r="ODT21" s="282" t="s">
        <v>3816</v>
      </c>
      <c r="ODU21" s="282" t="s">
        <v>3816</v>
      </c>
      <c r="ODV21" s="282" t="s">
        <v>3816</v>
      </c>
      <c r="ODW21" s="282" t="s">
        <v>3816</v>
      </c>
      <c r="ODX21" s="282" t="s">
        <v>3816</v>
      </c>
      <c r="ODY21" s="282" t="s">
        <v>3816</v>
      </c>
      <c r="ODZ21" s="282" t="s">
        <v>3816</v>
      </c>
      <c r="OEA21" s="282" t="s">
        <v>3816</v>
      </c>
      <c r="OEB21" s="282" t="s">
        <v>3816</v>
      </c>
      <c r="OEC21" s="282" t="s">
        <v>3816</v>
      </c>
      <c r="OED21" s="282" t="s">
        <v>3816</v>
      </c>
      <c r="OEE21" s="282" t="s">
        <v>3816</v>
      </c>
      <c r="OEF21" s="282" t="s">
        <v>3816</v>
      </c>
      <c r="OEG21" s="282" t="s">
        <v>3816</v>
      </c>
      <c r="OEH21" s="282" t="s">
        <v>3816</v>
      </c>
      <c r="OEI21" s="282" t="s">
        <v>3816</v>
      </c>
      <c r="OEJ21" s="282" t="s">
        <v>3816</v>
      </c>
      <c r="OEK21" s="282" t="s">
        <v>3816</v>
      </c>
      <c r="OEL21" s="282" t="s">
        <v>3816</v>
      </c>
      <c r="OEM21" s="282" t="s">
        <v>3816</v>
      </c>
      <c r="OEN21" s="282" t="s">
        <v>3816</v>
      </c>
      <c r="OEO21" s="282" t="s">
        <v>3816</v>
      </c>
      <c r="OEP21" s="282" t="s">
        <v>3816</v>
      </c>
      <c r="OEQ21" s="282" t="s">
        <v>3816</v>
      </c>
      <c r="OER21" s="282" t="s">
        <v>3816</v>
      </c>
      <c r="OES21" s="282" t="s">
        <v>3816</v>
      </c>
      <c r="OET21" s="282" t="s">
        <v>3816</v>
      </c>
      <c r="OEU21" s="282" t="s">
        <v>3816</v>
      </c>
      <c r="OEV21" s="282" t="s">
        <v>3816</v>
      </c>
      <c r="OEW21" s="282" t="s">
        <v>3816</v>
      </c>
      <c r="OEX21" s="282" t="s">
        <v>3816</v>
      </c>
      <c r="OEY21" s="282" t="s">
        <v>3816</v>
      </c>
      <c r="OEZ21" s="282" t="s">
        <v>3816</v>
      </c>
      <c r="OFA21" s="282" t="s">
        <v>3816</v>
      </c>
      <c r="OFB21" s="282" t="s">
        <v>3816</v>
      </c>
      <c r="OFC21" s="282" t="s">
        <v>3816</v>
      </c>
      <c r="OFD21" s="282" t="s">
        <v>3816</v>
      </c>
      <c r="OFE21" s="282" t="s">
        <v>3816</v>
      </c>
      <c r="OFF21" s="282" t="s">
        <v>3816</v>
      </c>
      <c r="OFG21" s="282" t="s">
        <v>3816</v>
      </c>
      <c r="OFH21" s="282" t="s">
        <v>3816</v>
      </c>
      <c r="OFI21" s="282" t="s">
        <v>3816</v>
      </c>
      <c r="OFJ21" s="282" t="s">
        <v>3816</v>
      </c>
      <c r="OFK21" s="282" t="s">
        <v>3816</v>
      </c>
      <c r="OFL21" s="282" t="s">
        <v>3816</v>
      </c>
      <c r="OFM21" s="282" t="s">
        <v>3816</v>
      </c>
      <c r="OFN21" s="282" t="s">
        <v>3816</v>
      </c>
      <c r="OFO21" s="282" t="s">
        <v>3816</v>
      </c>
      <c r="OFP21" s="282" t="s">
        <v>3816</v>
      </c>
      <c r="OFQ21" s="282" t="s">
        <v>3816</v>
      </c>
      <c r="OFR21" s="282" t="s">
        <v>3816</v>
      </c>
      <c r="OFS21" s="282" t="s">
        <v>3816</v>
      </c>
      <c r="OFT21" s="282" t="s">
        <v>3816</v>
      </c>
      <c r="OFU21" s="282" t="s">
        <v>3816</v>
      </c>
      <c r="OFV21" s="282" t="s">
        <v>3816</v>
      </c>
      <c r="OFW21" s="282" t="s">
        <v>3816</v>
      </c>
      <c r="OFX21" s="282" t="s">
        <v>3816</v>
      </c>
      <c r="OFY21" s="282" t="s">
        <v>3816</v>
      </c>
      <c r="OFZ21" s="282" t="s">
        <v>3816</v>
      </c>
      <c r="OGA21" s="282" t="s">
        <v>3816</v>
      </c>
      <c r="OGB21" s="282" t="s">
        <v>3816</v>
      </c>
      <c r="OGC21" s="282" t="s">
        <v>3816</v>
      </c>
      <c r="OGD21" s="282" t="s">
        <v>3816</v>
      </c>
      <c r="OGE21" s="282" t="s">
        <v>3816</v>
      </c>
      <c r="OGF21" s="282" t="s">
        <v>3816</v>
      </c>
      <c r="OGG21" s="282" t="s">
        <v>3816</v>
      </c>
      <c r="OGH21" s="282" t="s">
        <v>3816</v>
      </c>
      <c r="OGI21" s="282" t="s">
        <v>3816</v>
      </c>
      <c r="OGJ21" s="282" t="s">
        <v>3816</v>
      </c>
      <c r="OGK21" s="282" t="s">
        <v>3816</v>
      </c>
      <c r="OGL21" s="282" t="s">
        <v>3816</v>
      </c>
      <c r="OGM21" s="282" t="s">
        <v>3816</v>
      </c>
      <c r="OGN21" s="282" t="s">
        <v>3816</v>
      </c>
      <c r="OGO21" s="282" t="s">
        <v>3816</v>
      </c>
      <c r="OGP21" s="282" t="s">
        <v>3816</v>
      </c>
      <c r="OGQ21" s="282" t="s">
        <v>3816</v>
      </c>
      <c r="OGR21" s="282" t="s">
        <v>3816</v>
      </c>
      <c r="OGS21" s="282" t="s">
        <v>3816</v>
      </c>
      <c r="OGT21" s="282" t="s">
        <v>3816</v>
      </c>
      <c r="OGU21" s="282" t="s">
        <v>3816</v>
      </c>
      <c r="OGV21" s="282" t="s">
        <v>3816</v>
      </c>
      <c r="OGW21" s="282" t="s">
        <v>3816</v>
      </c>
      <c r="OGX21" s="282" t="s">
        <v>3816</v>
      </c>
      <c r="OGY21" s="282" t="s">
        <v>3816</v>
      </c>
      <c r="OGZ21" s="282" t="s">
        <v>3816</v>
      </c>
      <c r="OHA21" s="282" t="s">
        <v>3816</v>
      </c>
      <c r="OHB21" s="282" t="s">
        <v>3816</v>
      </c>
      <c r="OHC21" s="282" t="s">
        <v>3816</v>
      </c>
      <c r="OHD21" s="282" t="s">
        <v>3816</v>
      </c>
      <c r="OHE21" s="282" t="s">
        <v>3816</v>
      </c>
      <c r="OHF21" s="282" t="s">
        <v>3816</v>
      </c>
      <c r="OHG21" s="282" t="s">
        <v>3816</v>
      </c>
      <c r="OHH21" s="282" t="s">
        <v>3816</v>
      </c>
      <c r="OHI21" s="282" t="s">
        <v>3816</v>
      </c>
      <c r="OHJ21" s="282" t="s">
        <v>3816</v>
      </c>
      <c r="OHK21" s="282" t="s">
        <v>3816</v>
      </c>
      <c r="OHL21" s="282" t="s">
        <v>3816</v>
      </c>
      <c r="OHM21" s="282" t="s">
        <v>3816</v>
      </c>
      <c r="OHN21" s="282" t="s">
        <v>3816</v>
      </c>
      <c r="OHO21" s="282" t="s">
        <v>3816</v>
      </c>
      <c r="OHP21" s="282" t="s">
        <v>3816</v>
      </c>
      <c r="OHQ21" s="282" t="s">
        <v>3816</v>
      </c>
      <c r="OHR21" s="282" t="s">
        <v>3816</v>
      </c>
      <c r="OHS21" s="282" t="s">
        <v>3816</v>
      </c>
      <c r="OHT21" s="282" t="s">
        <v>3816</v>
      </c>
      <c r="OHU21" s="282" t="s">
        <v>3816</v>
      </c>
      <c r="OHV21" s="282" t="s">
        <v>3816</v>
      </c>
      <c r="OHW21" s="282" t="s">
        <v>3816</v>
      </c>
      <c r="OHX21" s="282" t="s">
        <v>3816</v>
      </c>
      <c r="OHY21" s="282" t="s">
        <v>3816</v>
      </c>
      <c r="OHZ21" s="282" t="s">
        <v>3816</v>
      </c>
      <c r="OIA21" s="282" t="s">
        <v>3816</v>
      </c>
      <c r="OIB21" s="282" t="s">
        <v>3816</v>
      </c>
      <c r="OIC21" s="282" t="s">
        <v>3816</v>
      </c>
      <c r="OID21" s="282" t="s">
        <v>3816</v>
      </c>
      <c r="OIE21" s="282" t="s">
        <v>3816</v>
      </c>
      <c r="OIF21" s="282" t="s">
        <v>3816</v>
      </c>
      <c r="OIG21" s="282" t="s">
        <v>3816</v>
      </c>
      <c r="OIH21" s="282" t="s">
        <v>3816</v>
      </c>
      <c r="OII21" s="282" t="s">
        <v>3816</v>
      </c>
      <c r="OIJ21" s="282" t="s">
        <v>3816</v>
      </c>
      <c r="OIK21" s="282" t="s">
        <v>3816</v>
      </c>
      <c r="OIL21" s="282" t="s">
        <v>3816</v>
      </c>
      <c r="OIM21" s="282" t="s">
        <v>3816</v>
      </c>
      <c r="OIN21" s="282" t="s">
        <v>3816</v>
      </c>
      <c r="OIO21" s="282" t="s">
        <v>3816</v>
      </c>
      <c r="OIP21" s="282" t="s">
        <v>3816</v>
      </c>
      <c r="OIQ21" s="282" t="s">
        <v>3816</v>
      </c>
      <c r="OIR21" s="282" t="s">
        <v>3816</v>
      </c>
      <c r="OIS21" s="282" t="s">
        <v>3816</v>
      </c>
      <c r="OIT21" s="282" t="s">
        <v>3816</v>
      </c>
      <c r="OIU21" s="282" t="s">
        <v>3816</v>
      </c>
      <c r="OIV21" s="282" t="s">
        <v>3816</v>
      </c>
      <c r="OIW21" s="282" t="s">
        <v>3816</v>
      </c>
      <c r="OIX21" s="282" t="s">
        <v>3816</v>
      </c>
      <c r="OIY21" s="282" t="s">
        <v>3816</v>
      </c>
      <c r="OIZ21" s="282" t="s">
        <v>3816</v>
      </c>
      <c r="OJA21" s="282" t="s">
        <v>3816</v>
      </c>
      <c r="OJB21" s="282" t="s">
        <v>3816</v>
      </c>
      <c r="OJC21" s="282" t="s">
        <v>3816</v>
      </c>
      <c r="OJD21" s="282" t="s">
        <v>3816</v>
      </c>
      <c r="OJE21" s="282" t="s">
        <v>3816</v>
      </c>
      <c r="OJF21" s="282" t="s">
        <v>3816</v>
      </c>
      <c r="OJG21" s="282" t="s">
        <v>3816</v>
      </c>
      <c r="OJH21" s="282" t="s">
        <v>3816</v>
      </c>
      <c r="OJI21" s="282" t="s">
        <v>3816</v>
      </c>
      <c r="OJJ21" s="282" t="s">
        <v>3816</v>
      </c>
      <c r="OJK21" s="282" t="s">
        <v>3816</v>
      </c>
      <c r="OJL21" s="282" t="s">
        <v>3816</v>
      </c>
      <c r="OJM21" s="282" t="s">
        <v>3816</v>
      </c>
      <c r="OJN21" s="282" t="s">
        <v>3816</v>
      </c>
      <c r="OJO21" s="282" t="s">
        <v>3816</v>
      </c>
      <c r="OJP21" s="282" t="s">
        <v>3816</v>
      </c>
      <c r="OJQ21" s="282" t="s">
        <v>3816</v>
      </c>
      <c r="OJR21" s="282" t="s">
        <v>3816</v>
      </c>
      <c r="OJS21" s="282" t="s">
        <v>3816</v>
      </c>
      <c r="OJT21" s="282" t="s">
        <v>3816</v>
      </c>
      <c r="OJU21" s="282" t="s">
        <v>3816</v>
      </c>
      <c r="OJV21" s="282" t="s">
        <v>3816</v>
      </c>
      <c r="OJW21" s="282" t="s">
        <v>3816</v>
      </c>
      <c r="OJX21" s="282" t="s">
        <v>3816</v>
      </c>
      <c r="OJY21" s="282" t="s">
        <v>3816</v>
      </c>
      <c r="OJZ21" s="282" t="s">
        <v>3816</v>
      </c>
      <c r="OKA21" s="282" t="s">
        <v>3816</v>
      </c>
      <c r="OKB21" s="282" t="s">
        <v>3816</v>
      </c>
      <c r="OKC21" s="282" t="s">
        <v>3816</v>
      </c>
      <c r="OKD21" s="282" t="s">
        <v>3816</v>
      </c>
      <c r="OKE21" s="282" t="s">
        <v>3816</v>
      </c>
      <c r="OKF21" s="282" t="s">
        <v>3816</v>
      </c>
      <c r="OKG21" s="282" t="s">
        <v>3816</v>
      </c>
      <c r="OKH21" s="282" t="s">
        <v>3816</v>
      </c>
      <c r="OKI21" s="282" t="s">
        <v>3816</v>
      </c>
      <c r="OKJ21" s="282" t="s">
        <v>3816</v>
      </c>
      <c r="OKK21" s="282" t="s">
        <v>3816</v>
      </c>
      <c r="OKL21" s="282" t="s">
        <v>3816</v>
      </c>
      <c r="OKM21" s="282" t="s">
        <v>3816</v>
      </c>
      <c r="OKN21" s="282" t="s">
        <v>3816</v>
      </c>
      <c r="OKO21" s="282" t="s">
        <v>3816</v>
      </c>
      <c r="OKP21" s="282" t="s">
        <v>3816</v>
      </c>
      <c r="OKQ21" s="282" t="s">
        <v>3816</v>
      </c>
      <c r="OKR21" s="282" t="s">
        <v>3816</v>
      </c>
      <c r="OKS21" s="282" t="s">
        <v>3816</v>
      </c>
      <c r="OKT21" s="282" t="s">
        <v>3816</v>
      </c>
      <c r="OKU21" s="282" t="s">
        <v>3816</v>
      </c>
      <c r="OKV21" s="282" t="s">
        <v>3816</v>
      </c>
      <c r="OKW21" s="282" t="s">
        <v>3816</v>
      </c>
      <c r="OKX21" s="282" t="s">
        <v>3816</v>
      </c>
      <c r="OKY21" s="282" t="s">
        <v>3816</v>
      </c>
      <c r="OKZ21" s="282" t="s">
        <v>3816</v>
      </c>
      <c r="OLA21" s="282" t="s">
        <v>3816</v>
      </c>
      <c r="OLB21" s="282" t="s">
        <v>3816</v>
      </c>
      <c r="OLC21" s="282" t="s">
        <v>3816</v>
      </c>
      <c r="OLD21" s="282" t="s">
        <v>3816</v>
      </c>
      <c r="OLE21" s="282" t="s">
        <v>3816</v>
      </c>
      <c r="OLF21" s="282" t="s">
        <v>3816</v>
      </c>
      <c r="OLG21" s="282" t="s">
        <v>3816</v>
      </c>
      <c r="OLH21" s="282" t="s">
        <v>3816</v>
      </c>
      <c r="OLI21" s="282" t="s">
        <v>3816</v>
      </c>
      <c r="OLJ21" s="282" t="s">
        <v>3816</v>
      </c>
      <c r="OLK21" s="282" t="s">
        <v>3816</v>
      </c>
      <c r="OLL21" s="282" t="s">
        <v>3816</v>
      </c>
      <c r="OLM21" s="282" t="s">
        <v>3816</v>
      </c>
      <c r="OLN21" s="282" t="s">
        <v>3816</v>
      </c>
      <c r="OLO21" s="282" t="s">
        <v>3816</v>
      </c>
      <c r="OLP21" s="282" t="s">
        <v>3816</v>
      </c>
      <c r="OLQ21" s="282" t="s">
        <v>3816</v>
      </c>
      <c r="OLR21" s="282" t="s">
        <v>3816</v>
      </c>
      <c r="OLS21" s="282" t="s">
        <v>3816</v>
      </c>
      <c r="OLT21" s="282" t="s">
        <v>3816</v>
      </c>
      <c r="OLU21" s="282" t="s">
        <v>3816</v>
      </c>
      <c r="OLV21" s="282" t="s">
        <v>3816</v>
      </c>
      <c r="OLW21" s="282" t="s">
        <v>3816</v>
      </c>
      <c r="OLX21" s="282" t="s">
        <v>3816</v>
      </c>
      <c r="OLY21" s="282" t="s">
        <v>3816</v>
      </c>
      <c r="OLZ21" s="282" t="s">
        <v>3816</v>
      </c>
      <c r="OMA21" s="282" t="s">
        <v>3816</v>
      </c>
      <c r="OMB21" s="282" t="s">
        <v>3816</v>
      </c>
      <c r="OMC21" s="282" t="s">
        <v>3816</v>
      </c>
      <c r="OMD21" s="282" t="s">
        <v>3816</v>
      </c>
      <c r="OME21" s="282" t="s">
        <v>3816</v>
      </c>
      <c r="OMF21" s="282" t="s">
        <v>3816</v>
      </c>
      <c r="OMG21" s="282" t="s">
        <v>3816</v>
      </c>
      <c r="OMH21" s="282" t="s">
        <v>3816</v>
      </c>
      <c r="OMI21" s="282" t="s">
        <v>3816</v>
      </c>
      <c r="OMJ21" s="282" t="s">
        <v>3816</v>
      </c>
      <c r="OMK21" s="282" t="s">
        <v>3816</v>
      </c>
      <c r="OML21" s="282" t="s">
        <v>3816</v>
      </c>
      <c r="OMM21" s="282" t="s">
        <v>3816</v>
      </c>
      <c r="OMN21" s="282" t="s">
        <v>3816</v>
      </c>
      <c r="OMO21" s="282" t="s">
        <v>3816</v>
      </c>
      <c r="OMP21" s="282" t="s">
        <v>3816</v>
      </c>
      <c r="OMQ21" s="282" t="s">
        <v>3816</v>
      </c>
      <c r="OMR21" s="282" t="s">
        <v>3816</v>
      </c>
      <c r="OMS21" s="282" t="s">
        <v>3816</v>
      </c>
      <c r="OMT21" s="282" t="s">
        <v>3816</v>
      </c>
      <c r="OMU21" s="282" t="s">
        <v>3816</v>
      </c>
      <c r="OMV21" s="282" t="s">
        <v>3816</v>
      </c>
      <c r="OMW21" s="282" t="s">
        <v>3816</v>
      </c>
      <c r="OMX21" s="282" t="s">
        <v>3816</v>
      </c>
      <c r="OMY21" s="282" t="s">
        <v>3816</v>
      </c>
      <c r="OMZ21" s="282" t="s">
        <v>3816</v>
      </c>
      <c r="ONA21" s="282" t="s">
        <v>3816</v>
      </c>
      <c r="ONB21" s="282" t="s">
        <v>3816</v>
      </c>
      <c r="ONC21" s="282" t="s">
        <v>3816</v>
      </c>
      <c r="OND21" s="282" t="s">
        <v>3816</v>
      </c>
      <c r="ONE21" s="282" t="s">
        <v>3816</v>
      </c>
      <c r="ONF21" s="282" t="s">
        <v>3816</v>
      </c>
      <c r="ONG21" s="282" t="s">
        <v>3816</v>
      </c>
      <c r="ONH21" s="282" t="s">
        <v>3816</v>
      </c>
      <c r="ONI21" s="282" t="s">
        <v>3816</v>
      </c>
      <c r="ONJ21" s="282" t="s">
        <v>3816</v>
      </c>
      <c r="ONK21" s="282" t="s">
        <v>3816</v>
      </c>
      <c r="ONL21" s="282" t="s">
        <v>3816</v>
      </c>
      <c r="ONM21" s="282" t="s">
        <v>3816</v>
      </c>
      <c r="ONN21" s="282" t="s">
        <v>3816</v>
      </c>
      <c r="ONO21" s="282" t="s">
        <v>3816</v>
      </c>
      <c r="ONP21" s="282" t="s">
        <v>3816</v>
      </c>
      <c r="ONQ21" s="282" t="s">
        <v>3816</v>
      </c>
      <c r="ONR21" s="282" t="s">
        <v>3816</v>
      </c>
      <c r="ONS21" s="282" t="s">
        <v>3816</v>
      </c>
      <c r="ONT21" s="282" t="s">
        <v>3816</v>
      </c>
      <c r="ONU21" s="282" t="s">
        <v>3816</v>
      </c>
      <c r="ONV21" s="282" t="s">
        <v>3816</v>
      </c>
      <c r="ONW21" s="282" t="s">
        <v>3816</v>
      </c>
      <c r="ONX21" s="282" t="s">
        <v>3816</v>
      </c>
      <c r="ONY21" s="282" t="s">
        <v>3816</v>
      </c>
      <c r="ONZ21" s="282" t="s">
        <v>3816</v>
      </c>
      <c r="OOA21" s="282" t="s">
        <v>3816</v>
      </c>
      <c r="OOB21" s="282" t="s">
        <v>3816</v>
      </c>
      <c r="OOC21" s="282" t="s">
        <v>3816</v>
      </c>
      <c r="OOD21" s="282" t="s">
        <v>3816</v>
      </c>
      <c r="OOE21" s="282" t="s">
        <v>3816</v>
      </c>
      <c r="OOF21" s="282" t="s">
        <v>3816</v>
      </c>
      <c r="OOG21" s="282" t="s">
        <v>3816</v>
      </c>
      <c r="OOH21" s="282" t="s">
        <v>3816</v>
      </c>
      <c r="OOI21" s="282" t="s">
        <v>3816</v>
      </c>
      <c r="OOJ21" s="282" t="s">
        <v>3816</v>
      </c>
      <c r="OOK21" s="282" t="s">
        <v>3816</v>
      </c>
      <c r="OOL21" s="282" t="s">
        <v>3816</v>
      </c>
      <c r="OOM21" s="282" t="s">
        <v>3816</v>
      </c>
      <c r="OON21" s="282" t="s">
        <v>3816</v>
      </c>
      <c r="OOO21" s="282" t="s">
        <v>3816</v>
      </c>
      <c r="OOP21" s="282" t="s">
        <v>3816</v>
      </c>
      <c r="OOQ21" s="282" t="s">
        <v>3816</v>
      </c>
      <c r="OOR21" s="282" t="s">
        <v>3816</v>
      </c>
      <c r="OOS21" s="282" t="s">
        <v>3816</v>
      </c>
      <c r="OOT21" s="282" t="s">
        <v>3816</v>
      </c>
      <c r="OOU21" s="282" t="s">
        <v>3816</v>
      </c>
      <c r="OOV21" s="282" t="s">
        <v>3816</v>
      </c>
      <c r="OOW21" s="282" t="s">
        <v>3816</v>
      </c>
      <c r="OOX21" s="282" t="s">
        <v>3816</v>
      </c>
      <c r="OOY21" s="282" t="s">
        <v>3816</v>
      </c>
      <c r="OOZ21" s="282" t="s">
        <v>3816</v>
      </c>
      <c r="OPA21" s="282" t="s">
        <v>3816</v>
      </c>
      <c r="OPB21" s="282" t="s">
        <v>3816</v>
      </c>
      <c r="OPC21" s="282" t="s">
        <v>3816</v>
      </c>
      <c r="OPD21" s="282" t="s">
        <v>3816</v>
      </c>
      <c r="OPE21" s="282" t="s">
        <v>3816</v>
      </c>
      <c r="OPF21" s="282" t="s">
        <v>3816</v>
      </c>
      <c r="OPG21" s="282" t="s">
        <v>3816</v>
      </c>
      <c r="OPH21" s="282" t="s">
        <v>3816</v>
      </c>
      <c r="OPI21" s="282" t="s">
        <v>3816</v>
      </c>
      <c r="OPJ21" s="282" t="s">
        <v>3816</v>
      </c>
      <c r="OPK21" s="282" t="s">
        <v>3816</v>
      </c>
      <c r="OPL21" s="282" t="s">
        <v>3816</v>
      </c>
      <c r="OPM21" s="282" t="s">
        <v>3816</v>
      </c>
      <c r="OPN21" s="282" t="s">
        <v>3816</v>
      </c>
      <c r="OPO21" s="282" t="s">
        <v>3816</v>
      </c>
      <c r="OPP21" s="282" t="s">
        <v>3816</v>
      </c>
      <c r="OPQ21" s="282" t="s">
        <v>3816</v>
      </c>
      <c r="OPR21" s="282" t="s">
        <v>3816</v>
      </c>
      <c r="OPS21" s="282" t="s">
        <v>3816</v>
      </c>
      <c r="OPT21" s="282" t="s">
        <v>3816</v>
      </c>
      <c r="OPU21" s="282" t="s">
        <v>3816</v>
      </c>
      <c r="OPV21" s="282" t="s">
        <v>3816</v>
      </c>
      <c r="OPW21" s="282" t="s">
        <v>3816</v>
      </c>
      <c r="OPX21" s="282" t="s">
        <v>3816</v>
      </c>
      <c r="OPY21" s="282" t="s">
        <v>3816</v>
      </c>
      <c r="OPZ21" s="282" t="s">
        <v>3816</v>
      </c>
      <c r="OQA21" s="282" t="s">
        <v>3816</v>
      </c>
      <c r="OQB21" s="282" t="s">
        <v>3816</v>
      </c>
      <c r="OQC21" s="282" t="s">
        <v>3816</v>
      </c>
      <c r="OQD21" s="282" t="s">
        <v>3816</v>
      </c>
      <c r="OQE21" s="282" t="s">
        <v>3816</v>
      </c>
      <c r="OQF21" s="282" t="s">
        <v>3816</v>
      </c>
      <c r="OQG21" s="282" t="s">
        <v>3816</v>
      </c>
      <c r="OQH21" s="282" t="s">
        <v>3816</v>
      </c>
      <c r="OQI21" s="282" t="s">
        <v>3816</v>
      </c>
      <c r="OQJ21" s="282" t="s">
        <v>3816</v>
      </c>
      <c r="OQK21" s="282" t="s">
        <v>3816</v>
      </c>
      <c r="OQL21" s="282" t="s">
        <v>3816</v>
      </c>
      <c r="OQM21" s="282" t="s">
        <v>3816</v>
      </c>
      <c r="OQN21" s="282" t="s">
        <v>3816</v>
      </c>
      <c r="OQO21" s="282" t="s">
        <v>3816</v>
      </c>
      <c r="OQP21" s="282" t="s">
        <v>3816</v>
      </c>
      <c r="OQQ21" s="282" t="s">
        <v>3816</v>
      </c>
      <c r="OQR21" s="282" t="s">
        <v>3816</v>
      </c>
      <c r="OQS21" s="282" t="s">
        <v>3816</v>
      </c>
      <c r="OQT21" s="282" t="s">
        <v>3816</v>
      </c>
      <c r="OQU21" s="282" t="s">
        <v>3816</v>
      </c>
      <c r="OQV21" s="282" t="s">
        <v>3816</v>
      </c>
      <c r="OQW21" s="282" t="s">
        <v>3816</v>
      </c>
      <c r="OQX21" s="282" t="s">
        <v>3816</v>
      </c>
      <c r="OQY21" s="282" t="s">
        <v>3816</v>
      </c>
      <c r="OQZ21" s="282" t="s">
        <v>3816</v>
      </c>
      <c r="ORA21" s="282" t="s">
        <v>3816</v>
      </c>
      <c r="ORB21" s="282" t="s">
        <v>3816</v>
      </c>
      <c r="ORC21" s="282" t="s">
        <v>3816</v>
      </c>
      <c r="ORD21" s="282" t="s">
        <v>3816</v>
      </c>
      <c r="ORE21" s="282" t="s">
        <v>3816</v>
      </c>
      <c r="ORF21" s="282" t="s">
        <v>3816</v>
      </c>
      <c r="ORG21" s="282" t="s">
        <v>3816</v>
      </c>
      <c r="ORH21" s="282" t="s">
        <v>3816</v>
      </c>
      <c r="ORI21" s="282" t="s">
        <v>3816</v>
      </c>
      <c r="ORJ21" s="282" t="s">
        <v>3816</v>
      </c>
      <c r="ORK21" s="282" t="s">
        <v>3816</v>
      </c>
      <c r="ORL21" s="282" t="s">
        <v>3816</v>
      </c>
      <c r="ORM21" s="282" t="s">
        <v>3816</v>
      </c>
      <c r="ORN21" s="282" t="s">
        <v>3816</v>
      </c>
      <c r="ORO21" s="282" t="s">
        <v>3816</v>
      </c>
      <c r="ORP21" s="282" t="s">
        <v>3816</v>
      </c>
      <c r="ORQ21" s="282" t="s">
        <v>3816</v>
      </c>
      <c r="ORR21" s="282" t="s">
        <v>3816</v>
      </c>
      <c r="ORS21" s="282" t="s">
        <v>3816</v>
      </c>
      <c r="ORT21" s="282" t="s">
        <v>3816</v>
      </c>
      <c r="ORU21" s="282" t="s">
        <v>3816</v>
      </c>
      <c r="ORV21" s="282" t="s">
        <v>3816</v>
      </c>
      <c r="ORW21" s="282" t="s">
        <v>3816</v>
      </c>
      <c r="ORX21" s="282" t="s">
        <v>3816</v>
      </c>
      <c r="ORY21" s="282" t="s">
        <v>3816</v>
      </c>
      <c r="ORZ21" s="282" t="s">
        <v>3816</v>
      </c>
      <c r="OSA21" s="282" t="s">
        <v>3816</v>
      </c>
      <c r="OSB21" s="282" t="s">
        <v>3816</v>
      </c>
      <c r="OSC21" s="282" t="s">
        <v>3816</v>
      </c>
      <c r="OSD21" s="282" t="s">
        <v>3816</v>
      </c>
      <c r="OSE21" s="282" t="s">
        <v>3816</v>
      </c>
      <c r="OSF21" s="282" t="s">
        <v>3816</v>
      </c>
      <c r="OSG21" s="282" t="s">
        <v>3816</v>
      </c>
      <c r="OSH21" s="282" t="s">
        <v>3816</v>
      </c>
      <c r="OSI21" s="282" t="s">
        <v>3816</v>
      </c>
      <c r="OSJ21" s="282" t="s">
        <v>3816</v>
      </c>
      <c r="OSK21" s="282" t="s">
        <v>3816</v>
      </c>
      <c r="OSL21" s="282" t="s">
        <v>3816</v>
      </c>
      <c r="OSM21" s="282" t="s">
        <v>3816</v>
      </c>
      <c r="OSN21" s="282" t="s">
        <v>3816</v>
      </c>
      <c r="OSO21" s="282" t="s">
        <v>3816</v>
      </c>
      <c r="OSP21" s="282" t="s">
        <v>3816</v>
      </c>
      <c r="OSQ21" s="282" t="s">
        <v>3816</v>
      </c>
      <c r="OSR21" s="282" t="s">
        <v>3816</v>
      </c>
      <c r="OSS21" s="282" t="s">
        <v>3816</v>
      </c>
      <c r="OST21" s="282" t="s">
        <v>3816</v>
      </c>
      <c r="OSU21" s="282" t="s">
        <v>3816</v>
      </c>
      <c r="OSV21" s="282" t="s">
        <v>3816</v>
      </c>
      <c r="OSW21" s="282" t="s">
        <v>3816</v>
      </c>
      <c r="OSX21" s="282" t="s">
        <v>3816</v>
      </c>
      <c r="OSY21" s="282" t="s">
        <v>3816</v>
      </c>
      <c r="OSZ21" s="282" t="s">
        <v>3816</v>
      </c>
      <c r="OTA21" s="282" t="s">
        <v>3816</v>
      </c>
      <c r="OTB21" s="282" t="s">
        <v>3816</v>
      </c>
      <c r="OTC21" s="282" t="s">
        <v>3816</v>
      </c>
      <c r="OTD21" s="282" t="s">
        <v>3816</v>
      </c>
      <c r="OTE21" s="282" t="s">
        <v>3816</v>
      </c>
      <c r="OTF21" s="282" t="s">
        <v>3816</v>
      </c>
      <c r="OTG21" s="282" t="s">
        <v>3816</v>
      </c>
      <c r="OTH21" s="282" t="s">
        <v>3816</v>
      </c>
      <c r="OTI21" s="282" t="s">
        <v>3816</v>
      </c>
      <c r="OTJ21" s="282" t="s">
        <v>3816</v>
      </c>
      <c r="OTK21" s="282" t="s">
        <v>3816</v>
      </c>
      <c r="OTL21" s="282" t="s">
        <v>3816</v>
      </c>
      <c r="OTM21" s="282" t="s">
        <v>3816</v>
      </c>
      <c r="OTN21" s="282" t="s">
        <v>3816</v>
      </c>
      <c r="OTO21" s="282" t="s">
        <v>3816</v>
      </c>
      <c r="OTP21" s="282" t="s">
        <v>3816</v>
      </c>
      <c r="OTQ21" s="282" t="s">
        <v>3816</v>
      </c>
      <c r="OTR21" s="282" t="s">
        <v>3816</v>
      </c>
      <c r="OTS21" s="282" t="s">
        <v>3816</v>
      </c>
      <c r="OTT21" s="282" t="s">
        <v>3816</v>
      </c>
      <c r="OTU21" s="282" t="s">
        <v>3816</v>
      </c>
      <c r="OTV21" s="282" t="s">
        <v>3816</v>
      </c>
      <c r="OTW21" s="282" t="s">
        <v>3816</v>
      </c>
      <c r="OTX21" s="282" t="s">
        <v>3816</v>
      </c>
      <c r="OTY21" s="282" t="s">
        <v>3816</v>
      </c>
      <c r="OTZ21" s="282" t="s">
        <v>3816</v>
      </c>
      <c r="OUA21" s="282" t="s">
        <v>3816</v>
      </c>
      <c r="OUB21" s="282" t="s">
        <v>3816</v>
      </c>
      <c r="OUC21" s="282" t="s">
        <v>3816</v>
      </c>
      <c r="OUD21" s="282" t="s">
        <v>3816</v>
      </c>
      <c r="OUE21" s="282" t="s">
        <v>3816</v>
      </c>
      <c r="OUF21" s="282" t="s">
        <v>3816</v>
      </c>
      <c r="OUG21" s="282" t="s">
        <v>3816</v>
      </c>
      <c r="OUH21" s="282" t="s">
        <v>3816</v>
      </c>
      <c r="OUI21" s="282" t="s">
        <v>3816</v>
      </c>
      <c r="OUJ21" s="282" t="s">
        <v>3816</v>
      </c>
      <c r="OUK21" s="282" t="s">
        <v>3816</v>
      </c>
      <c r="OUL21" s="282" t="s">
        <v>3816</v>
      </c>
      <c r="OUM21" s="282" t="s">
        <v>3816</v>
      </c>
      <c r="OUN21" s="282" t="s">
        <v>3816</v>
      </c>
      <c r="OUO21" s="282" t="s">
        <v>3816</v>
      </c>
      <c r="OUP21" s="282" t="s">
        <v>3816</v>
      </c>
      <c r="OUQ21" s="282" t="s">
        <v>3816</v>
      </c>
      <c r="OUR21" s="282" t="s">
        <v>3816</v>
      </c>
      <c r="OUS21" s="282" t="s">
        <v>3816</v>
      </c>
      <c r="OUT21" s="282" t="s">
        <v>3816</v>
      </c>
      <c r="OUU21" s="282" t="s">
        <v>3816</v>
      </c>
      <c r="OUV21" s="282" t="s">
        <v>3816</v>
      </c>
      <c r="OUW21" s="282" t="s">
        <v>3816</v>
      </c>
      <c r="OUX21" s="282" t="s">
        <v>3816</v>
      </c>
      <c r="OUY21" s="282" t="s">
        <v>3816</v>
      </c>
      <c r="OUZ21" s="282" t="s">
        <v>3816</v>
      </c>
      <c r="OVA21" s="282" t="s">
        <v>3816</v>
      </c>
      <c r="OVB21" s="282" t="s">
        <v>3816</v>
      </c>
      <c r="OVC21" s="282" t="s">
        <v>3816</v>
      </c>
      <c r="OVD21" s="282" t="s">
        <v>3816</v>
      </c>
      <c r="OVE21" s="282" t="s">
        <v>3816</v>
      </c>
      <c r="OVF21" s="282" t="s">
        <v>3816</v>
      </c>
      <c r="OVG21" s="282" t="s">
        <v>3816</v>
      </c>
      <c r="OVH21" s="282" t="s">
        <v>3816</v>
      </c>
      <c r="OVI21" s="282" t="s">
        <v>3816</v>
      </c>
      <c r="OVJ21" s="282" t="s">
        <v>3816</v>
      </c>
      <c r="OVK21" s="282" t="s">
        <v>3816</v>
      </c>
      <c r="OVL21" s="282" t="s">
        <v>3816</v>
      </c>
      <c r="OVM21" s="282" t="s">
        <v>3816</v>
      </c>
      <c r="OVN21" s="282" t="s">
        <v>3816</v>
      </c>
      <c r="OVO21" s="282" t="s">
        <v>3816</v>
      </c>
      <c r="OVP21" s="282" t="s">
        <v>3816</v>
      </c>
      <c r="OVQ21" s="282" t="s">
        <v>3816</v>
      </c>
      <c r="OVR21" s="282" t="s">
        <v>3816</v>
      </c>
      <c r="OVS21" s="282" t="s">
        <v>3816</v>
      </c>
      <c r="OVT21" s="282" t="s">
        <v>3816</v>
      </c>
      <c r="OVU21" s="282" t="s">
        <v>3816</v>
      </c>
      <c r="OVV21" s="282" t="s">
        <v>3816</v>
      </c>
      <c r="OVW21" s="282" t="s">
        <v>3816</v>
      </c>
      <c r="OVX21" s="282" t="s">
        <v>3816</v>
      </c>
      <c r="OVY21" s="282" t="s">
        <v>3816</v>
      </c>
      <c r="OVZ21" s="282" t="s">
        <v>3816</v>
      </c>
      <c r="OWA21" s="282" t="s">
        <v>3816</v>
      </c>
      <c r="OWB21" s="282" t="s">
        <v>3816</v>
      </c>
      <c r="OWC21" s="282" t="s">
        <v>3816</v>
      </c>
      <c r="OWD21" s="282" t="s">
        <v>3816</v>
      </c>
      <c r="OWE21" s="282" t="s">
        <v>3816</v>
      </c>
      <c r="OWF21" s="282" t="s">
        <v>3816</v>
      </c>
      <c r="OWG21" s="282" t="s">
        <v>3816</v>
      </c>
      <c r="OWH21" s="282" t="s">
        <v>3816</v>
      </c>
      <c r="OWI21" s="282" t="s">
        <v>3816</v>
      </c>
      <c r="OWJ21" s="282" t="s">
        <v>3816</v>
      </c>
      <c r="OWK21" s="282" t="s">
        <v>3816</v>
      </c>
      <c r="OWL21" s="282" t="s">
        <v>3816</v>
      </c>
      <c r="OWM21" s="282" t="s">
        <v>3816</v>
      </c>
      <c r="OWN21" s="282" t="s">
        <v>3816</v>
      </c>
      <c r="OWO21" s="282" t="s">
        <v>3816</v>
      </c>
      <c r="OWP21" s="282" t="s">
        <v>3816</v>
      </c>
      <c r="OWQ21" s="282" t="s">
        <v>3816</v>
      </c>
      <c r="OWR21" s="282" t="s">
        <v>3816</v>
      </c>
      <c r="OWS21" s="282" t="s">
        <v>3816</v>
      </c>
      <c r="OWT21" s="282" t="s">
        <v>3816</v>
      </c>
      <c r="OWU21" s="282" t="s">
        <v>3816</v>
      </c>
      <c r="OWV21" s="282" t="s">
        <v>3816</v>
      </c>
      <c r="OWW21" s="282" t="s">
        <v>3816</v>
      </c>
      <c r="OWX21" s="282" t="s">
        <v>3816</v>
      </c>
      <c r="OWY21" s="282" t="s">
        <v>3816</v>
      </c>
      <c r="OWZ21" s="282" t="s">
        <v>3816</v>
      </c>
      <c r="OXA21" s="282" t="s">
        <v>3816</v>
      </c>
      <c r="OXB21" s="282" t="s">
        <v>3816</v>
      </c>
      <c r="OXC21" s="282" t="s">
        <v>3816</v>
      </c>
      <c r="OXD21" s="282" t="s">
        <v>3816</v>
      </c>
      <c r="OXE21" s="282" t="s">
        <v>3816</v>
      </c>
      <c r="OXF21" s="282" t="s">
        <v>3816</v>
      </c>
      <c r="OXG21" s="282" t="s">
        <v>3816</v>
      </c>
      <c r="OXH21" s="282" t="s">
        <v>3816</v>
      </c>
      <c r="OXI21" s="282" t="s">
        <v>3816</v>
      </c>
      <c r="OXJ21" s="282" t="s">
        <v>3816</v>
      </c>
      <c r="OXK21" s="282" t="s">
        <v>3816</v>
      </c>
      <c r="OXL21" s="282" t="s">
        <v>3816</v>
      </c>
      <c r="OXM21" s="282" t="s">
        <v>3816</v>
      </c>
      <c r="OXN21" s="282" t="s">
        <v>3816</v>
      </c>
      <c r="OXO21" s="282" t="s">
        <v>3816</v>
      </c>
      <c r="OXP21" s="282" t="s">
        <v>3816</v>
      </c>
      <c r="OXQ21" s="282" t="s">
        <v>3816</v>
      </c>
      <c r="OXR21" s="282" t="s">
        <v>3816</v>
      </c>
      <c r="OXS21" s="282" t="s">
        <v>3816</v>
      </c>
      <c r="OXT21" s="282" t="s">
        <v>3816</v>
      </c>
      <c r="OXU21" s="282" t="s">
        <v>3816</v>
      </c>
      <c r="OXV21" s="282" t="s">
        <v>3816</v>
      </c>
      <c r="OXW21" s="282" t="s">
        <v>3816</v>
      </c>
      <c r="OXX21" s="282" t="s">
        <v>3816</v>
      </c>
      <c r="OXY21" s="282" t="s">
        <v>3816</v>
      </c>
      <c r="OXZ21" s="282" t="s">
        <v>3816</v>
      </c>
      <c r="OYA21" s="282" t="s">
        <v>3816</v>
      </c>
      <c r="OYB21" s="282" t="s">
        <v>3816</v>
      </c>
      <c r="OYC21" s="282" t="s">
        <v>3816</v>
      </c>
      <c r="OYD21" s="282" t="s">
        <v>3816</v>
      </c>
      <c r="OYE21" s="282" t="s">
        <v>3816</v>
      </c>
      <c r="OYF21" s="282" t="s">
        <v>3816</v>
      </c>
      <c r="OYG21" s="282" t="s">
        <v>3816</v>
      </c>
      <c r="OYH21" s="282" t="s">
        <v>3816</v>
      </c>
      <c r="OYI21" s="282" t="s">
        <v>3816</v>
      </c>
      <c r="OYJ21" s="282" t="s">
        <v>3816</v>
      </c>
      <c r="OYK21" s="282" t="s">
        <v>3816</v>
      </c>
      <c r="OYL21" s="282" t="s">
        <v>3816</v>
      </c>
      <c r="OYM21" s="282" t="s">
        <v>3816</v>
      </c>
      <c r="OYN21" s="282" t="s">
        <v>3816</v>
      </c>
      <c r="OYO21" s="282" t="s">
        <v>3816</v>
      </c>
      <c r="OYP21" s="282" t="s">
        <v>3816</v>
      </c>
      <c r="OYQ21" s="282" t="s">
        <v>3816</v>
      </c>
      <c r="OYR21" s="282" t="s">
        <v>3816</v>
      </c>
      <c r="OYS21" s="282" t="s">
        <v>3816</v>
      </c>
      <c r="OYT21" s="282" t="s">
        <v>3816</v>
      </c>
      <c r="OYU21" s="282" t="s">
        <v>3816</v>
      </c>
      <c r="OYV21" s="282" t="s">
        <v>3816</v>
      </c>
      <c r="OYW21" s="282" t="s">
        <v>3816</v>
      </c>
      <c r="OYX21" s="282" t="s">
        <v>3816</v>
      </c>
      <c r="OYY21" s="282" t="s">
        <v>3816</v>
      </c>
      <c r="OYZ21" s="282" t="s">
        <v>3816</v>
      </c>
      <c r="OZA21" s="282" t="s">
        <v>3816</v>
      </c>
      <c r="OZB21" s="282" t="s">
        <v>3816</v>
      </c>
      <c r="OZC21" s="282" t="s">
        <v>3816</v>
      </c>
      <c r="OZD21" s="282" t="s">
        <v>3816</v>
      </c>
      <c r="OZE21" s="282" t="s">
        <v>3816</v>
      </c>
      <c r="OZF21" s="282" t="s">
        <v>3816</v>
      </c>
      <c r="OZG21" s="282" t="s">
        <v>3816</v>
      </c>
      <c r="OZH21" s="282" t="s">
        <v>3816</v>
      </c>
      <c r="OZI21" s="282" t="s">
        <v>3816</v>
      </c>
      <c r="OZJ21" s="282" t="s">
        <v>3816</v>
      </c>
      <c r="OZK21" s="282" t="s">
        <v>3816</v>
      </c>
      <c r="OZL21" s="282" t="s">
        <v>3816</v>
      </c>
      <c r="OZM21" s="282" t="s">
        <v>3816</v>
      </c>
      <c r="OZN21" s="282" t="s">
        <v>3816</v>
      </c>
      <c r="OZO21" s="282" t="s">
        <v>3816</v>
      </c>
      <c r="OZP21" s="282" t="s">
        <v>3816</v>
      </c>
      <c r="OZQ21" s="282" t="s">
        <v>3816</v>
      </c>
      <c r="OZR21" s="282" t="s">
        <v>3816</v>
      </c>
      <c r="OZS21" s="282" t="s">
        <v>3816</v>
      </c>
      <c r="OZT21" s="282" t="s">
        <v>3816</v>
      </c>
      <c r="OZU21" s="282" t="s">
        <v>3816</v>
      </c>
      <c r="OZV21" s="282" t="s">
        <v>3816</v>
      </c>
      <c r="OZW21" s="282" t="s">
        <v>3816</v>
      </c>
      <c r="OZX21" s="282" t="s">
        <v>3816</v>
      </c>
      <c r="OZY21" s="282" t="s">
        <v>3816</v>
      </c>
      <c r="OZZ21" s="282" t="s">
        <v>3816</v>
      </c>
      <c r="PAA21" s="282" t="s">
        <v>3816</v>
      </c>
      <c r="PAB21" s="282" t="s">
        <v>3816</v>
      </c>
      <c r="PAC21" s="282" t="s">
        <v>3816</v>
      </c>
      <c r="PAD21" s="282" t="s">
        <v>3816</v>
      </c>
      <c r="PAE21" s="282" t="s">
        <v>3816</v>
      </c>
      <c r="PAF21" s="282" t="s">
        <v>3816</v>
      </c>
      <c r="PAG21" s="282" t="s">
        <v>3816</v>
      </c>
      <c r="PAH21" s="282" t="s">
        <v>3816</v>
      </c>
      <c r="PAI21" s="282" t="s">
        <v>3816</v>
      </c>
      <c r="PAJ21" s="282" t="s">
        <v>3816</v>
      </c>
      <c r="PAK21" s="282" t="s">
        <v>3816</v>
      </c>
      <c r="PAL21" s="282" t="s">
        <v>3816</v>
      </c>
      <c r="PAM21" s="282" t="s">
        <v>3816</v>
      </c>
      <c r="PAN21" s="282" t="s">
        <v>3816</v>
      </c>
      <c r="PAO21" s="282" t="s">
        <v>3816</v>
      </c>
      <c r="PAP21" s="282" t="s">
        <v>3816</v>
      </c>
      <c r="PAQ21" s="282" t="s">
        <v>3816</v>
      </c>
      <c r="PAR21" s="282" t="s">
        <v>3816</v>
      </c>
      <c r="PAS21" s="282" t="s">
        <v>3816</v>
      </c>
      <c r="PAT21" s="282" t="s">
        <v>3816</v>
      </c>
      <c r="PAU21" s="282" t="s">
        <v>3816</v>
      </c>
      <c r="PAV21" s="282" t="s">
        <v>3816</v>
      </c>
      <c r="PAW21" s="282" t="s">
        <v>3816</v>
      </c>
      <c r="PAX21" s="282" t="s">
        <v>3816</v>
      </c>
      <c r="PAY21" s="282" t="s">
        <v>3816</v>
      </c>
      <c r="PAZ21" s="282" t="s">
        <v>3816</v>
      </c>
      <c r="PBA21" s="282" t="s">
        <v>3816</v>
      </c>
      <c r="PBB21" s="282" t="s">
        <v>3816</v>
      </c>
      <c r="PBC21" s="282" t="s">
        <v>3816</v>
      </c>
      <c r="PBD21" s="282" t="s">
        <v>3816</v>
      </c>
      <c r="PBE21" s="282" t="s">
        <v>3816</v>
      </c>
      <c r="PBF21" s="282" t="s">
        <v>3816</v>
      </c>
      <c r="PBG21" s="282" t="s">
        <v>3816</v>
      </c>
      <c r="PBH21" s="282" t="s">
        <v>3816</v>
      </c>
      <c r="PBI21" s="282" t="s">
        <v>3816</v>
      </c>
      <c r="PBJ21" s="282" t="s">
        <v>3816</v>
      </c>
      <c r="PBK21" s="282" t="s">
        <v>3816</v>
      </c>
      <c r="PBL21" s="282" t="s">
        <v>3816</v>
      </c>
      <c r="PBM21" s="282" t="s">
        <v>3816</v>
      </c>
      <c r="PBN21" s="282" t="s">
        <v>3816</v>
      </c>
      <c r="PBO21" s="282" t="s">
        <v>3816</v>
      </c>
      <c r="PBP21" s="282" t="s">
        <v>3816</v>
      </c>
      <c r="PBQ21" s="282" t="s">
        <v>3816</v>
      </c>
      <c r="PBR21" s="282" t="s">
        <v>3816</v>
      </c>
      <c r="PBS21" s="282" t="s">
        <v>3816</v>
      </c>
      <c r="PBT21" s="282" t="s">
        <v>3816</v>
      </c>
      <c r="PBU21" s="282" t="s">
        <v>3816</v>
      </c>
      <c r="PBV21" s="282" t="s">
        <v>3816</v>
      </c>
      <c r="PBW21" s="282" t="s">
        <v>3816</v>
      </c>
      <c r="PBX21" s="282" t="s">
        <v>3816</v>
      </c>
      <c r="PBY21" s="282" t="s">
        <v>3816</v>
      </c>
      <c r="PBZ21" s="282" t="s">
        <v>3816</v>
      </c>
      <c r="PCA21" s="282" t="s">
        <v>3816</v>
      </c>
      <c r="PCB21" s="282" t="s">
        <v>3816</v>
      </c>
      <c r="PCC21" s="282" t="s">
        <v>3816</v>
      </c>
      <c r="PCD21" s="282" t="s">
        <v>3816</v>
      </c>
      <c r="PCE21" s="282" t="s">
        <v>3816</v>
      </c>
      <c r="PCF21" s="282" t="s">
        <v>3816</v>
      </c>
      <c r="PCG21" s="282" t="s">
        <v>3816</v>
      </c>
      <c r="PCH21" s="282" t="s">
        <v>3816</v>
      </c>
      <c r="PCI21" s="282" t="s">
        <v>3816</v>
      </c>
      <c r="PCJ21" s="282" t="s">
        <v>3816</v>
      </c>
      <c r="PCK21" s="282" t="s">
        <v>3816</v>
      </c>
      <c r="PCL21" s="282" t="s">
        <v>3816</v>
      </c>
      <c r="PCM21" s="282" t="s">
        <v>3816</v>
      </c>
      <c r="PCN21" s="282" t="s">
        <v>3816</v>
      </c>
      <c r="PCO21" s="282" t="s">
        <v>3816</v>
      </c>
      <c r="PCP21" s="282" t="s">
        <v>3816</v>
      </c>
      <c r="PCQ21" s="282" t="s">
        <v>3816</v>
      </c>
      <c r="PCR21" s="282" t="s">
        <v>3816</v>
      </c>
      <c r="PCS21" s="282" t="s">
        <v>3816</v>
      </c>
      <c r="PCT21" s="282" t="s">
        <v>3816</v>
      </c>
      <c r="PCU21" s="282" t="s">
        <v>3816</v>
      </c>
      <c r="PCV21" s="282" t="s">
        <v>3816</v>
      </c>
      <c r="PCW21" s="282" t="s">
        <v>3816</v>
      </c>
      <c r="PCX21" s="282" t="s">
        <v>3816</v>
      </c>
      <c r="PCY21" s="282" t="s">
        <v>3816</v>
      </c>
      <c r="PCZ21" s="282" t="s">
        <v>3816</v>
      </c>
      <c r="PDA21" s="282" t="s">
        <v>3816</v>
      </c>
      <c r="PDB21" s="282" t="s">
        <v>3816</v>
      </c>
      <c r="PDC21" s="282" t="s">
        <v>3816</v>
      </c>
      <c r="PDD21" s="282" t="s">
        <v>3816</v>
      </c>
      <c r="PDE21" s="282" t="s">
        <v>3816</v>
      </c>
      <c r="PDF21" s="282" t="s">
        <v>3816</v>
      </c>
      <c r="PDG21" s="282" t="s">
        <v>3816</v>
      </c>
      <c r="PDH21" s="282" t="s">
        <v>3816</v>
      </c>
      <c r="PDI21" s="282" t="s">
        <v>3816</v>
      </c>
      <c r="PDJ21" s="282" t="s">
        <v>3816</v>
      </c>
      <c r="PDK21" s="282" t="s">
        <v>3816</v>
      </c>
      <c r="PDL21" s="282" t="s">
        <v>3816</v>
      </c>
      <c r="PDM21" s="282" t="s">
        <v>3816</v>
      </c>
      <c r="PDN21" s="282" t="s">
        <v>3816</v>
      </c>
      <c r="PDO21" s="282" t="s">
        <v>3816</v>
      </c>
      <c r="PDP21" s="282" t="s">
        <v>3816</v>
      </c>
      <c r="PDQ21" s="282" t="s">
        <v>3816</v>
      </c>
      <c r="PDR21" s="282" t="s">
        <v>3816</v>
      </c>
      <c r="PDS21" s="282" t="s">
        <v>3816</v>
      </c>
      <c r="PDT21" s="282" t="s">
        <v>3816</v>
      </c>
      <c r="PDU21" s="282" t="s">
        <v>3816</v>
      </c>
      <c r="PDV21" s="282" t="s">
        <v>3816</v>
      </c>
      <c r="PDW21" s="282" t="s">
        <v>3816</v>
      </c>
      <c r="PDX21" s="282" t="s">
        <v>3816</v>
      </c>
      <c r="PDY21" s="282" t="s">
        <v>3816</v>
      </c>
      <c r="PDZ21" s="282" t="s">
        <v>3816</v>
      </c>
      <c r="PEA21" s="282" t="s">
        <v>3816</v>
      </c>
      <c r="PEB21" s="282" t="s">
        <v>3816</v>
      </c>
      <c r="PEC21" s="282" t="s">
        <v>3816</v>
      </c>
      <c r="PED21" s="282" t="s">
        <v>3816</v>
      </c>
      <c r="PEE21" s="282" t="s">
        <v>3816</v>
      </c>
      <c r="PEF21" s="282" t="s">
        <v>3816</v>
      </c>
      <c r="PEG21" s="282" t="s">
        <v>3816</v>
      </c>
      <c r="PEH21" s="282" t="s">
        <v>3816</v>
      </c>
      <c r="PEI21" s="282" t="s">
        <v>3816</v>
      </c>
      <c r="PEJ21" s="282" t="s">
        <v>3816</v>
      </c>
      <c r="PEK21" s="282" t="s">
        <v>3816</v>
      </c>
      <c r="PEL21" s="282" t="s">
        <v>3816</v>
      </c>
      <c r="PEM21" s="282" t="s">
        <v>3816</v>
      </c>
      <c r="PEN21" s="282" t="s">
        <v>3816</v>
      </c>
      <c r="PEO21" s="282" t="s">
        <v>3816</v>
      </c>
      <c r="PEP21" s="282" t="s">
        <v>3816</v>
      </c>
      <c r="PEQ21" s="282" t="s">
        <v>3816</v>
      </c>
      <c r="PER21" s="282" t="s">
        <v>3816</v>
      </c>
      <c r="PES21" s="282" t="s">
        <v>3816</v>
      </c>
      <c r="PET21" s="282" t="s">
        <v>3816</v>
      </c>
      <c r="PEU21" s="282" t="s">
        <v>3816</v>
      </c>
      <c r="PEV21" s="282" t="s">
        <v>3816</v>
      </c>
      <c r="PEW21" s="282" t="s">
        <v>3816</v>
      </c>
      <c r="PEX21" s="282" t="s">
        <v>3816</v>
      </c>
      <c r="PEY21" s="282" t="s">
        <v>3816</v>
      </c>
      <c r="PEZ21" s="282" t="s">
        <v>3816</v>
      </c>
      <c r="PFA21" s="282" t="s">
        <v>3816</v>
      </c>
      <c r="PFB21" s="282" t="s">
        <v>3816</v>
      </c>
      <c r="PFC21" s="282" t="s">
        <v>3816</v>
      </c>
      <c r="PFD21" s="282" t="s">
        <v>3816</v>
      </c>
      <c r="PFE21" s="282" t="s">
        <v>3816</v>
      </c>
      <c r="PFF21" s="282" t="s">
        <v>3816</v>
      </c>
      <c r="PFG21" s="282" t="s">
        <v>3816</v>
      </c>
      <c r="PFH21" s="282" t="s">
        <v>3816</v>
      </c>
      <c r="PFI21" s="282" t="s">
        <v>3816</v>
      </c>
      <c r="PFJ21" s="282" t="s">
        <v>3816</v>
      </c>
      <c r="PFK21" s="282" t="s">
        <v>3816</v>
      </c>
      <c r="PFL21" s="282" t="s">
        <v>3816</v>
      </c>
      <c r="PFM21" s="282" t="s">
        <v>3816</v>
      </c>
      <c r="PFN21" s="282" t="s">
        <v>3816</v>
      </c>
      <c r="PFO21" s="282" t="s">
        <v>3816</v>
      </c>
      <c r="PFP21" s="282" t="s">
        <v>3816</v>
      </c>
      <c r="PFQ21" s="282" t="s">
        <v>3816</v>
      </c>
      <c r="PFR21" s="282" t="s">
        <v>3816</v>
      </c>
      <c r="PFS21" s="282" t="s">
        <v>3816</v>
      </c>
      <c r="PFT21" s="282" t="s">
        <v>3816</v>
      </c>
      <c r="PFU21" s="282" t="s">
        <v>3816</v>
      </c>
      <c r="PFV21" s="282" t="s">
        <v>3816</v>
      </c>
      <c r="PFW21" s="282" t="s">
        <v>3816</v>
      </c>
      <c r="PFX21" s="282" t="s">
        <v>3816</v>
      </c>
      <c r="PFY21" s="282" t="s">
        <v>3816</v>
      </c>
      <c r="PFZ21" s="282" t="s">
        <v>3816</v>
      </c>
      <c r="PGA21" s="282" t="s">
        <v>3816</v>
      </c>
      <c r="PGB21" s="282" t="s">
        <v>3816</v>
      </c>
      <c r="PGC21" s="282" t="s">
        <v>3816</v>
      </c>
      <c r="PGD21" s="282" t="s">
        <v>3816</v>
      </c>
      <c r="PGE21" s="282" t="s">
        <v>3816</v>
      </c>
      <c r="PGF21" s="282" t="s">
        <v>3816</v>
      </c>
      <c r="PGG21" s="282" t="s">
        <v>3816</v>
      </c>
      <c r="PGH21" s="282" t="s">
        <v>3816</v>
      </c>
      <c r="PGI21" s="282" t="s">
        <v>3816</v>
      </c>
      <c r="PGJ21" s="282" t="s">
        <v>3816</v>
      </c>
      <c r="PGK21" s="282" t="s">
        <v>3816</v>
      </c>
      <c r="PGL21" s="282" t="s">
        <v>3816</v>
      </c>
      <c r="PGM21" s="282" t="s">
        <v>3816</v>
      </c>
      <c r="PGN21" s="282" t="s">
        <v>3816</v>
      </c>
      <c r="PGO21" s="282" t="s">
        <v>3816</v>
      </c>
      <c r="PGP21" s="282" t="s">
        <v>3816</v>
      </c>
      <c r="PGQ21" s="282" t="s">
        <v>3816</v>
      </c>
      <c r="PGR21" s="282" t="s">
        <v>3816</v>
      </c>
      <c r="PGS21" s="282" t="s">
        <v>3816</v>
      </c>
      <c r="PGT21" s="282" t="s">
        <v>3816</v>
      </c>
      <c r="PGU21" s="282" t="s">
        <v>3816</v>
      </c>
      <c r="PGV21" s="282" t="s">
        <v>3816</v>
      </c>
      <c r="PGW21" s="282" t="s">
        <v>3816</v>
      </c>
      <c r="PGX21" s="282" t="s">
        <v>3816</v>
      </c>
      <c r="PGY21" s="282" t="s">
        <v>3816</v>
      </c>
      <c r="PGZ21" s="282" t="s">
        <v>3816</v>
      </c>
      <c r="PHA21" s="282" t="s">
        <v>3816</v>
      </c>
      <c r="PHB21" s="282" t="s">
        <v>3816</v>
      </c>
      <c r="PHC21" s="282" t="s">
        <v>3816</v>
      </c>
      <c r="PHD21" s="282" t="s">
        <v>3816</v>
      </c>
      <c r="PHE21" s="282" t="s">
        <v>3816</v>
      </c>
      <c r="PHF21" s="282" t="s">
        <v>3816</v>
      </c>
      <c r="PHG21" s="282" t="s">
        <v>3816</v>
      </c>
      <c r="PHH21" s="282" t="s">
        <v>3816</v>
      </c>
      <c r="PHI21" s="282" t="s">
        <v>3816</v>
      </c>
      <c r="PHJ21" s="282" t="s">
        <v>3816</v>
      </c>
      <c r="PHK21" s="282" t="s">
        <v>3816</v>
      </c>
      <c r="PHL21" s="282" t="s">
        <v>3816</v>
      </c>
      <c r="PHM21" s="282" t="s">
        <v>3816</v>
      </c>
      <c r="PHN21" s="282" t="s">
        <v>3816</v>
      </c>
      <c r="PHO21" s="282" t="s">
        <v>3816</v>
      </c>
      <c r="PHP21" s="282" t="s">
        <v>3816</v>
      </c>
      <c r="PHQ21" s="282" t="s">
        <v>3816</v>
      </c>
      <c r="PHR21" s="282" t="s">
        <v>3816</v>
      </c>
      <c r="PHS21" s="282" t="s">
        <v>3816</v>
      </c>
      <c r="PHT21" s="282" t="s">
        <v>3816</v>
      </c>
      <c r="PHU21" s="282" t="s">
        <v>3816</v>
      </c>
      <c r="PHV21" s="282" t="s">
        <v>3816</v>
      </c>
      <c r="PHW21" s="282" t="s">
        <v>3816</v>
      </c>
      <c r="PHX21" s="282" t="s">
        <v>3816</v>
      </c>
      <c r="PHY21" s="282" t="s">
        <v>3816</v>
      </c>
      <c r="PHZ21" s="282" t="s">
        <v>3816</v>
      </c>
      <c r="PIA21" s="282" t="s">
        <v>3816</v>
      </c>
      <c r="PIB21" s="282" t="s">
        <v>3816</v>
      </c>
      <c r="PIC21" s="282" t="s">
        <v>3816</v>
      </c>
      <c r="PID21" s="282" t="s">
        <v>3816</v>
      </c>
      <c r="PIE21" s="282" t="s">
        <v>3816</v>
      </c>
      <c r="PIF21" s="282" t="s">
        <v>3816</v>
      </c>
      <c r="PIG21" s="282" t="s">
        <v>3816</v>
      </c>
      <c r="PIH21" s="282" t="s">
        <v>3816</v>
      </c>
      <c r="PII21" s="282" t="s">
        <v>3816</v>
      </c>
      <c r="PIJ21" s="282" t="s">
        <v>3816</v>
      </c>
      <c r="PIK21" s="282" t="s">
        <v>3816</v>
      </c>
      <c r="PIL21" s="282" t="s">
        <v>3816</v>
      </c>
      <c r="PIM21" s="282" t="s">
        <v>3816</v>
      </c>
      <c r="PIN21" s="282" t="s">
        <v>3816</v>
      </c>
      <c r="PIO21" s="282" t="s">
        <v>3816</v>
      </c>
      <c r="PIP21" s="282" t="s">
        <v>3816</v>
      </c>
      <c r="PIQ21" s="282" t="s">
        <v>3816</v>
      </c>
      <c r="PIR21" s="282" t="s">
        <v>3816</v>
      </c>
      <c r="PIS21" s="282" t="s">
        <v>3816</v>
      </c>
      <c r="PIT21" s="282" t="s">
        <v>3816</v>
      </c>
      <c r="PIU21" s="282" t="s">
        <v>3816</v>
      </c>
      <c r="PIV21" s="282" t="s">
        <v>3816</v>
      </c>
      <c r="PIW21" s="282" t="s">
        <v>3816</v>
      </c>
      <c r="PIX21" s="282" t="s">
        <v>3816</v>
      </c>
      <c r="PIY21" s="282" t="s">
        <v>3816</v>
      </c>
      <c r="PIZ21" s="282" t="s">
        <v>3816</v>
      </c>
      <c r="PJA21" s="282" t="s">
        <v>3816</v>
      </c>
      <c r="PJB21" s="282" t="s">
        <v>3816</v>
      </c>
      <c r="PJC21" s="282" t="s">
        <v>3816</v>
      </c>
      <c r="PJD21" s="282" t="s">
        <v>3816</v>
      </c>
      <c r="PJE21" s="282" t="s">
        <v>3816</v>
      </c>
      <c r="PJF21" s="282" t="s">
        <v>3816</v>
      </c>
      <c r="PJG21" s="282" t="s">
        <v>3816</v>
      </c>
      <c r="PJH21" s="282" t="s">
        <v>3816</v>
      </c>
      <c r="PJI21" s="282" t="s">
        <v>3816</v>
      </c>
      <c r="PJJ21" s="282" t="s">
        <v>3816</v>
      </c>
      <c r="PJK21" s="282" t="s">
        <v>3816</v>
      </c>
      <c r="PJL21" s="282" t="s">
        <v>3816</v>
      </c>
      <c r="PJM21" s="282" t="s">
        <v>3816</v>
      </c>
      <c r="PJN21" s="282" t="s">
        <v>3816</v>
      </c>
      <c r="PJO21" s="282" t="s">
        <v>3816</v>
      </c>
      <c r="PJP21" s="282" t="s">
        <v>3816</v>
      </c>
      <c r="PJQ21" s="282" t="s">
        <v>3816</v>
      </c>
      <c r="PJR21" s="282" t="s">
        <v>3816</v>
      </c>
      <c r="PJS21" s="282" t="s">
        <v>3816</v>
      </c>
      <c r="PJT21" s="282" t="s">
        <v>3816</v>
      </c>
      <c r="PJU21" s="282" t="s">
        <v>3816</v>
      </c>
      <c r="PJV21" s="282" t="s">
        <v>3816</v>
      </c>
      <c r="PJW21" s="282" t="s">
        <v>3816</v>
      </c>
      <c r="PJX21" s="282" t="s">
        <v>3816</v>
      </c>
      <c r="PJY21" s="282" t="s">
        <v>3816</v>
      </c>
      <c r="PJZ21" s="282" t="s">
        <v>3816</v>
      </c>
      <c r="PKA21" s="282" t="s">
        <v>3816</v>
      </c>
      <c r="PKB21" s="282" t="s">
        <v>3816</v>
      </c>
      <c r="PKC21" s="282" t="s">
        <v>3816</v>
      </c>
      <c r="PKD21" s="282" t="s">
        <v>3816</v>
      </c>
      <c r="PKE21" s="282" t="s">
        <v>3816</v>
      </c>
      <c r="PKF21" s="282" t="s">
        <v>3816</v>
      </c>
      <c r="PKG21" s="282" t="s">
        <v>3816</v>
      </c>
      <c r="PKH21" s="282" t="s">
        <v>3816</v>
      </c>
      <c r="PKI21" s="282" t="s">
        <v>3816</v>
      </c>
      <c r="PKJ21" s="282" t="s">
        <v>3816</v>
      </c>
      <c r="PKK21" s="282" t="s">
        <v>3816</v>
      </c>
      <c r="PKL21" s="282" t="s">
        <v>3816</v>
      </c>
      <c r="PKM21" s="282" t="s">
        <v>3816</v>
      </c>
      <c r="PKN21" s="282" t="s">
        <v>3816</v>
      </c>
      <c r="PKO21" s="282" t="s">
        <v>3816</v>
      </c>
      <c r="PKP21" s="282" t="s">
        <v>3816</v>
      </c>
      <c r="PKQ21" s="282" t="s">
        <v>3816</v>
      </c>
      <c r="PKR21" s="282" t="s">
        <v>3816</v>
      </c>
      <c r="PKS21" s="282" t="s">
        <v>3816</v>
      </c>
      <c r="PKT21" s="282" t="s">
        <v>3816</v>
      </c>
      <c r="PKU21" s="282" t="s">
        <v>3816</v>
      </c>
      <c r="PKV21" s="282" t="s">
        <v>3816</v>
      </c>
      <c r="PKW21" s="282" t="s">
        <v>3816</v>
      </c>
      <c r="PKX21" s="282" t="s">
        <v>3816</v>
      </c>
      <c r="PKY21" s="282" t="s">
        <v>3816</v>
      </c>
      <c r="PKZ21" s="282" t="s">
        <v>3816</v>
      </c>
      <c r="PLA21" s="282" t="s">
        <v>3816</v>
      </c>
      <c r="PLB21" s="282" t="s">
        <v>3816</v>
      </c>
      <c r="PLC21" s="282" t="s">
        <v>3816</v>
      </c>
      <c r="PLD21" s="282" t="s">
        <v>3816</v>
      </c>
      <c r="PLE21" s="282" t="s">
        <v>3816</v>
      </c>
      <c r="PLF21" s="282" t="s">
        <v>3816</v>
      </c>
      <c r="PLG21" s="282" t="s">
        <v>3816</v>
      </c>
      <c r="PLH21" s="282" t="s">
        <v>3816</v>
      </c>
      <c r="PLI21" s="282" t="s">
        <v>3816</v>
      </c>
      <c r="PLJ21" s="282" t="s">
        <v>3816</v>
      </c>
      <c r="PLK21" s="282" t="s">
        <v>3816</v>
      </c>
      <c r="PLL21" s="282" t="s">
        <v>3816</v>
      </c>
      <c r="PLM21" s="282" t="s">
        <v>3816</v>
      </c>
      <c r="PLN21" s="282" t="s">
        <v>3816</v>
      </c>
      <c r="PLO21" s="282" t="s">
        <v>3816</v>
      </c>
      <c r="PLP21" s="282" t="s">
        <v>3816</v>
      </c>
      <c r="PLQ21" s="282" t="s">
        <v>3816</v>
      </c>
      <c r="PLR21" s="282" t="s">
        <v>3816</v>
      </c>
      <c r="PLS21" s="282" t="s">
        <v>3816</v>
      </c>
      <c r="PLT21" s="282" t="s">
        <v>3816</v>
      </c>
      <c r="PLU21" s="282" t="s">
        <v>3816</v>
      </c>
      <c r="PLV21" s="282" t="s">
        <v>3816</v>
      </c>
      <c r="PLW21" s="282" t="s">
        <v>3816</v>
      </c>
      <c r="PLX21" s="282" t="s">
        <v>3816</v>
      </c>
      <c r="PLY21" s="282" t="s">
        <v>3816</v>
      </c>
      <c r="PLZ21" s="282" t="s">
        <v>3816</v>
      </c>
      <c r="PMA21" s="282" t="s">
        <v>3816</v>
      </c>
      <c r="PMB21" s="282" t="s">
        <v>3816</v>
      </c>
      <c r="PMC21" s="282" t="s">
        <v>3816</v>
      </c>
      <c r="PMD21" s="282" t="s">
        <v>3816</v>
      </c>
      <c r="PME21" s="282" t="s">
        <v>3816</v>
      </c>
      <c r="PMF21" s="282" t="s">
        <v>3816</v>
      </c>
      <c r="PMG21" s="282" t="s">
        <v>3816</v>
      </c>
      <c r="PMH21" s="282" t="s">
        <v>3816</v>
      </c>
      <c r="PMI21" s="282" t="s">
        <v>3816</v>
      </c>
      <c r="PMJ21" s="282" t="s">
        <v>3816</v>
      </c>
      <c r="PMK21" s="282" t="s">
        <v>3816</v>
      </c>
      <c r="PML21" s="282" t="s">
        <v>3816</v>
      </c>
      <c r="PMM21" s="282" t="s">
        <v>3816</v>
      </c>
      <c r="PMN21" s="282" t="s">
        <v>3816</v>
      </c>
      <c r="PMO21" s="282" t="s">
        <v>3816</v>
      </c>
      <c r="PMP21" s="282" t="s">
        <v>3816</v>
      </c>
      <c r="PMQ21" s="282" t="s">
        <v>3816</v>
      </c>
      <c r="PMR21" s="282" t="s">
        <v>3816</v>
      </c>
      <c r="PMS21" s="282" t="s">
        <v>3816</v>
      </c>
      <c r="PMT21" s="282" t="s">
        <v>3816</v>
      </c>
      <c r="PMU21" s="282" t="s">
        <v>3816</v>
      </c>
      <c r="PMV21" s="282" t="s">
        <v>3816</v>
      </c>
      <c r="PMW21" s="282" t="s">
        <v>3816</v>
      </c>
      <c r="PMX21" s="282" t="s">
        <v>3816</v>
      </c>
      <c r="PMY21" s="282" t="s">
        <v>3816</v>
      </c>
      <c r="PMZ21" s="282" t="s">
        <v>3816</v>
      </c>
      <c r="PNA21" s="282" t="s">
        <v>3816</v>
      </c>
      <c r="PNB21" s="282" t="s">
        <v>3816</v>
      </c>
      <c r="PNC21" s="282" t="s">
        <v>3816</v>
      </c>
      <c r="PND21" s="282" t="s">
        <v>3816</v>
      </c>
      <c r="PNE21" s="282" t="s">
        <v>3816</v>
      </c>
      <c r="PNF21" s="282" t="s">
        <v>3816</v>
      </c>
      <c r="PNG21" s="282" t="s">
        <v>3816</v>
      </c>
      <c r="PNH21" s="282" t="s">
        <v>3816</v>
      </c>
      <c r="PNI21" s="282" t="s">
        <v>3816</v>
      </c>
      <c r="PNJ21" s="282" t="s">
        <v>3816</v>
      </c>
      <c r="PNK21" s="282" t="s">
        <v>3816</v>
      </c>
      <c r="PNL21" s="282" t="s">
        <v>3816</v>
      </c>
      <c r="PNM21" s="282" t="s">
        <v>3816</v>
      </c>
      <c r="PNN21" s="282" t="s">
        <v>3816</v>
      </c>
      <c r="PNO21" s="282" t="s">
        <v>3816</v>
      </c>
      <c r="PNP21" s="282" t="s">
        <v>3816</v>
      </c>
      <c r="PNQ21" s="282" t="s">
        <v>3816</v>
      </c>
      <c r="PNR21" s="282" t="s">
        <v>3816</v>
      </c>
      <c r="PNS21" s="282" t="s">
        <v>3816</v>
      </c>
      <c r="PNT21" s="282" t="s">
        <v>3816</v>
      </c>
      <c r="PNU21" s="282" t="s">
        <v>3816</v>
      </c>
      <c r="PNV21" s="282" t="s">
        <v>3816</v>
      </c>
      <c r="PNW21" s="282" t="s">
        <v>3816</v>
      </c>
      <c r="PNX21" s="282" t="s">
        <v>3816</v>
      </c>
      <c r="PNY21" s="282" t="s">
        <v>3816</v>
      </c>
      <c r="PNZ21" s="282" t="s">
        <v>3816</v>
      </c>
      <c r="POA21" s="282" t="s">
        <v>3816</v>
      </c>
      <c r="POB21" s="282" t="s">
        <v>3816</v>
      </c>
      <c r="POC21" s="282" t="s">
        <v>3816</v>
      </c>
      <c r="POD21" s="282" t="s">
        <v>3816</v>
      </c>
      <c r="POE21" s="282" t="s">
        <v>3816</v>
      </c>
      <c r="POF21" s="282" t="s">
        <v>3816</v>
      </c>
      <c r="POG21" s="282" t="s">
        <v>3816</v>
      </c>
      <c r="POH21" s="282" t="s">
        <v>3816</v>
      </c>
      <c r="POI21" s="282" t="s">
        <v>3816</v>
      </c>
      <c r="POJ21" s="282" t="s">
        <v>3816</v>
      </c>
      <c r="POK21" s="282" t="s">
        <v>3816</v>
      </c>
      <c r="POL21" s="282" t="s">
        <v>3816</v>
      </c>
      <c r="POM21" s="282" t="s">
        <v>3816</v>
      </c>
      <c r="PON21" s="282" t="s">
        <v>3816</v>
      </c>
      <c r="POO21" s="282" t="s">
        <v>3816</v>
      </c>
      <c r="POP21" s="282" t="s">
        <v>3816</v>
      </c>
      <c r="POQ21" s="282" t="s">
        <v>3816</v>
      </c>
      <c r="POR21" s="282" t="s">
        <v>3816</v>
      </c>
      <c r="POS21" s="282" t="s">
        <v>3816</v>
      </c>
      <c r="POT21" s="282" t="s">
        <v>3816</v>
      </c>
      <c r="POU21" s="282" t="s">
        <v>3816</v>
      </c>
      <c r="POV21" s="282" t="s">
        <v>3816</v>
      </c>
      <c r="POW21" s="282" t="s">
        <v>3816</v>
      </c>
      <c r="POX21" s="282" t="s">
        <v>3816</v>
      </c>
      <c r="POY21" s="282" t="s">
        <v>3816</v>
      </c>
      <c r="POZ21" s="282" t="s">
        <v>3816</v>
      </c>
      <c r="PPA21" s="282" t="s">
        <v>3816</v>
      </c>
      <c r="PPB21" s="282" t="s">
        <v>3816</v>
      </c>
      <c r="PPC21" s="282" t="s">
        <v>3816</v>
      </c>
      <c r="PPD21" s="282" t="s">
        <v>3816</v>
      </c>
      <c r="PPE21" s="282" t="s">
        <v>3816</v>
      </c>
      <c r="PPF21" s="282" t="s">
        <v>3816</v>
      </c>
      <c r="PPG21" s="282" t="s">
        <v>3816</v>
      </c>
      <c r="PPH21" s="282" t="s">
        <v>3816</v>
      </c>
      <c r="PPI21" s="282" t="s">
        <v>3816</v>
      </c>
      <c r="PPJ21" s="282" t="s">
        <v>3816</v>
      </c>
      <c r="PPK21" s="282" t="s">
        <v>3816</v>
      </c>
      <c r="PPL21" s="282" t="s">
        <v>3816</v>
      </c>
      <c r="PPM21" s="282" t="s">
        <v>3816</v>
      </c>
      <c r="PPN21" s="282" t="s">
        <v>3816</v>
      </c>
      <c r="PPO21" s="282" t="s">
        <v>3816</v>
      </c>
      <c r="PPP21" s="282" t="s">
        <v>3816</v>
      </c>
      <c r="PPQ21" s="282" t="s">
        <v>3816</v>
      </c>
      <c r="PPR21" s="282" t="s">
        <v>3816</v>
      </c>
      <c r="PPS21" s="282" t="s">
        <v>3816</v>
      </c>
      <c r="PPT21" s="282" t="s">
        <v>3816</v>
      </c>
      <c r="PPU21" s="282" t="s">
        <v>3816</v>
      </c>
      <c r="PPV21" s="282" t="s">
        <v>3816</v>
      </c>
      <c r="PPW21" s="282" t="s">
        <v>3816</v>
      </c>
      <c r="PPX21" s="282" t="s">
        <v>3816</v>
      </c>
      <c r="PPY21" s="282" t="s">
        <v>3816</v>
      </c>
      <c r="PPZ21" s="282" t="s">
        <v>3816</v>
      </c>
      <c r="PQA21" s="282" t="s">
        <v>3816</v>
      </c>
      <c r="PQB21" s="282" t="s">
        <v>3816</v>
      </c>
      <c r="PQC21" s="282" t="s">
        <v>3816</v>
      </c>
      <c r="PQD21" s="282" t="s">
        <v>3816</v>
      </c>
      <c r="PQE21" s="282" t="s">
        <v>3816</v>
      </c>
      <c r="PQF21" s="282" t="s">
        <v>3816</v>
      </c>
      <c r="PQG21" s="282" t="s">
        <v>3816</v>
      </c>
      <c r="PQH21" s="282" t="s">
        <v>3816</v>
      </c>
      <c r="PQI21" s="282" t="s">
        <v>3816</v>
      </c>
      <c r="PQJ21" s="282" t="s">
        <v>3816</v>
      </c>
      <c r="PQK21" s="282" t="s">
        <v>3816</v>
      </c>
      <c r="PQL21" s="282" t="s">
        <v>3816</v>
      </c>
      <c r="PQM21" s="282" t="s">
        <v>3816</v>
      </c>
      <c r="PQN21" s="282" t="s">
        <v>3816</v>
      </c>
      <c r="PQO21" s="282" t="s">
        <v>3816</v>
      </c>
      <c r="PQP21" s="282" t="s">
        <v>3816</v>
      </c>
      <c r="PQQ21" s="282" t="s">
        <v>3816</v>
      </c>
      <c r="PQR21" s="282" t="s">
        <v>3816</v>
      </c>
      <c r="PQS21" s="282" t="s">
        <v>3816</v>
      </c>
      <c r="PQT21" s="282" t="s">
        <v>3816</v>
      </c>
      <c r="PQU21" s="282" t="s">
        <v>3816</v>
      </c>
      <c r="PQV21" s="282" t="s">
        <v>3816</v>
      </c>
      <c r="PQW21" s="282" t="s">
        <v>3816</v>
      </c>
      <c r="PQX21" s="282" t="s">
        <v>3816</v>
      </c>
      <c r="PQY21" s="282" t="s">
        <v>3816</v>
      </c>
      <c r="PQZ21" s="282" t="s">
        <v>3816</v>
      </c>
      <c r="PRA21" s="282" t="s">
        <v>3816</v>
      </c>
      <c r="PRB21" s="282" t="s">
        <v>3816</v>
      </c>
      <c r="PRC21" s="282" t="s">
        <v>3816</v>
      </c>
      <c r="PRD21" s="282" t="s">
        <v>3816</v>
      </c>
      <c r="PRE21" s="282" t="s">
        <v>3816</v>
      </c>
      <c r="PRF21" s="282" t="s">
        <v>3816</v>
      </c>
      <c r="PRG21" s="282" t="s">
        <v>3816</v>
      </c>
      <c r="PRH21" s="282" t="s">
        <v>3816</v>
      </c>
      <c r="PRI21" s="282" t="s">
        <v>3816</v>
      </c>
      <c r="PRJ21" s="282" t="s">
        <v>3816</v>
      </c>
      <c r="PRK21" s="282" t="s">
        <v>3816</v>
      </c>
      <c r="PRL21" s="282" t="s">
        <v>3816</v>
      </c>
      <c r="PRM21" s="282" t="s">
        <v>3816</v>
      </c>
      <c r="PRN21" s="282" t="s">
        <v>3816</v>
      </c>
      <c r="PRO21" s="282" t="s">
        <v>3816</v>
      </c>
      <c r="PRP21" s="282" t="s">
        <v>3816</v>
      </c>
      <c r="PRQ21" s="282" t="s">
        <v>3816</v>
      </c>
      <c r="PRR21" s="282" t="s">
        <v>3816</v>
      </c>
      <c r="PRS21" s="282" t="s">
        <v>3816</v>
      </c>
      <c r="PRT21" s="282" t="s">
        <v>3816</v>
      </c>
      <c r="PRU21" s="282" t="s">
        <v>3816</v>
      </c>
      <c r="PRV21" s="282" t="s">
        <v>3816</v>
      </c>
      <c r="PRW21" s="282" t="s">
        <v>3816</v>
      </c>
      <c r="PRX21" s="282" t="s">
        <v>3816</v>
      </c>
      <c r="PRY21" s="282" t="s">
        <v>3816</v>
      </c>
      <c r="PRZ21" s="282" t="s">
        <v>3816</v>
      </c>
      <c r="PSA21" s="282" t="s">
        <v>3816</v>
      </c>
      <c r="PSB21" s="282" t="s">
        <v>3816</v>
      </c>
      <c r="PSC21" s="282" t="s">
        <v>3816</v>
      </c>
      <c r="PSD21" s="282" t="s">
        <v>3816</v>
      </c>
      <c r="PSE21" s="282" t="s">
        <v>3816</v>
      </c>
      <c r="PSF21" s="282" t="s">
        <v>3816</v>
      </c>
      <c r="PSG21" s="282" t="s">
        <v>3816</v>
      </c>
      <c r="PSH21" s="282" t="s">
        <v>3816</v>
      </c>
      <c r="PSI21" s="282" t="s">
        <v>3816</v>
      </c>
      <c r="PSJ21" s="282" t="s">
        <v>3816</v>
      </c>
      <c r="PSK21" s="282" t="s">
        <v>3816</v>
      </c>
      <c r="PSL21" s="282" t="s">
        <v>3816</v>
      </c>
      <c r="PSM21" s="282" t="s">
        <v>3816</v>
      </c>
      <c r="PSN21" s="282" t="s">
        <v>3816</v>
      </c>
      <c r="PSO21" s="282" t="s">
        <v>3816</v>
      </c>
      <c r="PSP21" s="282" t="s">
        <v>3816</v>
      </c>
      <c r="PSQ21" s="282" t="s">
        <v>3816</v>
      </c>
      <c r="PSR21" s="282" t="s">
        <v>3816</v>
      </c>
      <c r="PSS21" s="282" t="s">
        <v>3816</v>
      </c>
      <c r="PST21" s="282" t="s">
        <v>3816</v>
      </c>
      <c r="PSU21" s="282" t="s">
        <v>3816</v>
      </c>
      <c r="PSV21" s="282" t="s">
        <v>3816</v>
      </c>
      <c r="PSW21" s="282" t="s">
        <v>3816</v>
      </c>
      <c r="PSX21" s="282" t="s">
        <v>3816</v>
      </c>
      <c r="PSY21" s="282" t="s">
        <v>3816</v>
      </c>
      <c r="PSZ21" s="282" t="s">
        <v>3816</v>
      </c>
      <c r="PTA21" s="282" t="s">
        <v>3816</v>
      </c>
      <c r="PTB21" s="282" t="s">
        <v>3816</v>
      </c>
      <c r="PTC21" s="282" t="s">
        <v>3816</v>
      </c>
      <c r="PTD21" s="282" t="s">
        <v>3816</v>
      </c>
      <c r="PTE21" s="282" t="s">
        <v>3816</v>
      </c>
      <c r="PTF21" s="282" t="s">
        <v>3816</v>
      </c>
      <c r="PTG21" s="282" t="s">
        <v>3816</v>
      </c>
      <c r="PTH21" s="282" t="s">
        <v>3816</v>
      </c>
      <c r="PTI21" s="282" t="s">
        <v>3816</v>
      </c>
      <c r="PTJ21" s="282" t="s">
        <v>3816</v>
      </c>
      <c r="PTK21" s="282" t="s">
        <v>3816</v>
      </c>
      <c r="PTL21" s="282" t="s">
        <v>3816</v>
      </c>
      <c r="PTM21" s="282" t="s">
        <v>3816</v>
      </c>
      <c r="PTN21" s="282" t="s">
        <v>3816</v>
      </c>
      <c r="PTO21" s="282" t="s">
        <v>3816</v>
      </c>
      <c r="PTP21" s="282" t="s">
        <v>3816</v>
      </c>
      <c r="PTQ21" s="282" t="s">
        <v>3816</v>
      </c>
      <c r="PTR21" s="282" t="s">
        <v>3816</v>
      </c>
      <c r="PTS21" s="282" t="s">
        <v>3816</v>
      </c>
      <c r="PTT21" s="282" t="s">
        <v>3816</v>
      </c>
      <c r="PTU21" s="282" t="s">
        <v>3816</v>
      </c>
      <c r="PTV21" s="282" t="s">
        <v>3816</v>
      </c>
      <c r="PTW21" s="282" t="s">
        <v>3816</v>
      </c>
      <c r="PTX21" s="282" t="s">
        <v>3816</v>
      </c>
      <c r="PTY21" s="282" t="s">
        <v>3816</v>
      </c>
      <c r="PTZ21" s="282" t="s">
        <v>3816</v>
      </c>
      <c r="PUA21" s="282" t="s">
        <v>3816</v>
      </c>
      <c r="PUB21" s="282" t="s">
        <v>3816</v>
      </c>
      <c r="PUC21" s="282" t="s">
        <v>3816</v>
      </c>
      <c r="PUD21" s="282" t="s">
        <v>3816</v>
      </c>
      <c r="PUE21" s="282" t="s">
        <v>3816</v>
      </c>
      <c r="PUF21" s="282" t="s">
        <v>3816</v>
      </c>
      <c r="PUG21" s="282" t="s">
        <v>3816</v>
      </c>
      <c r="PUH21" s="282" t="s">
        <v>3816</v>
      </c>
      <c r="PUI21" s="282" t="s">
        <v>3816</v>
      </c>
      <c r="PUJ21" s="282" t="s">
        <v>3816</v>
      </c>
      <c r="PUK21" s="282" t="s">
        <v>3816</v>
      </c>
      <c r="PUL21" s="282" t="s">
        <v>3816</v>
      </c>
      <c r="PUM21" s="282" t="s">
        <v>3816</v>
      </c>
      <c r="PUN21" s="282" t="s">
        <v>3816</v>
      </c>
      <c r="PUO21" s="282" t="s">
        <v>3816</v>
      </c>
      <c r="PUP21" s="282" t="s">
        <v>3816</v>
      </c>
      <c r="PUQ21" s="282" t="s">
        <v>3816</v>
      </c>
      <c r="PUR21" s="282" t="s">
        <v>3816</v>
      </c>
      <c r="PUS21" s="282" t="s">
        <v>3816</v>
      </c>
      <c r="PUT21" s="282" t="s">
        <v>3816</v>
      </c>
      <c r="PUU21" s="282" t="s">
        <v>3816</v>
      </c>
      <c r="PUV21" s="282" t="s">
        <v>3816</v>
      </c>
      <c r="PUW21" s="282" t="s">
        <v>3816</v>
      </c>
      <c r="PUX21" s="282" t="s">
        <v>3816</v>
      </c>
      <c r="PUY21" s="282" t="s">
        <v>3816</v>
      </c>
      <c r="PUZ21" s="282" t="s">
        <v>3816</v>
      </c>
      <c r="PVA21" s="282" t="s">
        <v>3816</v>
      </c>
      <c r="PVB21" s="282" t="s">
        <v>3816</v>
      </c>
      <c r="PVC21" s="282" t="s">
        <v>3816</v>
      </c>
      <c r="PVD21" s="282" t="s">
        <v>3816</v>
      </c>
      <c r="PVE21" s="282" t="s">
        <v>3816</v>
      </c>
      <c r="PVF21" s="282" t="s">
        <v>3816</v>
      </c>
      <c r="PVG21" s="282" t="s">
        <v>3816</v>
      </c>
      <c r="PVH21" s="282" t="s">
        <v>3816</v>
      </c>
      <c r="PVI21" s="282" t="s">
        <v>3816</v>
      </c>
      <c r="PVJ21" s="282" t="s">
        <v>3816</v>
      </c>
      <c r="PVK21" s="282" t="s">
        <v>3816</v>
      </c>
      <c r="PVL21" s="282" t="s">
        <v>3816</v>
      </c>
      <c r="PVM21" s="282" t="s">
        <v>3816</v>
      </c>
      <c r="PVN21" s="282" t="s">
        <v>3816</v>
      </c>
      <c r="PVO21" s="282" t="s">
        <v>3816</v>
      </c>
      <c r="PVP21" s="282" t="s">
        <v>3816</v>
      </c>
      <c r="PVQ21" s="282" t="s">
        <v>3816</v>
      </c>
      <c r="PVR21" s="282" t="s">
        <v>3816</v>
      </c>
      <c r="PVS21" s="282" t="s">
        <v>3816</v>
      </c>
      <c r="PVT21" s="282" t="s">
        <v>3816</v>
      </c>
      <c r="PVU21" s="282" t="s">
        <v>3816</v>
      </c>
      <c r="PVV21" s="282" t="s">
        <v>3816</v>
      </c>
      <c r="PVW21" s="282" t="s">
        <v>3816</v>
      </c>
      <c r="PVX21" s="282" t="s">
        <v>3816</v>
      </c>
      <c r="PVY21" s="282" t="s">
        <v>3816</v>
      </c>
      <c r="PVZ21" s="282" t="s">
        <v>3816</v>
      </c>
      <c r="PWA21" s="282" t="s">
        <v>3816</v>
      </c>
      <c r="PWB21" s="282" t="s">
        <v>3816</v>
      </c>
      <c r="PWC21" s="282" t="s">
        <v>3816</v>
      </c>
      <c r="PWD21" s="282" t="s">
        <v>3816</v>
      </c>
      <c r="PWE21" s="282" t="s">
        <v>3816</v>
      </c>
      <c r="PWF21" s="282" t="s">
        <v>3816</v>
      </c>
      <c r="PWG21" s="282" t="s">
        <v>3816</v>
      </c>
      <c r="PWH21" s="282" t="s">
        <v>3816</v>
      </c>
      <c r="PWI21" s="282" t="s">
        <v>3816</v>
      </c>
      <c r="PWJ21" s="282" t="s">
        <v>3816</v>
      </c>
      <c r="PWK21" s="282" t="s">
        <v>3816</v>
      </c>
      <c r="PWL21" s="282" t="s">
        <v>3816</v>
      </c>
      <c r="PWM21" s="282" t="s">
        <v>3816</v>
      </c>
      <c r="PWN21" s="282" t="s">
        <v>3816</v>
      </c>
      <c r="PWO21" s="282" t="s">
        <v>3816</v>
      </c>
      <c r="PWP21" s="282" t="s">
        <v>3816</v>
      </c>
      <c r="PWQ21" s="282" t="s">
        <v>3816</v>
      </c>
      <c r="PWR21" s="282" t="s">
        <v>3816</v>
      </c>
      <c r="PWS21" s="282" t="s">
        <v>3816</v>
      </c>
      <c r="PWT21" s="282" t="s">
        <v>3816</v>
      </c>
      <c r="PWU21" s="282" t="s">
        <v>3816</v>
      </c>
      <c r="PWV21" s="282" t="s">
        <v>3816</v>
      </c>
      <c r="PWW21" s="282" t="s">
        <v>3816</v>
      </c>
      <c r="PWX21" s="282" t="s">
        <v>3816</v>
      </c>
      <c r="PWY21" s="282" t="s">
        <v>3816</v>
      </c>
      <c r="PWZ21" s="282" t="s">
        <v>3816</v>
      </c>
      <c r="PXA21" s="282" t="s">
        <v>3816</v>
      </c>
      <c r="PXB21" s="282" t="s">
        <v>3816</v>
      </c>
      <c r="PXC21" s="282" t="s">
        <v>3816</v>
      </c>
      <c r="PXD21" s="282" t="s">
        <v>3816</v>
      </c>
      <c r="PXE21" s="282" t="s">
        <v>3816</v>
      </c>
      <c r="PXF21" s="282" t="s">
        <v>3816</v>
      </c>
      <c r="PXG21" s="282" t="s">
        <v>3816</v>
      </c>
      <c r="PXH21" s="282" t="s">
        <v>3816</v>
      </c>
      <c r="PXI21" s="282" t="s">
        <v>3816</v>
      </c>
      <c r="PXJ21" s="282" t="s">
        <v>3816</v>
      </c>
      <c r="PXK21" s="282" t="s">
        <v>3816</v>
      </c>
      <c r="PXL21" s="282" t="s">
        <v>3816</v>
      </c>
      <c r="PXM21" s="282" t="s">
        <v>3816</v>
      </c>
      <c r="PXN21" s="282" t="s">
        <v>3816</v>
      </c>
      <c r="PXO21" s="282" t="s">
        <v>3816</v>
      </c>
      <c r="PXP21" s="282" t="s">
        <v>3816</v>
      </c>
      <c r="PXQ21" s="282" t="s">
        <v>3816</v>
      </c>
      <c r="PXR21" s="282" t="s">
        <v>3816</v>
      </c>
      <c r="PXS21" s="282" t="s">
        <v>3816</v>
      </c>
      <c r="PXT21" s="282" t="s">
        <v>3816</v>
      </c>
      <c r="PXU21" s="282" t="s">
        <v>3816</v>
      </c>
      <c r="PXV21" s="282" t="s">
        <v>3816</v>
      </c>
      <c r="PXW21" s="282" t="s">
        <v>3816</v>
      </c>
      <c r="PXX21" s="282" t="s">
        <v>3816</v>
      </c>
      <c r="PXY21" s="282" t="s">
        <v>3816</v>
      </c>
      <c r="PXZ21" s="282" t="s">
        <v>3816</v>
      </c>
      <c r="PYA21" s="282" t="s">
        <v>3816</v>
      </c>
      <c r="PYB21" s="282" t="s">
        <v>3816</v>
      </c>
      <c r="PYC21" s="282" t="s">
        <v>3816</v>
      </c>
      <c r="PYD21" s="282" t="s">
        <v>3816</v>
      </c>
      <c r="PYE21" s="282" t="s">
        <v>3816</v>
      </c>
      <c r="PYF21" s="282" t="s">
        <v>3816</v>
      </c>
      <c r="PYG21" s="282" t="s">
        <v>3816</v>
      </c>
      <c r="PYH21" s="282" t="s">
        <v>3816</v>
      </c>
      <c r="PYI21" s="282" t="s">
        <v>3816</v>
      </c>
      <c r="PYJ21" s="282" t="s">
        <v>3816</v>
      </c>
      <c r="PYK21" s="282" t="s">
        <v>3816</v>
      </c>
      <c r="PYL21" s="282" t="s">
        <v>3816</v>
      </c>
      <c r="PYM21" s="282" t="s">
        <v>3816</v>
      </c>
      <c r="PYN21" s="282" t="s">
        <v>3816</v>
      </c>
      <c r="PYO21" s="282" t="s">
        <v>3816</v>
      </c>
      <c r="PYP21" s="282" t="s">
        <v>3816</v>
      </c>
      <c r="PYQ21" s="282" t="s">
        <v>3816</v>
      </c>
      <c r="PYR21" s="282" t="s">
        <v>3816</v>
      </c>
      <c r="PYS21" s="282" t="s">
        <v>3816</v>
      </c>
      <c r="PYT21" s="282" t="s">
        <v>3816</v>
      </c>
      <c r="PYU21" s="282" t="s">
        <v>3816</v>
      </c>
      <c r="PYV21" s="282" t="s">
        <v>3816</v>
      </c>
      <c r="PYW21" s="282" t="s">
        <v>3816</v>
      </c>
      <c r="PYX21" s="282" t="s">
        <v>3816</v>
      </c>
      <c r="PYY21" s="282" t="s">
        <v>3816</v>
      </c>
      <c r="PYZ21" s="282" t="s">
        <v>3816</v>
      </c>
      <c r="PZA21" s="282" t="s">
        <v>3816</v>
      </c>
      <c r="PZB21" s="282" t="s">
        <v>3816</v>
      </c>
      <c r="PZC21" s="282" t="s">
        <v>3816</v>
      </c>
      <c r="PZD21" s="282" t="s">
        <v>3816</v>
      </c>
      <c r="PZE21" s="282" t="s">
        <v>3816</v>
      </c>
      <c r="PZF21" s="282" t="s">
        <v>3816</v>
      </c>
      <c r="PZG21" s="282" t="s">
        <v>3816</v>
      </c>
      <c r="PZH21" s="282" t="s">
        <v>3816</v>
      </c>
      <c r="PZI21" s="282" t="s">
        <v>3816</v>
      </c>
      <c r="PZJ21" s="282" t="s">
        <v>3816</v>
      </c>
      <c r="PZK21" s="282" t="s">
        <v>3816</v>
      </c>
      <c r="PZL21" s="282" t="s">
        <v>3816</v>
      </c>
      <c r="PZM21" s="282" t="s">
        <v>3816</v>
      </c>
      <c r="PZN21" s="282" t="s">
        <v>3816</v>
      </c>
      <c r="PZO21" s="282" t="s">
        <v>3816</v>
      </c>
      <c r="PZP21" s="282" t="s">
        <v>3816</v>
      </c>
      <c r="PZQ21" s="282" t="s">
        <v>3816</v>
      </c>
      <c r="PZR21" s="282" t="s">
        <v>3816</v>
      </c>
      <c r="PZS21" s="282" t="s">
        <v>3816</v>
      </c>
      <c r="PZT21" s="282" t="s">
        <v>3816</v>
      </c>
      <c r="PZU21" s="282" t="s">
        <v>3816</v>
      </c>
      <c r="PZV21" s="282" t="s">
        <v>3816</v>
      </c>
      <c r="PZW21" s="282" t="s">
        <v>3816</v>
      </c>
      <c r="PZX21" s="282" t="s">
        <v>3816</v>
      </c>
      <c r="PZY21" s="282" t="s">
        <v>3816</v>
      </c>
      <c r="PZZ21" s="282" t="s">
        <v>3816</v>
      </c>
      <c r="QAA21" s="282" t="s">
        <v>3816</v>
      </c>
      <c r="QAB21" s="282" t="s">
        <v>3816</v>
      </c>
      <c r="QAC21" s="282" t="s">
        <v>3816</v>
      </c>
      <c r="QAD21" s="282" t="s">
        <v>3816</v>
      </c>
      <c r="QAE21" s="282" t="s">
        <v>3816</v>
      </c>
      <c r="QAF21" s="282" t="s">
        <v>3816</v>
      </c>
      <c r="QAG21" s="282" t="s">
        <v>3816</v>
      </c>
      <c r="QAH21" s="282" t="s">
        <v>3816</v>
      </c>
      <c r="QAI21" s="282" t="s">
        <v>3816</v>
      </c>
      <c r="QAJ21" s="282" t="s">
        <v>3816</v>
      </c>
      <c r="QAK21" s="282" t="s">
        <v>3816</v>
      </c>
      <c r="QAL21" s="282" t="s">
        <v>3816</v>
      </c>
      <c r="QAM21" s="282" t="s">
        <v>3816</v>
      </c>
      <c r="QAN21" s="282" t="s">
        <v>3816</v>
      </c>
      <c r="QAO21" s="282" t="s">
        <v>3816</v>
      </c>
      <c r="QAP21" s="282" t="s">
        <v>3816</v>
      </c>
      <c r="QAQ21" s="282" t="s">
        <v>3816</v>
      </c>
      <c r="QAR21" s="282" t="s">
        <v>3816</v>
      </c>
      <c r="QAS21" s="282" t="s">
        <v>3816</v>
      </c>
      <c r="QAT21" s="282" t="s">
        <v>3816</v>
      </c>
      <c r="QAU21" s="282" t="s">
        <v>3816</v>
      </c>
      <c r="QAV21" s="282" t="s">
        <v>3816</v>
      </c>
      <c r="QAW21" s="282" t="s">
        <v>3816</v>
      </c>
      <c r="QAX21" s="282" t="s">
        <v>3816</v>
      </c>
      <c r="QAY21" s="282" t="s">
        <v>3816</v>
      </c>
      <c r="QAZ21" s="282" t="s">
        <v>3816</v>
      </c>
      <c r="QBA21" s="282" t="s">
        <v>3816</v>
      </c>
      <c r="QBB21" s="282" t="s">
        <v>3816</v>
      </c>
      <c r="QBC21" s="282" t="s">
        <v>3816</v>
      </c>
      <c r="QBD21" s="282" t="s">
        <v>3816</v>
      </c>
      <c r="QBE21" s="282" t="s">
        <v>3816</v>
      </c>
      <c r="QBF21" s="282" t="s">
        <v>3816</v>
      </c>
      <c r="QBG21" s="282" t="s">
        <v>3816</v>
      </c>
      <c r="QBH21" s="282" t="s">
        <v>3816</v>
      </c>
      <c r="QBI21" s="282" t="s">
        <v>3816</v>
      </c>
      <c r="QBJ21" s="282" t="s">
        <v>3816</v>
      </c>
      <c r="QBK21" s="282" t="s">
        <v>3816</v>
      </c>
      <c r="QBL21" s="282" t="s">
        <v>3816</v>
      </c>
      <c r="QBM21" s="282" t="s">
        <v>3816</v>
      </c>
      <c r="QBN21" s="282" t="s">
        <v>3816</v>
      </c>
      <c r="QBO21" s="282" t="s">
        <v>3816</v>
      </c>
      <c r="QBP21" s="282" t="s">
        <v>3816</v>
      </c>
      <c r="QBQ21" s="282" t="s">
        <v>3816</v>
      </c>
      <c r="QBR21" s="282" t="s">
        <v>3816</v>
      </c>
      <c r="QBS21" s="282" t="s">
        <v>3816</v>
      </c>
      <c r="QBT21" s="282" t="s">
        <v>3816</v>
      </c>
      <c r="QBU21" s="282" t="s">
        <v>3816</v>
      </c>
      <c r="QBV21" s="282" t="s">
        <v>3816</v>
      </c>
      <c r="QBW21" s="282" t="s">
        <v>3816</v>
      </c>
      <c r="QBX21" s="282" t="s">
        <v>3816</v>
      </c>
      <c r="QBY21" s="282" t="s">
        <v>3816</v>
      </c>
      <c r="QBZ21" s="282" t="s">
        <v>3816</v>
      </c>
      <c r="QCA21" s="282" t="s">
        <v>3816</v>
      </c>
      <c r="QCB21" s="282" t="s">
        <v>3816</v>
      </c>
      <c r="QCC21" s="282" t="s">
        <v>3816</v>
      </c>
      <c r="QCD21" s="282" t="s">
        <v>3816</v>
      </c>
      <c r="QCE21" s="282" t="s">
        <v>3816</v>
      </c>
      <c r="QCF21" s="282" t="s">
        <v>3816</v>
      </c>
      <c r="QCG21" s="282" t="s">
        <v>3816</v>
      </c>
      <c r="QCH21" s="282" t="s">
        <v>3816</v>
      </c>
      <c r="QCI21" s="282" t="s">
        <v>3816</v>
      </c>
      <c r="QCJ21" s="282" t="s">
        <v>3816</v>
      </c>
      <c r="QCK21" s="282" t="s">
        <v>3816</v>
      </c>
      <c r="QCL21" s="282" t="s">
        <v>3816</v>
      </c>
      <c r="QCM21" s="282" t="s">
        <v>3816</v>
      </c>
      <c r="QCN21" s="282" t="s">
        <v>3816</v>
      </c>
      <c r="QCO21" s="282" t="s">
        <v>3816</v>
      </c>
      <c r="QCP21" s="282" t="s">
        <v>3816</v>
      </c>
      <c r="QCQ21" s="282" t="s">
        <v>3816</v>
      </c>
      <c r="QCR21" s="282" t="s">
        <v>3816</v>
      </c>
      <c r="QCS21" s="282" t="s">
        <v>3816</v>
      </c>
      <c r="QCT21" s="282" t="s">
        <v>3816</v>
      </c>
      <c r="QCU21" s="282" t="s">
        <v>3816</v>
      </c>
      <c r="QCV21" s="282" t="s">
        <v>3816</v>
      </c>
      <c r="QCW21" s="282" t="s">
        <v>3816</v>
      </c>
      <c r="QCX21" s="282" t="s">
        <v>3816</v>
      </c>
      <c r="QCY21" s="282" t="s">
        <v>3816</v>
      </c>
      <c r="QCZ21" s="282" t="s">
        <v>3816</v>
      </c>
      <c r="QDA21" s="282" t="s">
        <v>3816</v>
      </c>
      <c r="QDB21" s="282" t="s">
        <v>3816</v>
      </c>
      <c r="QDC21" s="282" t="s">
        <v>3816</v>
      </c>
      <c r="QDD21" s="282" t="s">
        <v>3816</v>
      </c>
      <c r="QDE21" s="282" t="s">
        <v>3816</v>
      </c>
      <c r="QDF21" s="282" t="s">
        <v>3816</v>
      </c>
      <c r="QDG21" s="282" t="s">
        <v>3816</v>
      </c>
      <c r="QDH21" s="282" t="s">
        <v>3816</v>
      </c>
      <c r="QDI21" s="282" t="s">
        <v>3816</v>
      </c>
      <c r="QDJ21" s="282" t="s">
        <v>3816</v>
      </c>
      <c r="QDK21" s="282" t="s">
        <v>3816</v>
      </c>
      <c r="QDL21" s="282" t="s">
        <v>3816</v>
      </c>
      <c r="QDM21" s="282" t="s">
        <v>3816</v>
      </c>
      <c r="QDN21" s="282" t="s">
        <v>3816</v>
      </c>
      <c r="QDO21" s="282" t="s">
        <v>3816</v>
      </c>
      <c r="QDP21" s="282" t="s">
        <v>3816</v>
      </c>
      <c r="QDQ21" s="282" t="s">
        <v>3816</v>
      </c>
      <c r="QDR21" s="282" t="s">
        <v>3816</v>
      </c>
      <c r="QDS21" s="282" t="s">
        <v>3816</v>
      </c>
      <c r="QDT21" s="282" t="s">
        <v>3816</v>
      </c>
      <c r="QDU21" s="282" t="s">
        <v>3816</v>
      </c>
      <c r="QDV21" s="282" t="s">
        <v>3816</v>
      </c>
      <c r="QDW21" s="282" t="s">
        <v>3816</v>
      </c>
      <c r="QDX21" s="282" t="s">
        <v>3816</v>
      </c>
      <c r="QDY21" s="282" t="s">
        <v>3816</v>
      </c>
      <c r="QDZ21" s="282" t="s">
        <v>3816</v>
      </c>
      <c r="QEA21" s="282" t="s">
        <v>3816</v>
      </c>
      <c r="QEB21" s="282" t="s">
        <v>3816</v>
      </c>
      <c r="QEC21" s="282" t="s">
        <v>3816</v>
      </c>
      <c r="QED21" s="282" t="s">
        <v>3816</v>
      </c>
      <c r="QEE21" s="282" t="s">
        <v>3816</v>
      </c>
      <c r="QEF21" s="282" t="s">
        <v>3816</v>
      </c>
      <c r="QEG21" s="282" t="s">
        <v>3816</v>
      </c>
      <c r="QEH21" s="282" t="s">
        <v>3816</v>
      </c>
      <c r="QEI21" s="282" t="s">
        <v>3816</v>
      </c>
      <c r="QEJ21" s="282" t="s">
        <v>3816</v>
      </c>
      <c r="QEK21" s="282" t="s">
        <v>3816</v>
      </c>
      <c r="QEL21" s="282" t="s">
        <v>3816</v>
      </c>
      <c r="QEM21" s="282" t="s">
        <v>3816</v>
      </c>
      <c r="QEN21" s="282" t="s">
        <v>3816</v>
      </c>
      <c r="QEO21" s="282" t="s">
        <v>3816</v>
      </c>
      <c r="QEP21" s="282" t="s">
        <v>3816</v>
      </c>
      <c r="QEQ21" s="282" t="s">
        <v>3816</v>
      </c>
      <c r="QER21" s="282" t="s">
        <v>3816</v>
      </c>
      <c r="QES21" s="282" t="s">
        <v>3816</v>
      </c>
      <c r="QET21" s="282" t="s">
        <v>3816</v>
      </c>
      <c r="QEU21" s="282" t="s">
        <v>3816</v>
      </c>
      <c r="QEV21" s="282" t="s">
        <v>3816</v>
      </c>
      <c r="QEW21" s="282" t="s">
        <v>3816</v>
      </c>
      <c r="QEX21" s="282" t="s">
        <v>3816</v>
      </c>
      <c r="QEY21" s="282" t="s">
        <v>3816</v>
      </c>
      <c r="QEZ21" s="282" t="s">
        <v>3816</v>
      </c>
      <c r="QFA21" s="282" t="s">
        <v>3816</v>
      </c>
      <c r="QFB21" s="282" t="s">
        <v>3816</v>
      </c>
      <c r="QFC21" s="282" t="s">
        <v>3816</v>
      </c>
      <c r="QFD21" s="282" t="s">
        <v>3816</v>
      </c>
      <c r="QFE21" s="282" t="s">
        <v>3816</v>
      </c>
      <c r="QFF21" s="282" t="s">
        <v>3816</v>
      </c>
      <c r="QFG21" s="282" t="s">
        <v>3816</v>
      </c>
      <c r="QFH21" s="282" t="s">
        <v>3816</v>
      </c>
      <c r="QFI21" s="282" t="s">
        <v>3816</v>
      </c>
      <c r="QFJ21" s="282" t="s">
        <v>3816</v>
      </c>
      <c r="QFK21" s="282" t="s">
        <v>3816</v>
      </c>
      <c r="QFL21" s="282" t="s">
        <v>3816</v>
      </c>
      <c r="QFM21" s="282" t="s">
        <v>3816</v>
      </c>
      <c r="QFN21" s="282" t="s">
        <v>3816</v>
      </c>
      <c r="QFO21" s="282" t="s">
        <v>3816</v>
      </c>
      <c r="QFP21" s="282" t="s">
        <v>3816</v>
      </c>
      <c r="QFQ21" s="282" t="s">
        <v>3816</v>
      </c>
      <c r="QFR21" s="282" t="s">
        <v>3816</v>
      </c>
      <c r="QFS21" s="282" t="s">
        <v>3816</v>
      </c>
      <c r="QFT21" s="282" t="s">
        <v>3816</v>
      </c>
      <c r="QFU21" s="282" t="s">
        <v>3816</v>
      </c>
      <c r="QFV21" s="282" t="s">
        <v>3816</v>
      </c>
      <c r="QFW21" s="282" t="s">
        <v>3816</v>
      </c>
      <c r="QFX21" s="282" t="s">
        <v>3816</v>
      </c>
      <c r="QFY21" s="282" t="s">
        <v>3816</v>
      </c>
      <c r="QFZ21" s="282" t="s">
        <v>3816</v>
      </c>
      <c r="QGA21" s="282" t="s">
        <v>3816</v>
      </c>
      <c r="QGB21" s="282" t="s">
        <v>3816</v>
      </c>
      <c r="QGC21" s="282" t="s">
        <v>3816</v>
      </c>
      <c r="QGD21" s="282" t="s">
        <v>3816</v>
      </c>
      <c r="QGE21" s="282" t="s">
        <v>3816</v>
      </c>
      <c r="QGF21" s="282" t="s">
        <v>3816</v>
      </c>
      <c r="QGG21" s="282" t="s">
        <v>3816</v>
      </c>
      <c r="QGH21" s="282" t="s">
        <v>3816</v>
      </c>
      <c r="QGI21" s="282" t="s">
        <v>3816</v>
      </c>
      <c r="QGJ21" s="282" t="s">
        <v>3816</v>
      </c>
      <c r="QGK21" s="282" t="s">
        <v>3816</v>
      </c>
      <c r="QGL21" s="282" t="s">
        <v>3816</v>
      </c>
      <c r="QGM21" s="282" t="s">
        <v>3816</v>
      </c>
      <c r="QGN21" s="282" t="s">
        <v>3816</v>
      </c>
      <c r="QGO21" s="282" t="s">
        <v>3816</v>
      </c>
      <c r="QGP21" s="282" t="s">
        <v>3816</v>
      </c>
      <c r="QGQ21" s="282" t="s">
        <v>3816</v>
      </c>
      <c r="QGR21" s="282" t="s">
        <v>3816</v>
      </c>
      <c r="QGS21" s="282" t="s">
        <v>3816</v>
      </c>
      <c r="QGT21" s="282" t="s">
        <v>3816</v>
      </c>
      <c r="QGU21" s="282" t="s">
        <v>3816</v>
      </c>
      <c r="QGV21" s="282" t="s">
        <v>3816</v>
      </c>
      <c r="QGW21" s="282" t="s">
        <v>3816</v>
      </c>
      <c r="QGX21" s="282" t="s">
        <v>3816</v>
      </c>
      <c r="QGY21" s="282" t="s">
        <v>3816</v>
      </c>
      <c r="QGZ21" s="282" t="s">
        <v>3816</v>
      </c>
      <c r="QHA21" s="282" t="s">
        <v>3816</v>
      </c>
      <c r="QHB21" s="282" t="s">
        <v>3816</v>
      </c>
      <c r="QHC21" s="282" t="s">
        <v>3816</v>
      </c>
      <c r="QHD21" s="282" t="s">
        <v>3816</v>
      </c>
      <c r="QHE21" s="282" t="s">
        <v>3816</v>
      </c>
      <c r="QHF21" s="282" t="s">
        <v>3816</v>
      </c>
      <c r="QHG21" s="282" t="s">
        <v>3816</v>
      </c>
      <c r="QHH21" s="282" t="s">
        <v>3816</v>
      </c>
      <c r="QHI21" s="282" t="s">
        <v>3816</v>
      </c>
      <c r="QHJ21" s="282" t="s">
        <v>3816</v>
      </c>
      <c r="QHK21" s="282" t="s">
        <v>3816</v>
      </c>
      <c r="QHL21" s="282" t="s">
        <v>3816</v>
      </c>
      <c r="QHM21" s="282" t="s">
        <v>3816</v>
      </c>
      <c r="QHN21" s="282" t="s">
        <v>3816</v>
      </c>
      <c r="QHO21" s="282" t="s">
        <v>3816</v>
      </c>
      <c r="QHP21" s="282" t="s">
        <v>3816</v>
      </c>
      <c r="QHQ21" s="282" t="s">
        <v>3816</v>
      </c>
      <c r="QHR21" s="282" t="s">
        <v>3816</v>
      </c>
      <c r="QHS21" s="282" t="s">
        <v>3816</v>
      </c>
      <c r="QHT21" s="282" t="s">
        <v>3816</v>
      </c>
      <c r="QHU21" s="282" t="s">
        <v>3816</v>
      </c>
      <c r="QHV21" s="282" t="s">
        <v>3816</v>
      </c>
      <c r="QHW21" s="282" t="s">
        <v>3816</v>
      </c>
      <c r="QHX21" s="282" t="s">
        <v>3816</v>
      </c>
      <c r="QHY21" s="282" t="s">
        <v>3816</v>
      </c>
      <c r="QHZ21" s="282" t="s">
        <v>3816</v>
      </c>
      <c r="QIA21" s="282" t="s">
        <v>3816</v>
      </c>
      <c r="QIB21" s="282" t="s">
        <v>3816</v>
      </c>
      <c r="QIC21" s="282" t="s">
        <v>3816</v>
      </c>
      <c r="QID21" s="282" t="s">
        <v>3816</v>
      </c>
      <c r="QIE21" s="282" t="s">
        <v>3816</v>
      </c>
      <c r="QIF21" s="282" t="s">
        <v>3816</v>
      </c>
      <c r="QIG21" s="282" t="s">
        <v>3816</v>
      </c>
      <c r="QIH21" s="282" t="s">
        <v>3816</v>
      </c>
      <c r="QII21" s="282" t="s">
        <v>3816</v>
      </c>
      <c r="QIJ21" s="282" t="s">
        <v>3816</v>
      </c>
      <c r="QIK21" s="282" t="s">
        <v>3816</v>
      </c>
      <c r="QIL21" s="282" t="s">
        <v>3816</v>
      </c>
      <c r="QIM21" s="282" t="s">
        <v>3816</v>
      </c>
      <c r="QIN21" s="282" t="s">
        <v>3816</v>
      </c>
      <c r="QIO21" s="282" t="s">
        <v>3816</v>
      </c>
      <c r="QIP21" s="282" t="s">
        <v>3816</v>
      </c>
      <c r="QIQ21" s="282" t="s">
        <v>3816</v>
      </c>
      <c r="QIR21" s="282" t="s">
        <v>3816</v>
      </c>
      <c r="QIS21" s="282" t="s">
        <v>3816</v>
      </c>
      <c r="QIT21" s="282" t="s">
        <v>3816</v>
      </c>
      <c r="QIU21" s="282" t="s">
        <v>3816</v>
      </c>
      <c r="QIV21" s="282" t="s">
        <v>3816</v>
      </c>
      <c r="QIW21" s="282" t="s">
        <v>3816</v>
      </c>
      <c r="QIX21" s="282" t="s">
        <v>3816</v>
      </c>
      <c r="QIY21" s="282" t="s">
        <v>3816</v>
      </c>
      <c r="QIZ21" s="282" t="s">
        <v>3816</v>
      </c>
      <c r="QJA21" s="282" t="s">
        <v>3816</v>
      </c>
      <c r="QJB21" s="282" t="s">
        <v>3816</v>
      </c>
      <c r="QJC21" s="282" t="s">
        <v>3816</v>
      </c>
      <c r="QJD21" s="282" t="s">
        <v>3816</v>
      </c>
      <c r="QJE21" s="282" t="s">
        <v>3816</v>
      </c>
      <c r="QJF21" s="282" t="s">
        <v>3816</v>
      </c>
      <c r="QJG21" s="282" t="s">
        <v>3816</v>
      </c>
      <c r="QJH21" s="282" t="s">
        <v>3816</v>
      </c>
      <c r="QJI21" s="282" t="s">
        <v>3816</v>
      </c>
      <c r="QJJ21" s="282" t="s">
        <v>3816</v>
      </c>
      <c r="QJK21" s="282" t="s">
        <v>3816</v>
      </c>
      <c r="QJL21" s="282" t="s">
        <v>3816</v>
      </c>
      <c r="QJM21" s="282" t="s">
        <v>3816</v>
      </c>
      <c r="QJN21" s="282" t="s">
        <v>3816</v>
      </c>
      <c r="QJO21" s="282" t="s">
        <v>3816</v>
      </c>
      <c r="QJP21" s="282" t="s">
        <v>3816</v>
      </c>
      <c r="QJQ21" s="282" t="s">
        <v>3816</v>
      </c>
      <c r="QJR21" s="282" t="s">
        <v>3816</v>
      </c>
      <c r="QJS21" s="282" t="s">
        <v>3816</v>
      </c>
      <c r="QJT21" s="282" t="s">
        <v>3816</v>
      </c>
      <c r="QJU21" s="282" t="s">
        <v>3816</v>
      </c>
      <c r="QJV21" s="282" t="s">
        <v>3816</v>
      </c>
      <c r="QJW21" s="282" t="s">
        <v>3816</v>
      </c>
      <c r="QJX21" s="282" t="s">
        <v>3816</v>
      </c>
      <c r="QJY21" s="282" t="s">
        <v>3816</v>
      </c>
      <c r="QJZ21" s="282" t="s">
        <v>3816</v>
      </c>
      <c r="QKA21" s="282" t="s">
        <v>3816</v>
      </c>
      <c r="QKB21" s="282" t="s">
        <v>3816</v>
      </c>
      <c r="QKC21" s="282" t="s">
        <v>3816</v>
      </c>
      <c r="QKD21" s="282" t="s">
        <v>3816</v>
      </c>
      <c r="QKE21" s="282" t="s">
        <v>3816</v>
      </c>
      <c r="QKF21" s="282" t="s">
        <v>3816</v>
      </c>
      <c r="QKG21" s="282" t="s">
        <v>3816</v>
      </c>
      <c r="QKH21" s="282" t="s">
        <v>3816</v>
      </c>
      <c r="QKI21" s="282" t="s">
        <v>3816</v>
      </c>
      <c r="QKJ21" s="282" t="s">
        <v>3816</v>
      </c>
      <c r="QKK21" s="282" t="s">
        <v>3816</v>
      </c>
      <c r="QKL21" s="282" t="s">
        <v>3816</v>
      </c>
      <c r="QKM21" s="282" t="s">
        <v>3816</v>
      </c>
      <c r="QKN21" s="282" t="s">
        <v>3816</v>
      </c>
      <c r="QKO21" s="282" t="s">
        <v>3816</v>
      </c>
      <c r="QKP21" s="282" t="s">
        <v>3816</v>
      </c>
      <c r="QKQ21" s="282" t="s">
        <v>3816</v>
      </c>
      <c r="QKR21" s="282" t="s">
        <v>3816</v>
      </c>
      <c r="QKS21" s="282" t="s">
        <v>3816</v>
      </c>
      <c r="QKT21" s="282" t="s">
        <v>3816</v>
      </c>
      <c r="QKU21" s="282" t="s">
        <v>3816</v>
      </c>
      <c r="QKV21" s="282" t="s">
        <v>3816</v>
      </c>
      <c r="QKW21" s="282" t="s">
        <v>3816</v>
      </c>
      <c r="QKX21" s="282" t="s">
        <v>3816</v>
      </c>
      <c r="QKY21" s="282" t="s">
        <v>3816</v>
      </c>
      <c r="QKZ21" s="282" t="s">
        <v>3816</v>
      </c>
      <c r="QLA21" s="282" t="s">
        <v>3816</v>
      </c>
      <c r="QLB21" s="282" t="s">
        <v>3816</v>
      </c>
      <c r="QLC21" s="282" t="s">
        <v>3816</v>
      </c>
      <c r="QLD21" s="282" t="s">
        <v>3816</v>
      </c>
      <c r="QLE21" s="282" t="s">
        <v>3816</v>
      </c>
      <c r="QLF21" s="282" t="s">
        <v>3816</v>
      </c>
      <c r="QLG21" s="282" t="s">
        <v>3816</v>
      </c>
      <c r="QLH21" s="282" t="s">
        <v>3816</v>
      </c>
      <c r="QLI21" s="282" t="s">
        <v>3816</v>
      </c>
      <c r="QLJ21" s="282" t="s">
        <v>3816</v>
      </c>
      <c r="QLK21" s="282" t="s">
        <v>3816</v>
      </c>
      <c r="QLL21" s="282" t="s">
        <v>3816</v>
      </c>
      <c r="QLM21" s="282" t="s">
        <v>3816</v>
      </c>
      <c r="QLN21" s="282" t="s">
        <v>3816</v>
      </c>
      <c r="QLO21" s="282" t="s">
        <v>3816</v>
      </c>
      <c r="QLP21" s="282" t="s">
        <v>3816</v>
      </c>
      <c r="QLQ21" s="282" t="s">
        <v>3816</v>
      </c>
      <c r="QLR21" s="282" t="s">
        <v>3816</v>
      </c>
      <c r="QLS21" s="282" t="s">
        <v>3816</v>
      </c>
      <c r="QLT21" s="282" t="s">
        <v>3816</v>
      </c>
      <c r="QLU21" s="282" t="s">
        <v>3816</v>
      </c>
      <c r="QLV21" s="282" t="s">
        <v>3816</v>
      </c>
      <c r="QLW21" s="282" t="s">
        <v>3816</v>
      </c>
      <c r="QLX21" s="282" t="s">
        <v>3816</v>
      </c>
      <c r="QLY21" s="282" t="s">
        <v>3816</v>
      </c>
      <c r="QLZ21" s="282" t="s">
        <v>3816</v>
      </c>
      <c r="QMA21" s="282" t="s">
        <v>3816</v>
      </c>
      <c r="QMB21" s="282" t="s">
        <v>3816</v>
      </c>
      <c r="QMC21" s="282" t="s">
        <v>3816</v>
      </c>
      <c r="QMD21" s="282" t="s">
        <v>3816</v>
      </c>
      <c r="QME21" s="282" t="s">
        <v>3816</v>
      </c>
      <c r="QMF21" s="282" t="s">
        <v>3816</v>
      </c>
      <c r="QMG21" s="282" t="s">
        <v>3816</v>
      </c>
      <c r="QMH21" s="282" t="s">
        <v>3816</v>
      </c>
      <c r="QMI21" s="282" t="s">
        <v>3816</v>
      </c>
      <c r="QMJ21" s="282" t="s">
        <v>3816</v>
      </c>
      <c r="QMK21" s="282" t="s">
        <v>3816</v>
      </c>
      <c r="QML21" s="282" t="s">
        <v>3816</v>
      </c>
      <c r="QMM21" s="282" t="s">
        <v>3816</v>
      </c>
      <c r="QMN21" s="282" t="s">
        <v>3816</v>
      </c>
      <c r="QMO21" s="282" t="s">
        <v>3816</v>
      </c>
      <c r="QMP21" s="282" t="s">
        <v>3816</v>
      </c>
      <c r="QMQ21" s="282" t="s">
        <v>3816</v>
      </c>
      <c r="QMR21" s="282" t="s">
        <v>3816</v>
      </c>
      <c r="QMS21" s="282" t="s">
        <v>3816</v>
      </c>
      <c r="QMT21" s="282" t="s">
        <v>3816</v>
      </c>
      <c r="QMU21" s="282" t="s">
        <v>3816</v>
      </c>
      <c r="QMV21" s="282" t="s">
        <v>3816</v>
      </c>
      <c r="QMW21" s="282" t="s">
        <v>3816</v>
      </c>
      <c r="QMX21" s="282" t="s">
        <v>3816</v>
      </c>
      <c r="QMY21" s="282" t="s">
        <v>3816</v>
      </c>
      <c r="QMZ21" s="282" t="s">
        <v>3816</v>
      </c>
      <c r="QNA21" s="282" t="s">
        <v>3816</v>
      </c>
      <c r="QNB21" s="282" t="s">
        <v>3816</v>
      </c>
      <c r="QNC21" s="282" t="s">
        <v>3816</v>
      </c>
      <c r="QND21" s="282" t="s">
        <v>3816</v>
      </c>
      <c r="QNE21" s="282" t="s">
        <v>3816</v>
      </c>
      <c r="QNF21" s="282" t="s">
        <v>3816</v>
      </c>
      <c r="QNG21" s="282" t="s">
        <v>3816</v>
      </c>
      <c r="QNH21" s="282" t="s">
        <v>3816</v>
      </c>
      <c r="QNI21" s="282" t="s">
        <v>3816</v>
      </c>
      <c r="QNJ21" s="282" t="s">
        <v>3816</v>
      </c>
      <c r="QNK21" s="282" t="s">
        <v>3816</v>
      </c>
      <c r="QNL21" s="282" t="s">
        <v>3816</v>
      </c>
      <c r="QNM21" s="282" t="s">
        <v>3816</v>
      </c>
      <c r="QNN21" s="282" t="s">
        <v>3816</v>
      </c>
      <c r="QNO21" s="282" t="s">
        <v>3816</v>
      </c>
      <c r="QNP21" s="282" t="s">
        <v>3816</v>
      </c>
      <c r="QNQ21" s="282" t="s">
        <v>3816</v>
      </c>
      <c r="QNR21" s="282" t="s">
        <v>3816</v>
      </c>
      <c r="QNS21" s="282" t="s">
        <v>3816</v>
      </c>
      <c r="QNT21" s="282" t="s">
        <v>3816</v>
      </c>
      <c r="QNU21" s="282" t="s">
        <v>3816</v>
      </c>
      <c r="QNV21" s="282" t="s">
        <v>3816</v>
      </c>
      <c r="QNW21" s="282" t="s">
        <v>3816</v>
      </c>
      <c r="QNX21" s="282" t="s">
        <v>3816</v>
      </c>
      <c r="QNY21" s="282" t="s">
        <v>3816</v>
      </c>
      <c r="QNZ21" s="282" t="s">
        <v>3816</v>
      </c>
      <c r="QOA21" s="282" t="s">
        <v>3816</v>
      </c>
      <c r="QOB21" s="282" t="s">
        <v>3816</v>
      </c>
      <c r="QOC21" s="282" t="s">
        <v>3816</v>
      </c>
      <c r="QOD21" s="282" t="s">
        <v>3816</v>
      </c>
      <c r="QOE21" s="282" t="s">
        <v>3816</v>
      </c>
      <c r="QOF21" s="282" t="s">
        <v>3816</v>
      </c>
      <c r="QOG21" s="282" t="s">
        <v>3816</v>
      </c>
      <c r="QOH21" s="282" t="s">
        <v>3816</v>
      </c>
      <c r="QOI21" s="282" t="s">
        <v>3816</v>
      </c>
      <c r="QOJ21" s="282" t="s">
        <v>3816</v>
      </c>
      <c r="QOK21" s="282" t="s">
        <v>3816</v>
      </c>
      <c r="QOL21" s="282" t="s">
        <v>3816</v>
      </c>
      <c r="QOM21" s="282" t="s">
        <v>3816</v>
      </c>
      <c r="QON21" s="282" t="s">
        <v>3816</v>
      </c>
      <c r="QOO21" s="282" t="s">
        <v>3816</v>
      </c>
      <c r="QOP21" s="282" t="s">
        <v>3816</v>
      </c>
      <c r="QOQ21" s="282" t="s">
        <v>3816</v>
      </c>
      <c r="QOR21" s="282" t="s">
        <v>3816</v>
      </c>
      <c r="QOS21" s="282" t="s">
        <v>3816</v>
      </c>
      <c r="QOT21" s="282" t="s">
        <v>3816</v>
      </c>
      <c r="QOU21" s="282" t="s">
        <v>3816</v>
      </c>
      <c r="QOV21" s="282" t="s">
        <v>3816</v>
      </c>
      <c r="QOW21" s="282" t="s">
        <v>3816</v>
      </c>
      <c r="QOX21" s="282" t="s">
        <v>3816</v>
      </c>
      <c r="QOY21" s="282" t="s">
        <v>3816</v>
      </c>
      <c r="QOZ21" s="282" t="s">
        <v>3816</v>
      </c>
      <c r="QPA21" s="282" t="s">
        <v>3816</v>
      </c>
      <c r="QPB21" s="282" t="s">
        <v>3816</v>
      </c>
      <c r="QPC21" s="282" t="s">
        <v>3816</v>
      </c>
      <c r="QPD21" s="282" t="s">
        <v>3816</v>
      </c>
      <c r="QPE21" s="282" t="s">
        <v>3816</v>
      </c>
      <c r="QPF21" s="282" t="s">
        <v>3816</v>
      </c>
      <c r="QPG21" s="282" t="s">
        <v>3816</v>
      </c>
      <c r="QPH21" s="282" t="s">
        <v>3816</v>
      </c>
      <c r="QPI21" s="282" t="s">
        <v>3816</v>
      </c>
      <c r="QPJ21" s="282" t="s">
        <v>3816</v>
      </c>
      <c r="QPK21" s="282" t="s">
        <v>3816</v>
      </c>
      <c r="QPL21" s="282" t="s">
        <v>3816</v>
      </c>
      <c r="QPM21" s="282" t="s">
        <v>3816</v>
      </c>
      <c r="QPN21" s="282" t="s">
        <v>3816</v>
      </c>
      <c r="QPO21" s="282" t="s">
        <v>3816</v>
      </c>
      <c r="QPP21" s="282" t="s">
        <v>3816</v>
      </c>
      <c r="QPQ21" s="282" t="s">
        <v>3816</v>
      </c>
      <c r="QPR21" s="282" t="s">
        <v>3816</v>
      </c>
      <c r="QPS21" s="282" t="s">
        <v>3816</v>
      </c>
      <c r="QPT21" s="282" t="s">
        <v>3816</v>
      </c>
      <c r="QPU21" s="282" t="s">
        <v>3816</v>
      </c>
      <c r="QPV21" s="282" t="s">
        <v>3816</v>
      </c>
      <c r="QPW21" s="282" t="s">
        <v>3816</v>
      </c>
      <c r="QPX21" s="282" t="s">
        <v>3816</v>
      </c>
      <c r="QPY21" s="282" t="s">
        <v>3816</v>
      </c>
      <c r="QPZ21" s="282" t="s">
        <v>3816</v>
      </c>
      <c r="QQA21" s="282" t="s">
        <v>3816</v>
      </c>
      <c r="QQB21" s="282" t="s">
        <v>3816</v>
      </c>
      <c r="QQC21" s="282" t="s">
        <v>3816</v>
      </c>
      <c r="QQD21" s="282" t="s">
        <v>3816</v>
      </c>
      <c r="QQE21" s="282" t="s">
        <v>3816</v>
      </c>
      <c r="QQF21" s="282" t="s">
        <v>3816</v>
      </c>
      <c r="QQG21" s="282" t="s">
        <v>3816</v>
      </c>
      <c r="QQH21" s="282" t="s">
        <v>3816</v>
      </c>
      <c r="QQI21" s="282" t="s">
        <v>3816</v>
      </c>
      <c r="QQJ21" s="282" t="s">
        <v>3816</v>
      </c>
      <c r="QQK21" s="282" t="s">
        <v>3816</v>
      </c>
      <c r="QQL21" s="282" t="s">
        <v>3816</v>
      </c>
      <c r="QQM21" s="282" t="s">
        <v>3816</v>
      </c>
      <c r="QQN21" s="282" t="s">
        <v>3816</v>
      </c>
      <c r="QQO21" s="282" t="s">
        <v>3816</v>
      </c>
      <c r="QQP21" s="282" t="s">
        <v>3816</v>
      </c>
      <c r="QQQ21" s="282" t="s">
        <v>3816</v>
      </c>
      <c r="QQR21" s="282" t="s">
        <v>3816</v>
      </c>
      <c r="QQS21" s="282" t="s">
        <v>3816</v>
      </c>
      <c r="QQT21" s="282" t="s">
        <v>3816</v>
      </c>
      <c r="QQU21" s="282" t="s">
        <v>3816</v>
      </c>
      <c r="QQV21" s="282" t="s">
        <v>3816</v>
      </c>
      <c r="QQW21" s="282" t="s">
        <v>3816</v>
      </c>
      <c r="QQX21" s="282" t="s">
        <v>3816</v>
      </c>
      <c r="QQY21" s="282" t="s">
        <v>3816</v>
      </c>
      <c r="QQZ21" s="282" t="s">
        <v>3816</v>
      </c>
      <c r="QRA21" s="282" t="s">
        <v>3816</v>
      </c>
      <c r="QRB21" s="282" t="s">
        <v>3816</v>
      </c>
      <c r="QRC21" s="282" t="s">
        <v>3816</v>
      </c>
      <c r="QRD21" s="282" t="s">
        <v>3816</v>
      </c>
      <c r="QRE21" s="282" t="s">
        <v>3816</v>
      </c>
      <c r="QRF21" s="282" t="s">
        <v>3816</v>
      </c>
      <c r="QRG21" s="282" t="s">
        <v>3816</v>
      </c>
      <c r="QRH21" s="282" t="s">
        <v>3816</v>
      </c>
      <c r="QRI21" s="282" t="s">
        <v>3816</v>
      </c>
      <c r="QRJ21" s="282" t="s">
        <v>3816</v>
      </c>
      <c r="QRK21" s="282" t="s">
        <v>3816</v>
      </c>
      <c r="QRL21" s="282" t="s">
        <v>3816</v>
      </c>
      <c r="QRM21" s="282" t="s">
        <v>3816</v>
      </c>
      <c r="QRN21" s="282" t="s">
        <v>3816</v>
      </c>
      <c r="QRO21" s="282" t="s">
        <v>3816</v>
      </c>
      <c r="QRP21" s="282" t="s">
        <v>3816</v>
      </c>
      <c r="QRQ21" s="282" t="s">
        <v>3816</v>
      </c>
      <c r="QRR21" s="282" t="s">
        <v>3816</v>
      </c>
      <c r="QRS21" s="282" t="s">
        <v>3816</v>
      </c>
      <c r="QRT21" s="282" t="s">
        <v>3816</v>
      </c>
      <c r="QRU21" s="282" t="s">
        <v>3816</v>
      </c>
      <c r="QRV21" s="282" t="s">
        <v>3816</v>
      </c>
      <c r="QRW21" s="282" t="s">
        <v>3816</v>
      </c>
      <c r="QRX21" s="282" t="s">
        <v>3816</v>
      </c>
      <c r="QRY21" s="282" t="s">
        <v>3816</v>
      </c>
      <c r="QRZ21" s="282" t="s">
        <v>3816</v>
      </c>
      <c r="QSA21" s="282" t="s">
        <v>3816</v>
      </c>
      <c r="QSB21" s="282" t="s">
        <v>3816</v>
      </c>
      <c r="QSC21" s="282" t="s">
        <v>3816</v>
      </c>
      <c r="QSD21" s="282" t="s">
        <v>3816</v>
      </c>
      <c r="QSE21" s="282" t="s">
        <v>3816</v>
      </c>
      <c r="QSF21" s="282" t="s">
        <v>3816</v>
      </c>
      <c r="QSG21" s="282" t="s">
        <v>3816</v>
      </c>
      <c r="QSH21" s="282" t="s">
        <v>3816</v>
      </c>
      <c r="QSI21" s="282" t="s">
        <v>3816</v>
      </c>
      <c r="QSJ21" s="282" t="s">
        <v>3816</v>
      </c>
      <c r="QSK21" s="282" t="s">
        <v>3816</v>
      </c>
      <c r="QSL21" s="282" t="s">
        <v>3816</v>
      </c>
      <c r="QSM21" s="282" t="s">
        <v>3816</v>
      </c>
      <c r="QSN21" s="282" t="s">
        <v>3816</v>
      </c>
      <c r="QSO21" s="282" t="s">
        <v>3816</v>
      </c>
      <c r="QSP21" s="282" t="s">
        <v>3816</v>
      </c>
      <c r="QSQ21" s="282" t="s">
        <v>3816</v>
      </c>
      <c r="QSR21" s="282" t="s">
        <v>3816</v>
      </c>
      <c r="QSS21" s="282" t="s">
        <v>3816</v>
      </c>
      <c r="QST21" s="282" t="s">
        <v>3816</v>
      </c>
      <c r="QSU21" s="282" t="s">
        <v>3816</v>
      </c>
      <c r="QSV21" s="282" t="s">
        <v>3816</v>
      </c>
      <c r="QSW21" s="282" t="s">
        <v>3816</v>
      </c>
      <c r="QSX21" s="282" t="s">
        <v>3816</v>
      </c>
      <c r="QSY21" s="282" t="s">
        <v>3816</v>
      </c>
      <c r="QSZ21" s="282" t="s">
        <v>3816</v>
      </c>
      <c r="QTA21" s="282" t="s">
        <v>3816</v>
      </c>
      <c r="QTB21" s="282" t="s">
        <v>3816</v>
      </c>
      <c r="QTC21" s="282" t="s">
        <v>3816</v>
      </c>
      <c r="QTD21" s="282" t="s">
        <v>3816</v>
      </c>
      <c r="QTE21" s="282" t="s">
        <v>3816</v>
      </c>
      <c r="QTF21" s="282" t="s">
        <v>3816</v>
      </c>
      <c r="QTG21" s="282" t="s">
        <v>3816</v>
      </c>
      <c r="QTH21" s="282" t="s">
        <v>3816</v>
      </c>
      <c r="QTI21" s="282" t="s">
        <v>3816</v>
      </c>
      <c r="QTJ21" s="282" t="s">
        <v>3816</v>
      </c>
      <c r="QTK21" s="282" t="s">
        <v>3816</v>
      </c>
      <c r="QTL21" s="282" t="s">
        <v>3816</v>
      </c>
      <c r="QTM21" s="282" t="s">
        <v>3816</v>
      </c>
      <c r="QTN21" s="282" t="s">
        <v>3816</v>
      </c>
      <c r="QTO21" s="282" t="s">
        <v>3816</v>
      </c>
      <c r="QTP21" s="282" t="s">
        <v>3816</v>
      </c>
      <c r="QTQ21" s="282" t="s">
        <v>3816</v>
      </c>
      <c r="QTR21" s="282" t="s">
        <v>3816</v>
      </c>
      <c r="QTS21" s="282" t="s">
        <v>3816</v>
      </c>
      <c r="QTT21" s="282" t="s">
        <v>3816</v>
      </c>
      <c r="QTU21" s="282" t="s">
        <v>3816</v>
      </c>
      <c r="QTV21" s="282" t="s">
        <v>3816</v>
      </c>
      <c r="QTW21" s="282" t="s">
        <v>3816</v>
      </c>
      <c r="QTX21" s="282" t="s">
        <v>3816</v>
      </c>
      <c r="QTY21" s="282" t="s">
        <v>3816</v>
      </c>
      <c r="QTZ21" s="282" t="s">
        <v>3816</v>
      </c>
      <c r="QUA21" s="282" t="s">
        <v>3816</v>
      </c>
      <c r="QUB21" s="282" t="s">
        <v>3816</v>
      </c>
      <c r="QUC21" s="282" t="s">
        <v>3816</v>
      </c>
      <c r="QUD21" s="282" t="s">
        <v>3816</v>
      </c>
      <c r="QUE21" s="282" t="s">
        <v>3816</v>
      </c>
      <c r="QUF21" s="282" t="s">
        <v>3816</v>
      </c>
      <c r="QUG21" s="282" t="s">
        <v>3816</v>
      </c>
      <c r="QUH21" s="282" t="s">
        <v>3816</v>
      </c>
      <c r="QUI21" s="282" t="s">
        <v>3816</v>
      </c>
      <c r="QUJ21" s="282" t="s">
        <v>3816</v>
      </c>
      <c r="QUK21" s="282" t="s">
        <v>3816</v>
      </c>
      <c r="QUL21" s="282" t="s">
        <v>3816</v>
      </c>
      <c r="QUM21" s="282" t="s">
        <v>3816</v>
      </c>
      <c r="QUN21" s="282" t="s">
        <v>3816</v>
      </c>
      <c r="QUO21" s="282" t="s">
        <v>3816</v>
      </c>
      <c r="QUP21" s="282" t="s">
        <v>3816</v>
      </c>
      <c r="QUQ21" s="282" t="s">
        <v>3816</v>
      </c>
      <c r="QUR21" s="282" t="s">
        <v>3816</v>
      </c>
      <c r="QUS21" s="282" t="s">
        <v>3816</v>
      </c>
      <c r="QUT21" s="282" t="s">
        <v>3816</v>
      </c>
      <c r="QUU21" s="282" t="s">
        <v>3816</v>
      </c>
      <c r="QUV21" s="282" t="s">
        <v>3816</v>
      </c>
      <c r="QUW21" s="282" t="s">
        <v>3816</v>
      </c>
      <c r="QUX21" s="282" t="s">
        <v>3816</v>
      </c>
      <c r="QUY21" s="282" t="s">
        <v>3816</v>
      </c>
      <c r="QUZ21" s="282" t="s">
        <v>3816</v>
      </c>
      <c r="QVA21" s="282" t="s">
        <v>3816</v>
      </c>
      <c r="QVB21" s="282" t="s">
        <v>3816</v>
      </c>
      <c r="QVC21" s="282" t="s">
        <v>3816</v>
      </c>
      <c r="QVD21" s="282" t="s">
        <v>3816</v>
      </c>
      <c r="QVE21" s="282" t="s">
        <v>3816</v>
      </c>
      <c r="QVF21" s="282" t="s">
        <v>3816</v>
      </c>
      <c r="QVG21" s="282" t="s">
        <v>3816</v>
      </c>
      <c r="QVH21" s="282" t="s">
        <v>3816</v>
      </c>
      <c r="QVI21" s="282" t="s">
        <v>3816</v>
      </c>
      <c r="QVJ21" s="282" t="s">
        <v>3816</v>
      </c>
      <c r="QVK21" s="282" t="s">
        <v>3816</v>
      </c>
      <c r="QVL21" s="282" t="s">
        <v>3816</v>
      </c>
      <c r="QVM21" s="282" t="s">
        <v>3816</v>
      </c>
      <c r="QVN21" s="282" t="s">
        <v>3816</v>
      </c>
      <c r="QVO21" s="282" t="s">
        <v>3816</v>
      </c>
      <c r="QVP21" s="282" t="s">
        <v>3816</v>
      </c>
      <c r="QVQ21" s="282" t="s">
        <v>3816</v>
      </c>
      <c r="QVR21" s="282" t="s">
        <v>3816</v>
      </c>
      <c r="QVS21" s="282" t="s">
        <v>3816</v>
      </c>
      <c r="QVT21" s="282" t="s">
        <v>3816</v>
      </c>
      <c r="QVU21" s="282" t="s">
        <v>3816</v>
      </c>
      <c r="QVV21" s="282" t="s">
        <v>3816</v>
      </c>
      <c r="QVW21" s="282" t="s">
        <v>3816</v>
      </c>
      <c r="QVX21" s="282" t="s">
        <v>3816</v>
      </c>
      <c r="QVY21" s="282" t="s">
        <v>3816</v>
      </c>
      <c r="QVZ21" s="282" t="s">
        <v>3816</v>
      </c>
      <c r="QWA21" s="282" t="s">
        <v>3816</v>
      </c>
      <c r="QWB21" s="282" t="s">
        <v>3816</v>
      </c>
      <c r="QWC21" s="282" t="s">
        <v>3816</v>
      </c>
      <c r="QWD21" s="282" t="s">
        <v>3816</v>
      </c>
      <c r="QWE21" s="282" t="s">
        <v>3816</v>
      </c>
      <c r="QWF21" s="282" t="s">
        <v>3816</v>
      </c>
      <c r="QWG21" s="282" t="s">
        <v>3816</v>
      </c>
      <c r="QWH21" s="282" t="s">
        <v>3816</v>
      </c>
      <c r="QWI21" s="282" t="s">
        <v>3816</v>
      </c>
      <c r="QWJ21" s="282" t="s">
        <v>3816</v>
      </c>
      <c r="QWK21" s="282" t="s">
        <v>3816</v>
      </c>
      <c r="QWL21" s="282" t="s">
        <v>3816</v>
      </c>
      <c r="QWM21" s="282" t="s">
        <v>3816</v>
      </c>
      <c r="QWN21" s="282" t="s">
        <v>3816</v>
      </c>
      <c r="QWO21" s="282" t="s">
        <v>3816</v>
      </c>
      <c r="QWP21" s="282" t="s">
        <v>3816</v>
      </c>
      <c r="QWQ21" s="282" t="s">
        <v>3816</v>
      </c>
      <c r="QWR21" s="282" t="s">
        <v>3816</v>
      </c>
      <c r="QWS21" s="282" t="s">
        <v>3816</v>
      </c>
      <c r="QWT21" s="282" t="s">
        <v>3816</v>
      </c>
      <c r="QWU21" s="282" t="s">
        <v>3816</v>
      </c>
      <c r="QWV21" s="282" t="s">
        <v>3816</v>
      </c>
      <c r="QWW21" s="282" t="s">
        <v>3816</v>
      </c>
      <c r="QWX21" s="282" t="s">
        <v>3816</v>
      </c>
      <c r="QWY21" s="282" t="s">
        <v>3816</v>
      </c>
      <c r="QWZ21" s="282" t="s">
        <v>3816</v>
      </c>
      <c r="QXA21" s="282" t="s">
        <v>3816</v>
      </c>
      <c r="QXB21" s="282" t="s">
        <v>3816</v>
      </c>
      <c r="QXC21" s="282" t="s">
        <v>3816</v>
      </c>
      <c r="QXD21" s="282" t="s">
        <v>3816</v>
      </c>
      <c r="QXE21" s="282" t="s">
        <v>3816</v>
      </c>
      <c r="QXF21" s="282" t="s">
        <v>3816</v>
      </c>
      <c r="QXG21" s="282" t="s">
        <v>3816</v>
      </c>
      <c r="QXH21" s="282" t="s">
        <v>3816</v>
      </c>
      <c r="QXI21" s="282" t="s">
        <v>3816</v>
      </c>
      <c r="QXJ21" s="282" t="s">
        <v>3816</v>
      </c>
      <c r="QXK21" s="282" t="s">
        <v>3816</v>
      </c>
      <c r="QXL21" s="282" t="s">
        <v>3816</v>
      </c>
      <c r="QXM21" s="282" t="s">
        <v>3816</v>
      </c>
      <c r="QXN21" s="282" t="s">
        <v>3816</v>
      </c>
      <c r="QXO21" s="282" t="s">
        <v>3816</v>
      </c>
      <c r="QXP21" s="282" t="s">
        <v>3816</v>
      </c>
      <c r="QXQ21" s="282" t="s">
        <v>3816</v>
      </c>
      <c r="QXR21" s="282" t="s">
        <v>3816</v>
      </c>
      <c r="QXS21" s="282" t="s">
        <v>3816</v>
      </c>
      <c r="QXT21" s="282" t="s">
        <v>3816</v>
      </c>
      <c r="QXU21" s="282" t="s">
        <v>3816</v>
      </c>
      <c r="QXV21" s="282" t="s">
        <v>3816</v>
      </c>
      <c r="QXW21" s="282" t="s">
        <v>3816</v>
      </c>
      <c r="QXX21" s="282" t="s">
        <v>3816</v>
      </c>
      <c r="QXY21" s="282" t="s">
        <v>3816</v>
      </c>
      <c r="QXZ21" s="282" t="s">
        <v>3816</v>
      </c>
      <c r="QYA21" s="282" t="s">
        <v>3816</v>
      </c>
      <c r="QYB21" s="282" t="s">
        <v>3816</v>
      </c>
      <c r="QYC21" s="282" t="s">
        <v>3816</v>
      </c>
      <c r="QYD21" s="282" t="s">
        <v>3816</v>
      </c>
      <c r="QYE21" s="282" t="s">
        <v>3816</v>
      </c>
      <c r="QYF21" s="282" t="s">
        <v>3816</v>
      </c>
      <c r="QYG21" s="282" t="s">
        <v>3816</v>
      </c>
      <c r="QYH21" s="282" t="s">
        <v>3816</v>
      </c>
      <c r="QYI21" s="282" t="s">
        <v>3816</v>
      </c>
      <c r="QYJ21" s="282" t="s">
        <v>3816</v>
      </c>
      <c r="QYK21" s="282" t="s">
        <v>3816</v>
      </c>
      <c r="QYL21" s="282" t="s">
        <v>3816</v>
      </c>
      <c r="QYM21" s="282" t="s">
        <v>3816</v>
      </c>
      <c r="QYN21" s="282" t="s">
        <v>3816</v>
      </c>
      <c r="QYO21" s="282" t="s">
        <v>3816</v>
      </c>
      <c r="QYP21" s="282" t="s">
        <v>3816</v>
      </c>
      <c r="QYQ21" s="282" t="s">
        <v>3816</v>
      </c>
      <c r="QYR21" s="282" t="s">
        <v>3816</v>
      </c>
      <c r="QYS21" s="282" t="s">
        <v>3816</v>
      </c>
      <c r="QYT21" s="282" t="s">
        <v>3816</v>
      </c>
      <c r="QYU21" s="282" t="s">
        <v>3816</v>
      </c>
      <c r="QYV21" s="282" t="s">
        <v>3816</v>
      </c>
      <c r="QYW21" s="282" t="s">
        <v>3816</v>
      </c>
      <c r="QYX21" s="282" t="s">
        <v>3816</v>
      </c>
      <c r="QYY21" s="282" t="s">
        <v>3816</v>
      </c>
      <c r="QYZ21" s="282" t="s">
        <v>3816</v>
      </c>
      <c r="QZA21" s="282" t="s">
        <v>3816</v>
      </c>
      <c r="QZB21" s="282" t="s">
        <v>3816</v>
      </c>
      <c r="QZC21" s="282" t="s">
        <v>3816</v>
      </c>
      <c r="QZD21" s="282" t="s">
        <v>3816</v>
      </c>
      <c r="QZE21" s="282" t="s">
        <v>3816</v>
      </c>
      <c r="QZF21" s="282" t="s">
        <v>3816</v>
      </c>
      <c r="QZG21" s="282" t="s">
        <v>3816</v>
      </c>
      <c r="QZH21" s="282" t="s">
        <v>3816</v>
      </c>
      <c r="QZI21" s="282" t="s">
        <v>3816</v>
      </c>
      <c r="QZJ21" s="282" t="s">
        <v>3816</v>
      </c>
      <c r="QZK21" s="282" t="s">
        <v>3816</v>
      </c>
      <c r="QZL21" s="282" t="s">
        <v>3816</v>
      </c>
      <c r="QZM21" s="282" t="s">
        <v>3816</v>
      </c>
      <c r="QZN21" s="282" t="s">
        <v>3816</v>
      </c>
      <c r="QZO21" s="282" t="s">
        <v>3816</v>
      </c>
      <c r="QZP21" s="282" t="s">
        <v>3816</v>
      </c>
      <c r="QZQ21" s="282" t="s">
        <v>3816</v>
      </c>
      <c r="QZR21" s="282" t="s">
        <v>3816</v>
      </c>
      <c r="QZS21" s="282" t="s">
        <v>3816</v>
      </c>
      <c r="QZT21" s="282" t="s">
        <v>3816</v>
      </c>
      <c r="QZU21" s="282" t="s">
        <v>3816</v>
      </c>
      <c r="QZV21" s="282" t="s">
        <v>3816</v>
      </c>
      <c r="QZW21" s="282" t="s">
        <v>3816</v>
      </c>
      <c r="QZX21" s="282" t="s">
        <v>3816</v>
      </c>
      <c r="QZY21" s="282" t="s">
        <v>3816</v>
      </c>
      <c r="QZZ21" s="282" t="s">
        <v>3816</v>
      </c>
      <c r="RAA21" s="282" t="s">
        <v>3816</v>
      </c>
      <c r="RAB21" s="282" t="s">
        <v>3816</v>
      </c>
      <c r="RAC21" s="282" t="s">
        <v>3816</v>
      </c>
      <c r="RAD21" s="282" t="s">
        <v>3816</v>
      </c>
      <c r="RAE21" s="282" t="s">
        <v>3816</v>
      </c>
      <c r="RAF21" s="282" t="s">
        <v>3816</v>
      </c>
      <c r="RAG21" s="282" t="s">
        <v>3816</v>
      </c>
      <c r="RAH21" s="282" t="s">
        <v>3816</v>
      </c>
      <c r="RAI21" s="282" t="s">
        <v>3816</v>
      </c>
      <c r="RAJ21" s="282" t="s">
        <v>3816</v>
      </c>
      <c r="RAK21" s="282" t="s">
        <v>3816</v>
      </c>
      <c r="RAL21" s="282" t="s">
        <v>3816</v>
      </c>
      <c r="RAM21" s="282" t="s">
        <v>3816</v>
      </c>
      <c r="RAN21" s="282" t="s">
        <v>3816</v>
      </c>
      <c r="RAO21" s="282" t="s">
        <v>3816</v>
      </c>
      <c r="RAP21" s="282" t="s">
        <v>3816</v>
      </c>
      <c r="RAQ21" s="282" t="s">
        <v>3816</v>
      </c>
      <c r="RAR21" s="282" t="s">
        <v>3816</v>
      </c>
      <c r="RAS21" s="282" t="s">
        <v>3816</v>
      </c>
      <c r="RAT21" s="282" t="s">
        <v>3816</v>
      </c>
      <c r="RAU21" s="282" t="s">
        <v>3816</v>
      </c>
      <c r="RAV21" s="282" t="s">
        <v>3816</v>
      </c>
      <c r="RAW21" s="282" t="s">
        <v>3816</v>
      </c>
      <c r="RAX21" s="282" t="s">
        <v>3816</v>
      </c>
      <c r="RAY21" s="282" t="s">
        <v>3816</v>
      </c>
      <c r="RAZ21" s="282" t="s">
        <v>3816</v>
      </c>
      <c r="RBA21" s="282" t="s">
        <v>3816</v>
      </c>
      <c r="RBB21" s="282" t="s">
        <v>3816</v>
      </c>
      <c r="RBC21" s="282" t="s">
        <v>3816</v>
      </c>
      <c r="RBD21" s="282" t="s">
        <v>3816</v>
      </c>
      <c r="RBE21" s="282" t="s">
        <v>3816</v>
      </c>
      <c r="RBF21" s="282" t="s">
        <v>3816</v>
      </c>
      <c r="RBG21" s="282" t="s">
        <v>3816</v>
      </c>
      <c r="RBH21" s="282" t="s">
        <v>3816</v>
      </c>
      <c r="RBI21" s="282" t="s">
        <v>3816</v>
      </c>
      <c r="RBJ21" s="282" t="s">
        <v>3816</v>
      </c>
      <c r="RBK21" s="282" t="s">
        <v>3816</v>
      </c>
      <c r="RBL21" s="282" t="s">
        <v>3816</v>
      </c>
      <c r="RBM21" s="282" t="s">
        <v>3816</v>
      </c>
      <c r="RBN21" s="282" t="s">
        <v>3816</v>
      </c>
      <c r="RBO21" s="282" t="s">
        <v>3816</v>
      </c>
      <c r="RBP21" s="282" t="s">
        <v>3816</v>
      </c>
      <c r="RBQ21" s="282" t="s">
        <v>3816</v>
      </c>
      <c r="RBR21" s="282" t="s">
        <v>3816</v>
      </c>
      <c r="RBS21" s="282" t="s">
        <v>3816</v>
      </c>
      <c r="RBT21" s="282" t="s">
        <v>3816</v>
      </c>
      <c r="RBU21" s="282" t="s">
        <v>3816</v>
      </c>
      <c r="RBV21" s="282" t="s">
        <v>3816</v>
      </c>
      <c r="RBW21" s="282" t="s">
        <v>3816</v>
      </c>
      <c r="RBX21" s="282" t="s">
        <v>3816</v>
      </c>
      <c r="RBY21" s="282" t="s">
        <v>3816</v>
      </c>
      <c r="RBZ21" s="282" t="s">
        <v>3816</v>
      </c>
      <c r="RCA21" s="282" t="s">
        <v>3816</v>
      </c>
      <c r="RCB21" s="282" t="s">
        <v>3816</v>
      </c>
      <c r="RCC21" s="282" t="s">
        <v>3816</v>
      </c>
      <c r="RCD21" s="282" t="s">
        <v>3816</v>
      </c>
      <c r="RCE21" s="282" t="s">
        <v>3816</v>
      </c>
      <c r="RCF21" s="282" t="s">
        <v>3816</v>
      </c>
      <c r="RCG21" s="282" t="s">
        <v>3816</v>
      </c>
      <c r="RCH21" s="282" t="s">
        <v>3816</v>
      </c>
      <c r="RCI21" s="282" t="s">
        <v>3816</v>
      </c>
      <c r="RCJ21" s="282" t="s">
        <v>3816</v>
      </c>
      <c r="RCK21" s="282" t="s">
        <v>3816</v>
      </c>
      <c r="RCL21" s="282" t="s">
        <v>3816</v>
      </c>
      <c r="RCM21" s="282" t="s">
        <v>3816</v>
      </c>
      <c r="RCN21" s="282" t="s">
        <v>3816</v>
      </c>
      <c r="RCO21" s="282" t="s">
        <v>3816</v>
      </c>
      <c r="RCP21" s="282" t="s">
        <v>3816</v>
      </c>
      <c r="RCQ21" s="282" t="s">
        <v>3816</v>
      </c>
      <c r="RCR21" s="282" t="s">
        <v>3816</v>
      </c>
      <c r="RCS21" s="282" t="s">
        <v>3816</v>
      </c>
      <c r="RCT21" s="282" t="s">
        <v>3816</v>
      </c>
      <c r="RCU21" s="282" t="s">
        <v>3816</v>
      </c>
      <c r="RCV21" s="282" t="s">
        <v>3816</v>
      </c>
      <c r="RCW21" s="282" t="s">
        <v>3816</v>
      </c>
      <c r="RCX21" s="282" t="s">
        <v>3816</v>
      </c>
      <c r="RCY21" s="282" t="s">
        <v>3816</v>
      </c>
      <c r="RCZ21" s="282" t="s">
        <v>3816</v>
      </c>
      <c r="RDA21" s="282" t="s">
        <v>3816</v>
      </c>
      <c r="RDB21" s="282" t="s">
        <v>3816</v>
      </c>
      <c r="RDC21" s="282" t="s">
        <v>3816</v>
      </c>
      <c r="RDD21" s="282" t="s">
        <v>3816</v>
      </c>
      <c r="RDE21" s="282" t="s">
        <v>3816</v>
      </c>
      <c r="RDF21" s="282" t="s">
        <v>3816</v>
      </c>
      <c r="RDG21" s="282" t="s">
        <v>3816</v>
      </c>
      <c r="RDH21" s="282" t="s">
        <v>3816</v>
      </c>
      <c r="RDI21" s="282" t="s">
        <v>3816</v>
      </c>
      <c r="RDJ21" s="282" t="s">
        <v>3816</v>
      </c>
      <c r="RDK21" s="282" t="s">
        <v>3816</v>
      </c>
      <c r="RDL21" s="282" t="s">
        <v>3816</v>
      </c>
      <c r="RDM21" s="282" t="s">
        <v>3816</v>
      </c>
      <c r="RDN21" s="282" t="s">
        <v>3816</v>
      </c>
      <c r="RDO21" s="282" t="s">
        <v>3816</v>
      </c>
      <c r="RDP21" s="282" t="s">
        <v>3816</v>
      </c>
      <c r="RDQ21" s="282" t="s">
        <v>3816</v>
      </c>
      <c r="RDR21" s="282" t="s">
        <v>3816</v>
      </c>
      <c r="RDS21" s="282" t="s">
        <v>3816</v>
      </c>
      <c r="RDT21" s="282" t="s">
        <v>3816</v>
      </c>
      <c r="RDU21" s="282" t="s">
        <v>3816</v>
      </c>
      <c r="RDV21" s="282" t="s">
        <v>3816</v>
      </c>
      <c r="RDW21" s="282" t="s">
        <v>3816</v>
      </c>
      <c r="RDX21" s="282" t="s">
        <v>3816</v>
      </c>
      <c r="RDY21" s="282" t="s">
        <v>3816</v>
      </c>
      <c r="RDZ21" s="282" t="s">
        <v>3816</v>
      </c>
      <c r="REA21" s="282" t="s">
        <v>3816</v>
      </c>
      <c r="REB21" s="282" t="s">
        <v>3816</v>
      </c>
      <c r="REC21" s="282" t="s">
        <v>3816</v>
      </c>
      <c r="RED21" s="282" t="s">
        <v>3816</v>
      </c>
      <c r="REE21" s="282" t="s">
        <v>3816</v>
      </c>
      <c r="REF21" s="282" t="s">
        <v>3816</v>
      </c>
      <c r="REG21" s="282" t="s">
        <v>3816</v>
      </c>
      <c r="REH21" s="282" t="s">
        <v>3816</v>
      </c>
      <c r="REI21" s="282" t="s">
        <v>3816</v>
      </c>
      <c r="REJ21" s="282" t="s">
        <v>3816</v>
      </c>
      <c r="REK21" s="282" t="s">
        <v>3816</v>
      </c>
      <c r="REL21" s="282" t="s">
        <v>3816</v>
      </c>
      <c r="REM21" s="282" t="s">
        <v>3816</v>
      </c>
      <c r="REN21" s="282" t="s">
        <v>3816</v>
      </c>
      <c r="REO21" s="282" t="s">
        <v>3816</v>
      </c>
      <c r="REP21" s="282" t="s">
        <v>3816</v>
      </c>
      <c r="REQ21" s="282" t="s">
        <v>3816</v>
      </c>
      <c r="RER21" s="282" t="s">
        <v>3816</v>
      </c>
      <c r="RES21" s="282" t="s">
        <v>3816</v>
      </c>
      <c r="RET21" s="282" t="s">
        <v>3816</v>
      </c>
      <c r="REU21" s="282" t="s">
        <v>3816</v>
      </c>
      <c r="REV21" s="282" t="s">
        <v>3816</v>
      </c>
      <c r="REW21" s="282" t="s">
        <v>3816</v>
      </c>
      <c r="REX21" s="282" t="s">
        <v>3816</v>
      </c>
      <c r="REY21" s="282" t="s">
        <v>3816</v>
      </c>
      <c r="REZ21" s="282" t="s">
        <v>3816</v>
      </c>
      <c r="RFA21" s="282" t="s">
        <v>3816</v>
      </c>
      <c r="RFB21" s="282" t="s">
        <v>3816</v>
      </c>
      <c r="RFC21" s="282" t="s">
        <v>3816</v>
      </c>
      <c r="RFD21" s="282" t="s">
        <v>3816</v>
      </c>
      <c r="RFE21" s="282" t="s">
        <v>3816</v>
      </c>
      <c r="RFF21" s="282" t="s">
        <v>3816</v>
      </c>
      <c r="RFG21" s="282" t="s">
        <v>3816</v>
      </c>
      <c r="RFH21" s="282" t="s">
        <v>3816</v>
      </c>
      <c r="RFI21" s="282" t="s">
        <v>3816</v>
      </c>
      <c r="RFJ21" s="282" t="s">
        <v>3816</v>
      </c>
      <c r="RFK21" s="282" t="s">
        <v>3816</v>
      </c>
      <c r="RFL21" s="282" t="s">
        <v>3816</v>
      </c>
      <c r="RFM21" s="282" t="s">
        <v>3816</v>
      </c>
      <c r="RFN21" s="282" t="s">
        <v>3816</v>
      </c>
      <c r="RFO21" s="282" t="s">
        <v>3816</v>
      </c>
      <c r="RFP21" s="282" t="s">
        <v>3816</v>
      </c>
      <c r="RFQ21" s="282" t="s">
        <v>3816</v>
      </c>
      <c r="RFR21" s="282" t="s">
        <v>3816</v>
      </c>
      <c r="RFS21" s="282" t="s">
        <v>3816</v>
      </c>
      <c r="RFT21" s="282" t="s">
        <v>3816</v>
      </c>
      <c r="RFU21" s="282" t="s">
        <v>3816</v>
      </c>
      <c r="RFV21" s="282" t="s">
        <v>3816</v>
      </c>
      <c r="RFW21" s="282" t="s">
        <v>3816</v>
      </c>
      <c r="RFX21" s="282" t="s">
        <v>3816</v>
      </c>
      <c r="RFY21" s="282" t="s">
        <v>3816</v>
      </c>
      <c r="RFZ21" s="282" t="s">
        <v>3816</v>
      </c>
      <c r="RGA21" s="282" t="s">
        <v>3816</v>
      </c>
      <c r="RGB21" s="282" t="s">
        <v>3816</v>
      </c>
      <c r="RGC21" s="282" t="s">
        <v>3816</v>
      </c>
      <c r="RGD21" s="282" t="s">
        <v>3816</v>
      </c>
      <c r="RGE21" s="282" t="s">
        <v>3816</v>
      </c>
      <c r="RGF21" s="282" t="s">
        <v>3816</v>
      </c>
      <c r="RGG21" s="282" t="s">
        <v>3816</v>
      </c>
      <c r="RGH21" s="282" t="s">
        <v>3816</v>
      </c>
      <c r="RGI21" s="282" t="s">
        <v>3816</v>
      </c>
      <c r="RGJ21" s="282" t="s">
        <v>3816</v>
      </c>
      <c r="RGK21" s="282" t="s">
        <v>3816</v>
      </c>
      <c r="RGL21" s="282" t="s">
        <v>3816</v>
      </c>
      <c r="RGM21" s="282" t="s">
        <v>3816</v>
      </c>
      <c r="RGN21" s="282" t="s">
        <v>3816</v>
      </c>
      <c r="RGO21" s="282" t="s">
        <v>3816</v>
      </c>
      <c r="RGP21" s="282" t="s">
        <v>3816</v>
      </c>
      <c r="RGQ21" s="282" t="s">
        <v>3816</v>
      </c>
      <c r="RGR21" s="282" t="s">
        <v>3816</v>
      </c>
      <c r="RGS21" s="282" t="s">
        <v>3816</v>
      </c>
      <c r="RGT21" s="282" t="s">
        <v>3816</v>
      </c>
      <c r="RGU21" s="282" t="s">
        <v>3816</v>
      </c>
      <c r="RGV21" s="282" t="s">
        <v>3816</v>
      </c>
      <c r="RGW21" s="282" t="s">
        <v>3816</v>
      </c>
      <c r="RGX21" s="282" t="s">
        <v>3816</v>
      </c>
      <c r="RGY21" s="282" t="s">
        <v>3816</v>
      </c>
      <c r="RGZ21" s="282" t="s">
        <v>3816</v>
      </c>
      <c r="RHA21" s="282" t="s">
        <v>3816</v>
      </c>
      <c r="RHB21" s="282" t="s">
        <v>3816</v>
      </c>
      <c r="RHC21" s="282" t="s">
        <v>3816</v>
      </c>
      <c r="RHD21" s="282" t="s">
        <v>3816</v>
      </c>
      <c r="RHE21" s="282" t="s">
        <v>3816</v>
      </c>
      <c r="RHF21" s="282" t="s">
        <v>3816</v>
      </c>
      <c r="RHG21" s="282" t="s">
        <v>3816</v>
      </c>
      <c r="RHH21" s="282" t="s">
        <v>3816</v>
      </c>
      <c r="RHI21" s="282" t="s">
        <v>3816</v>
      </c>
      <c r="RHJ21" s="282" t="s">
        <v>3816</v>
      </c>
      <c r="RHK21" s="282" t="s">
        <v>3816</v>
      </c>
      <c r="RHL21" s="282" t="s">
        <v>3816</v>
      </c>
      <c r="RHM21" s="282" t="s">
        <v>3816</v>
      </c>
      <c r="RHN21" s="282" t="s">
        <v>3816</v>
      </c>
      <c r="RHO21" s="282" t="s">
        <v>3816</v>
      </c>
      <c r="RHP21" s="282" t="s">
        <v>3816</v>
      </c>
      <c r="RHQ21" s="282" t="s">
        <v>3816</v>
      </c>
      <c r="RHR21" s="282" t="s">
        <v>3816</v>
      </c>
      <c r="RHS21" s="282" t="s">
        <v>3816</v>
      </c>
      <c r="RHT21" s="282" t="s">
        <v>3816</v>
      </c>
      <c r="RHU21" s="282" t="s">
        <v>3816</v>
      </c>
      <c r="RHV21" s="282" t="s">
        <v>3816</v>
      </c>
      <c r="RHW21" s="282" t="s">
        <v>3816</v>
      </c>
      <c r="RHX21" s="282" t="s">
        <v>3816</v>
      </c>
      <c r="RHY21" s="282" t="s">
        <v>3816</v>
      </c>
      <c r="RHZ21" s="282" t="s">
        <v>3816</v>
      </c>
      <c r="RIA21" s="282" t="s">
        <v>3816</v>
      </c>
      <c r="RIB21" s="282" t="s">
        <v>3816</v>
      </c>
      <c r="RIC21" s="282" t="s">
        <v>3816</v>
      </c>
      <c r="RID21" s="282" t="s">
        <v>3816</v>
      </c>
      <c r="RIE21" s="282" t="s">
        <v>3816</v>
      </c>
      <c r="RIF21" s="282" t="s">
        <v>3816</v>
      </c>
      <c r="RIG21" s="282" t="s">
        <v>3816</v>
      </c>
      <c r="RIH21" s="282" t="s">
        <v>3816</v>
      </c>
      <c r="RII21" s="282" t="s">
        <v>3816</v>
      </c>
      <c r="RIJ21" s="282" t="s">
        <v>3816</v>
      </c>
      <c r="RIK21" s="282" t="s">
        <v>3816</v>
      </c>
      <c r="RIL21" s="282" t="s">
        <v>3816</v>
      </c>
      <c r="RIM21" s="282" t="s">
        <v>3816</v>
      </c>
      <c r="RIN21" s="282" t="s">
        <v>3816</v>
      </c>
      <c r="RIO21" s="282" t="s">
        <v>3816</v>
      </c>
      <c r="RIP21" s="282" t="s">
        <v>3816</v>
      </c>
      <c r="RIQ21" s="282" t="s">
        <v>3816</v>
      </c>
      <c r="RIR21" s="282" t="s">
        <v>3816</v>
      </c>
      <c r="RIS21" s="282" t="s">
        <v>3816</v>
      </c>
      <c r="RIT21" s="282" t="s">
        <v>3816</v>
      </c>
      <c r="RIU21" s="282" t="s">
        <v>3816</v>
      </c>
      <c r="RIV21" s="282" t="s">
        <v>3816</v>
      </c>
      <c r="RIW21" s="282" t="s">
        <v>3816</v>
      </c>
      <c r="RIX21" s="282" t="s">
        <v>3816</v>
      </c>
      <c r="RIY21" s="282" t="s">
        <v>3816</v>
      </c>
      <c r="RIZ21" s="282" t="s">
        <v>3816</v>
      </c>
      <c r="RJA21" s="282" t="s">
        <v>3816</v>
      </c>
      <c r="RJB21" s="282" t="s">
        <v>3816</v>
      </c>
      <c r="RJC21" s="282" t="s">
        <v>3816</v>
      </c>
      <c r="RJD21" s="282" t="s">
        <v>3816</v>
      </c>
      <c r="RJE21" s="282" t="s">
        <v>3816</v>
      </c>
      <c r="RJF21" s="282" t="s">
        <v>3816</v>
      </c>
      <c r="RJG21" s="282" t="s">
        <v>3816</v>
      </c>
      <c r="RJH21" s="282" t="s">
        <v>3816</v>
      </c>
      <c r="RJI21" s="282" t="s">
        <v>3816</v>
      </c>
      <c r="RJJ21" s="282" t="s">
        <v>3816</v>
      </c>
      <c r="RJK21" s="282" t="s">
        <v>3816</v>
      </c>
      <c r="RJL21" s="282" t="s">
        <v>3816</v>
      </c>
      <c r="RJM21" s="282" t="s">
        <v>3816</v>
      </c>
      <c r="RJN21" s="282" t="s">
        <v>3816</v>
      </c>
      <c r="RJO21" s="282" t="s">
        <v>3816</v>
      </c>
      <c r="RJP21" s="282" t="s">
        <v>3816</v>
      </c>
      <c r="RJQ21" s="282" t="s">
        <v>3816</v>
      </c>
      <c r="RJR21" s="282" t="s">
        <v>3816</v>
      </c>
      <c r="RJS21" s="282" t="s">
        <v>3816</v>
      </c>
      <c r="RJT21" s="282" t="s">
        <v>3816</v>
      </c>
      <c r="RJU21" s="282" t="s">
        <v>3816</v>
      </c>
      <c r="RJV21" s="282" t="s">
        <v>3816</v>
      </c>
      <c r="RJW21" s="282" t="s">
        <v>3816</v>
      </c>
      <c r="RJX21" s="282" t="s">
        <v>3816</v>
      </c>
      <c r="RJY21" s="282" t="s">
        <v>3816</v>
      </c>
      <c r="RJZ21" s="282" t="s">
        <v>3816</v>
      </c>
      <c r="RKA21" s="282" t="s">
        <v>3816</v>
      </c>
      <c r="RKB21" s="282" t="s">
        <v>3816</v>
      </c>
      <c r="RKC21" s="282" t="s">
        <v>3816</v>
      </c>
      <c r="RKD21" s="282" t="s">
        <v>3816</v>
      </c>
      <c r="RKE21" s="282" t="s">
        <v>3816</v>
      </c>
      <c r="RKF21" s="282" t="s">
        <v>3816</v>
      </c>
      <c r="RKG21" s="282" t="s">
        <v>3816</v>
      </c>
      <c r="RKH21" s="282" t="s">
        <v>3816</v>
      </c>
      <c r="RKI21" s="282" t="s">
        <v>3816</v>
      </c>
      <c r="RKJ21" s="282" t="s">
        <v>3816</v>
      </c>
      <c r="RKK21" s="282" t="s">
        <v>3816</v>
      </c>
      <c r="RKL21" s="282" t="s">
        <v>3816</v>
      </c>
      <c r="RKM21" s="282" t="s">
        <v>3816</v>
      </c>
      <c r="RKN21" s="282" t="s">
        <v>3816</v>
      </c>
      <c r="RKO21" s="282" t="s">
        <v>3816</v>
      </c>
      <c r="RKP21" s="282" t="s">
        <v>3816</v>
      </c>
      <c r="RKQ21" s="282" t="s">
        <v>3816</v>
      </c>
      <c r="RKR21" s="282" t="s">
        <v>3816</v>
      </c>
      <c r="RKS21" s="282" t="s">
        <v>3816</v>
      </c>
      <c r="RKT21" s="282" t="s">
        <v>3816</v>
      </c>
      <c r="RKU21" s="282" t="s">
        <v>3816</v>
      </c>
      <c r="RKV21" s="282" t="s">
        <v>3816</v>
      </c>
      <c r="RKW21" s="282" t="s">
        <v>3816</v>
      </c>
      <c r="RKX21" s="282" t="s">
        <v>3816</v>
      </c>
      <c r="RKY21" s="282" t="s">
        <v>3816</v>
      </c>
      <c r="RKZ21" s="282" t="s">
        <v>3816</v>
      </c>
      <c r="RLA21" s="282" t="s">
        <v>3816</v>
      </c>
      <c r="RLB21" s="282" t="s">
        <v>3816</v>
      </c>
      <c r="RLC21" s="282" t="s">
        <v>3816</v>
      </c>
      <c r="RLD21" s="282" t="s">
        <v>3816</v>
      </c>
      <c r="RLE21" s="282" t="s">
        <v>3816</v>
      </c>
      <c r="RLF21" s="282" t="s">
        <v>3816</v>
      </c>
      <c r="RLG21" s="282" t="s">
        <v>3816</v>
      </c>
      <c r="RLH21" s="282" t="s">
        <v>3816</v>
      </c>
      <c r="RLI21" s="282" t="s">
        <v>3816</v>
      </c>
      <c r="RLJ21" s="282" t="s">
        <v>3816</v>
      </c>
      <c r="RLK21" s="282" t="s">
        <v>3816</v>
      </c>
      <c r="RLL21" s="282" t="s">
        <v>3816</v>
      </c>
      <c r="RLM21" s="282" t="s">
        <v>3816</v>
      </c>
      <c r="RLN21" s="282" t="s">
        <v>3816</v>
      </c>
      <c r="RLO21" s="282" t="s">
        <v>3816</v>
      </c>
      <c r="RLP21" s="282" t="s">
        <v>3816</v>
      </c>
      <c r="RLQ21" s="282" t="s">
        <v>3816</v>
      </c>
      <c r="RLR21" s="282" t="s">
        <v>3816</v>
      </c>
      <c r="RLS21" s="282" t="s">
        <v>3816</v>
      </c>
      <c r="RLT21" s="282" t="s">
        <v>3816</v>
      </c>
      <c r="RLU21" s="282" t="s">
        <v>3816</v>
      </c>
      <c r="RLV21" s="282" t="s">
        <v>3816</v>
      </c>
      <c r="RLW21" s="282" t="s">
        <v>3816</v>
      </c>
      <c r="RLX21" s="282" t="s">
        <v>3816</v>
      </c>
      <c r="RLY21" s="282" t="s">
        <v>3816</v>
      </c>
      <c r="RLZ21" s="282" t="s">
        <v>3816</v>
      </c>
      <c r="RMA21" s="282" t="s">
        <v>3816</v>
      </c>
      <c r="RMB21" s="282" t="s">
        <v>3816</v>
      </c>
      <c r="RMC21" s="282" t="s">
        <v>3816</v>
      </c>
      <c r="RMD21" s="282" t="s">
        <v>3816</v>
      </c>
      <c r="RME21" s="282" t="s">
        <v>3816</v>
      </c>
      <c r="RMF21" s="282" t="s">
        <v>3816</v>
      </c>
      <c r="RMG21" s="282" t="s">
        <v>3816</v>
      </c>
      <c r="RMH21" s="282" t="s">
        <v>3816</v>
      </c>
      <c r="RMI21" s="282" t="s">
        <v>3816</v>
      </c>
      <c r="RMJ21" s="282" t="s">
        <v>3816</v>
      </c>
      <c r="RMK21" s="282" t="s">
        <v>3816</v>
      </c>
      <c r="RML21" s="282" t="s">
        <v>3816</v>
      </c>
      <c r="RMM21" s="282" t="s">
        <v>3816</v>
      </c>
      <c r="RMN21" s="282" t="s">
        <v>3816</v>
      </c>
      <c r="RMO21" s="282" t="s">
        <v>3816</v>
      </c>
      <c r="RMP21" s="282" t="s">
        <v>3816</v>
      </c>
      <c r="RMQ21" s="282" t="s">
        <v>3816</v>
      </c>
      <c r="RMR21" s="282" t="s">
        <v>3816</v>
      </c>
      <c r="RMS21" s="282" t="s">
        <v>3816</v>
      </c>
      <c r="RMT21" s="282" t="s">
        <v>3816</v>
      </c>
      <c r="RMU21" s="282" t="s">
        <v>3816</v>
      </c>
      <c r="RMV21" s="282" t="s">
        <v>3816</v>
      </c>
      <c r="RMW21" s="282" t="s">
        <v>3816</v>
      </c>
      <c r="RMX21" s="282" t="s">
        <v>3816</v>
      </c>
      <c r="RMY21" s="282" t="s">
        <v>3816</v>
      </c>
      <c r="RMZ21" s="282" t="s">
        <v>3816</v>
      </c>
      <c r="RNA21" s="282" t="s">
        <v>3816</v>
      </c>
      <c r="RNB21" s="282" t="s">
        <v>3816</v>
      </c>
      <c r="RNC21" s="282" t="s">
        <v>3816</v>
      </c>
      <c r="RND21" s="282" t="s">
        <v>3816</v>
      </c>
      <c r="RNE21" s="282" t="s">
        <v>3816</v>
      </c>
      <c r="RNF21" s="282" t="s">
        <v>3816</v>
      </c>
      <c r="RNG21" s="282" t="s">
        <v>3816</v>
      </c>
      <c r="RNH21" s="282" t="s">
        <v>3816</v>
      </c>
      <c r="RNI21" s="282" t="s">
        <v>3816</v>
      </c>
      <c r="RNJ21" s="282" t="s">
        <v>3816</v>
      </c>
      <c r="RNK21" s="282" t="s">
        <v>3816</v>
      </c>
      <c r="RNL21" s="282" t="s">
        <v>3816</v>
      </c>
      <c r="RNM21" s="282" t="s">
        <v>3816</v>
      </c>
      <c r="RNN21" s="282" t="s">
        <v>3816</v>
      </c>
      <c r="RNO21" s="282" t="s">
        <v>3816</v>
      </c>
      <c r="RNP21" s="282" t="s">
        <v>3816</v>
      </c>
      <c r="RNQ21" s="282" t="s">
        <v>3816</v>
      </c>
      <c r="RNR21" s="282" t="s">
        <v>3816</v>
      </c>
      <c r="RNS21" s="282" t="s">
        <v>3816</v>
      </c>
      <c r="RNT21" s="282" t="s">
        <v>3816</v>
      </c>
      <c r="RNU21" s="282" t="s">
        <v>3816</v>
      </c>
      <c r="RNV21" s="282" t="s">
        <v>3816</v>
      </c>
      <c r="RNW21" s="282" t="s">
        <v>3816</v>
      </c>
      <c r="RNX21" s="282" t="s">
        <v>3816</v>
      </c>
      <c r="RNY21" s="282" t="s">
        <v>3816</v>
      </c>
      <c r="RNZ21" s="282" t="s">
        <v>3816</v>
      </c>
      <c r="ROA21" s="282" t="s">
        <v>3816</v>
      </c>
      <c r="ROB21" s="282" t="s">
        <v>3816</v>
      </c>
      <c r="ROC21" s="282" t="s">
        <v>3816</v>
      </c>
      <c r="ROD21" s="282" t="s">
        <v>3816</v>
      </c>
      <c r="ROE21" s="282" t="s">
        <v>3816</v>
      </c>
      <c r="ROF21" s="282" t="s">
        <v>3816</v>
      </c>
      <c r="ROG21" s="282" t="s">
        <v>3816</v>
      </c>
      <c r="ROH21" s="282" t="s">
        <v>3816</v>
      </c>
      <c r="ROI21" s="282" t="s">
        <v>3816</v>
      </c>
      <c r="ROJ21" s="282" t="s">
        <v>3816</v>
      </c>
      <c r="ROK21" s="282" t="s">
        <v>3816</v>
      </c>
      <c r="ROL21" s="282" t="s">
        <v>3816</v>
      </c>
      <c r="ROM21" s="282" t="s">
        <v>3816</v>
      </c>
      <c r="RON21" s="282" t="s">
        <v>3816</v>
      </c>
      <c r="ROO21" s="282" t="s">
        <v>3816</v>
      </c>
      <c r="ROP21" s="282" t="s">
        <v>3816</v>
      </c>
      <c r="ROQ21" s="282" t="s">
        <v>3816</v>
      </c>
      <c r="ROR21" s="282" t="s">
        <v>3816</v>
      </c>
      <c r="ROS21" s="282" t="s">
        <v>3816</v>
      </c>
      <c r="ROT21" s="282" t="s">
        <v>3816</v>
      </c>
      <c r="ROU21" s="282" t="s">
        <v>3816</v>
      </c>
      <c r="ROV21" s="282" t="s">
        <v>3816</v>
      </c>
      <c r="ROW21" s="282" t="s">
        <v>3816</v>
      </c>
      <c r="ROX21" s="282" t="s">
        <v>3816</v>
      </c>
      <c r="ROY21" s="282" t="s">
        <v>3816</v>
      </c>
      <c r="ROZ21" s="282" t="s">
        <v>3816</v>
      </c>
      <c r="RPA21" s="282" t="s">
        <v>3816</v>
      </c>
      <c r="RPB21" s="282" t="s">
        <v>3816</v>
      </c>
      <c r="RPC21" s="282" t="s">
        <v>3816</v>
      </c>
      <c r="RPD21" s="282" t="s">
        <v>3816</v>
      </c>
      <c r="RPE21" s="282" t="s">
        <v>3816</v>
      </c>
      <c r="RPF21" s="282" t="s">
        <v>3816</v>
      </c>
      <c r="RPG21" s="282" t="s">
        <v>3816</v>
      </c>
      <c r="RPH21" s="282" t="s">
        <v>3816</v>
      </c>
      <c r="RPI21" s="282" t="s">
        <v>3816</v>
      </c>
      <c r="RPJ21" s="282" t="s">
        <v>3816</v>
      </c>
      <c r="RPK21" s="282" t="s">
        <v>3816</v>
      </c>
      <c r="RPL21" s="282" t="s">
        <v>3816</v>
      </c>
      <c r="RPM21" s="282" t="s">
        <v>3816</v>
      </c>
      <c r="RPN21" s="282" t="s">
        <v>3816</v>
      </c>
      <c r="RPO21" s="282" t="s">
        <v>3816</v>
      </c>
      <c r="RPP21" s="282" t="s">
        <v>3816</v>
      </c>
      <c r="RPQ21" s="282" t="s">
        <v>3816</v>
      </c>
      <c r="RPR21" s="282" t="s">
        <v>3816</v>
      </c>
      <c r="RPS21" s="282" t="s">
        <v>3816</v>
      </c>
      <c r="RPT21" s="282" t="s">
        <v>3816</v>
      </c>
      <c r="RPU21" s="282" t="s">
        <v>3816</v>
      </c>
      <c r="RPV21" s="282" t="s">
        <v>3816</v>
      </c>
      <c r="RPW21" s="282" t="s">
        <v>3816</v>
      </c>
      <c r="RPX21" s="282" t="s">
        <v>3816</v>
      </c>
      <c r="RPY21" s="282" t="s">
        <v>3816</v>
      </c>
      <c r="RPZ21" s="282" t="s">
        <v>3816</v>
      </c>
      <c r="RQA21" s="282" t="s">
        <v>3816</v>
      </c>
      <c r="RQB21" s="282" t="s">
        <v>3816</v>
      </c>
      <c r="RQC21" s="282" t="s">
        <v>3816</v>
      </c>
      <c r="RQD21" s="282" t="s">
        <v>3816</v>
      </c>
      <c r="RQE21" s="282" t="s">
        <v>3816</v>
      </c>
      <c r="RQF21" s="282" t="s">
        <v>3816</v>
      </c>
      <c r="RQG21" s="282" t="s">
        <v>3816</v>
      </c>
      <c r="RQH21" s="282" t="s">
        <v>3816</v>
      </c>
      <c r="RQI21" s="282" t="s">
        <v>3816</v>
      </c>
      <c r="RQJ21" s="282" t="s">
        <v>3816</v>
      </c>
      <c r="RQK21" s="282" t="s">
        <v>3816</v>
      </c>
      <c r="RQL21" s="282" t="s">
        <v>3816</v>
      </c>
      <c r="RQM21" s="282" t="s">
        <v>3816</v>
      </c>
      <c r="RQN21" s="282" t="s">
        <v>3816</v>
      </c>
      <c r="RQO21" s="282" t="s">
        <v>3816</v>
      </c>
      <c r="RQP21" s="282" t="s">
        <v>3816</v>
      </c>
      <c r="RQQ21" s="282" t="s">
        <v>3816</v>
      </c>
      <c r="RQR21" s="282" t="s">
        <v>3816</v>
      </c>
      <c r="RQS21" s="282" t="s">
        <v>3816</v>
      </c>
      <c r="RQT21" s="282" t="s">
        <v>3816</v>
      </c>
      <c r="RQU21" s="282" t="s">
        <v>3816</v>
      </c>
      <c r="RQV21" s="282" t="s">
        <v>3816</v>
      </c>
      <c r="RQW21" s="282" t="s">
        <v>3816</v>
      </c>
      <c r="RQX21" s="282" t="s">
        <v>3816</v>
      </c>
      <c r="RQY21" s="282" t="s">
        <v>3816</v>
      </c>
      <c r="RQZ21" s="282" t="s">
        <v>3816</v>
      </c>
      <c r="RRA21" s="282" t="s">
        <v>3816</v>
      </c>
      <c r="RRB21" s="282" t="s">
        <v>3816</v>
      </c>
      <c r="RRC21" s="282" t="s">
        <v>3816</v>
      </c>
      <c r="RRD21" s="282" t="s">
        <v>3816</v>
      </c>
      <c r="RRE21" s="282" t="s">
        <v>3816</v>
      </c>
      <c r="RRF21" s="282" t="s">
        <v>3816</v>
      </c>
      <c r="RRG21" s="282" t="s">
        <v>3816</v>
      </c>
      <c r="RRH21" s="282" t="s">
        <v>3816</v>
      </c>
      <c r="RRI21" s="282" t="s">
        <v>3816</v>
      </c>
      <c r="RRJ21" s="282" t="s">
        <v>3816</v>
      </c>
      <c r="RRK21" s="282" t="s">
        <v>3816</v>
      </c>
      <c r="RRL21" s="282" t="s">
        <v>3816</v>
      </c>
      <c r="RRM21" s="282" t="s">
        <v>3816</v>
      </c>
      <c r="RRN21" s="282" t="s">
        <v>3816</v>
      </c>
      <c r="RRO21" s="282" t="s">
        <v>3816</v>
      </c>
      <c r="RRP21" s="282" t="s">
        <v>3816</v>
      </c>
      <c r="RRQ21" s="282" t="s">
        <v>3816</v>
      </c>
      <c r="RRR21" s="282" t="s">
        <v>3816</v>
      </c>
      <c r="RRS21" s="282" t="s">
        <v>3816</v>
      </c>
      <c r="RRT21" s="282" t="s">
        <v>3816</v>
      </c>
      <c r="RRU21" s="282" t="s">
        <v>3816</v>
      </c>
      <c r="RRV21" s="282" t="s">
        <v>3816</v>
      </c>
      <c r="RRW21" s="282" t="s">
        <v>3816</v>
      </c>
      <c r="RRX21" s="282" t="s">
        <v>3816</v>
      </c>
      <c r="RRY21" s="282" t="s">
        <v>3816</v>
      </c>
      <c r="RRZ21" s="282" t="s">
        <v>3816</v>
      </c>
      <c r="RSA21" s="282" t="s">
        <v>3816</v>
      </c>
      <c r="RSB21" s="282" t="s">
        <v>3816</v>
      </c>
      <c r="RSC21" s="282" t="s">
        <v>3816</v>
      </c>
      <c r="RSD21" s="282" t="s">
        <v>3816</v>
      </c>
      <c r="RSE21" s="282" t="s">
        <v>3816</v>
      </c>
      <c r="RSF21" s="282" t="s">
        <v>3816</v>
      </c>
      <c r="RSG21" s="282" t="s">
        <v>3816</v>
      </c>
      <c r="RSH21" s="282" t="s">
        <v>3816</v>
      </c>
      <c r="RSI21" s="282" t="s">
        <v>3816</v>
      </c>
      <c r="RSJ21" s="282" t="s">
        <v>3816</v>
      </c>
      <c r="RSK21" s="282" t="s">
        <v>3816</v>
      </c>
      <c r="RSL21" s="282" t="s">
        <v>3816</v>
      </c>
      <c r="RSM21" s="282" t="s">
        <v>3816</v>
      </c>
      <c r="RSN21" s="282" t="s">
        <v>3816</v>
      </c>
      <c r="RSO21" s="282" t="s">
        <v>3816</v>
      </c>
      <c r="RSP21" s="282" t="s">
        <v>3816</v>
      </c>
      <c r="RSQ21" s="282" t="s">
        <v>3816</v>
      </c>
      <c r="RSR21" s="282" t="s">
        <v>3816</v>
      </c>
      <c r="RSS21" s="282" t="s">
        <v>3816</v>
      </c>
      <c r="RST21" s="282" t="s">
        <v>3816</v>
      </c>
      <c r="RSU21" s="282" t="s">
        <v>3816</v>
      </c>
      <c r="RSV21" s="282" t="s">
        <v>3816</v>
      </c>
      <c r="RSW21" s="282" t="s">
        <v>3816</v>
      </c>
      <c r="RSX21" s="282" t="s">
        <v>3816</v>
      </c>
      <c r="RSY21" s="282" t="s">
        <v>3816</v>
      </c>
      <c r="RSZ21" s="282" t="s">
        <v>3816</v>
      </c>
      <c r="RTA21" s="282" t="s">
        <v>3816</v>
      </c>
      <c r="RTB21" s="282" t="s">
        <v>3816</v>
      </c>
      <c r="RTC21" s="282" t="s">
        <v>3816</v>
      </c>
      <c r="RTD21" s="282" t="s">
        <v>3816</v>
      </c>
      <c r="RTE21" s="282" t="s">
        <v>3816</v>
      </c>
      <c r="RTF21" s="282" t="s">
        <v>3816</v>
      </c>
      <c r="RTG21" s="282" t="s">
        <v>3816</v>
      </c>
      <c r="RTH21" s="282" t="s">
        <v>3816</v>
      </c>
      <c r="RTI21" s="282" t="s">
        <v>3816</v>
      </c>
      <c r="RTJ21" s="282" t="s">
        <v>3816</v>
      </c>
      <c r="RTK21" s="282" t="s">
        <v>3816</v>
      </c>
      <c r="RTL21" s="282" t="s">
        <v>3816</v>
      </c>
      <c r="RTM21" s="282" t="s">
        <v>3816</v>
      </c>
      <c r="RTN21" s="282" t="s">
        <v>3816</v>
      </c>
      <c r="RTO21" s="282" t="s">
        <v>3816</v>
      </c>
      <c r="RTP21" s="282" t="s">
        <v>3816</v>
      </c>
      <c r="RTQ21" s="282" t="s">
        <v>3816</v>
      </c>
      <c r="RTR21" s="282" t="s">
        <v>3816</v>
      </c>
      <c r="RTS21" s="282" t="s">
        <v>3816</v>
      </c>
      <c r="RTT21" s="282" t="s">
        <v>3816</v>
      </c>
      <c r="RTU21" s="282" t="s">
        <v>3816</v>
      </c>
      <c r="RTV21" s="282" t="s">
        <v>3816</v>
      </c>
      <c r="RTW21" s="282" t="s">
        <v>3816</v>
      </c>
      <c r="RTX21" s="282" t="s">
        <v>3816</v>
      </c>
      <c r="RTY21" s="282" t="s">
        <v>3816</v>
      </c>
      <c r="RTZ21" s="282" t="s">
        <v>3816</v>
      </c>
      <c r="RUA21" s="282" t="s">
        <v>3816</v>
      </c>
      <c r="RUB21" s="282" t="s">
        <v>3816</v>
      </c>
      <c r="RUC21" s="282" t="s">
        <v>3816</v>
      </c>
      <c r="RUD21" s="282" t="s">
        <v>3816</v>
      </c>
      <c r="RUE21" s="282" t="s">
        <v>3816</v>
      </c>
      <c r="RUF21" s="282" t="s">
        <v>3816</v>
      </c>
      <c r="RUG21" s="282" t="s">
        <v>3816</v>
      </c>
      <c r="RUH21" s="282" t="s">
        <v>3816</v>
      </c>
      <c r="RUI21" s="282" t="s">
        <v>3816</v>
      </c>
      <c r="RUJ21" s="282" t="s">
        <v>3816</v>
      </c>
      <c r="RUK21" s="282" t="s">
        <v>3816</v>
      </c>
      <c r="RUL21" s="282" t="s">
        <v>3816</v>
      </c>
      <c r="RUM21" s="282" t="s">
        <v>3816</v>
      </c>
      <c r="RUN21" s="282" t="s">
        <v>3816</v>
      </c>
      <c r="RUO21" s="282" t="s">
        <v>3816</v>
      </c>
      <c r="RUP21" s="282" t="s">
        <v>3816</v>
      </c>
      <c r="RUQ21" s="282" t="s">
        <v>3816</v>
      </c>
      <c r="RUR21" s="282" t="s">
        <v>3816</v>
      </c>
      <c r="RUS21" s="282" t="s">
        <v>3816</v>
      </c>
      <c r="RUT21" s="282" t="s">
        <v>3816</v>
      </c>
      <c r="RUU21" s="282" t="s">
        <v>3816</v>
      </c>
      <c r="RUV21" s="282" t="s">
        <v>3816</v>
      </c>
      <c r="RUW21" s="282" t="s">
        <v>3816</v>
      </c>
      <c r="RUX21" s="282" t="s">
        <v>3816</v>
      </c>
      <c r="RUY21" s="282" t="s">
        <v>3816</v>
      </c>
      <c r="RUZ21" s="282" t="s">
        <v>3816</v>
      </c>
      <c r="RVA21" s="282" t="s">
        <v>3816</v>
      </c>
      <c r="RVB21" s="282" t="s">
        <v>3816</v>
      </c>
      <c r="RVC21" s="282" t="s">
        <v>3816</v>
      </c>
      <c r="RVD21" s="282" t="s">
        <v>3816</v>
      </c>
      <c r="RVE21" s="282" t="s">
        <v>3816</v>
      </c>
      <c r="RVF21" s="282" t="s">
        <v>3816</v>
      </c>
      <c r="RVG21" s="282" t="s">
        <v>3816</v>
      </c>
      <c r="RVH21" s="282" t="s">
        <v>3816</v>
      </c>
      <c r="RVI21" s="282" t="s">
        <v>3816</v>
      </c>
      <c r="RVJ21" s="282" t="s">
        <v>3816</v>
      </c>
      <c r="RVK21" s="282" t="s">
        <v>3816</v>
      </c>
      <c r="RVL21" s="282" t="s">
        <v>3816</v>
      </c>
      <c r="RVM21" s="282" t="s">
        <v>3816</v>
      </c>
      <c r="RVN21" s="282" t="s">
        <v>3816</v>
      </c>
      <c r="RVO21" s="282" t="s">
        <v>3816</v>
      </c>
      <c r="RVP21" s="282" t="s">
        <v>3816</v>
      </c>
      <c r="RVQ21" s="282" t="s">
        <v>3816</v>
      </c>
      <c r="RVR21" s="282" t="s">
        <v>3816</v>
      </c>
      <c r="RVS21" s="282" t="s">
        <v>3816</v>
      </c>
      <c r="RVT21" s="282" t="s">
        <v>3816</v>
      </c>
      <c r="RVU21" s="282" t="s">
        <v>3816</v>
      </c>
      <c r="RVV21" s="282" t="s">
        <v>3816</v>
      </c>
      <c r="RVW21" s="282" t="s">
        <v>3816</v>
      </c>
      <c r="RVX21" s="282" t="s">
        <v>3816</v>
      </c>
      <c r="RVY21" s="282" t="s">
        <v>3816</v>
      </c>
      <c r="RVZ21" s="282" t="s">
        <v>3816</v>
      </c>
      <c r="RWA21" s="282" t="s">
        <v>3816</v>
      </c>
      <c r="RWB21" s="282" t="s">
        <v>3816</v>
      </c>
      <c r="RWC21" s="282" t="s">
        <v>3816</v>
      </c>
      <c r="RWD21" s="282" t="s">
        <v>3816</v>
      </c>
      <c r="RWE21" s="282" t="s">
        <v>3816</v>
      </c>
      <c r="RWF21" s="282" t="s">
        <v>3816</v>
      </c>
      <c r="RWG21" s="282" t="s">
        <v>3816</v>
      </c>
      <c r="RWH21" s="282" t="s">
        <v>3816</v>
      </c>
      <c r="RWI21" s="282" t="s">
        <v>3816</v>
      </c>
      <c r="RWJ21" s="282" t="s">
        <v>3816</v>
      </c>
      <c r="RWK21" s="282" t="s">
        <v>3816</v>
      </c>
      <c r="RWL21" s="282" t="s">
        <v>3816</v>
      </c>
      <c r="RWM21" s="282" t="s">
        <v>3816</v>
      </c>
      <c r="RWN21" s="282" t="s">
        <v>3816</v>
      </c>
      <c r="RWO21" s="282" t="s">
        <v>3816</v>
      </c>
      <c r="RWP21" s="282" t="s">
        <v>3816</v>
      </c>
      <c r="RWQ21" s="282" t="s">
        <v>3816</v>
      </c>
      <c r="RWR21" s="282" t="s">
        <v>3816</v>
      </c>
      <c r="RWS21" s="282" t="s">
        <v>3816</v>
      </c>
      <c r="RWT21" s="282" t="s">
        <v>3816</v>
      </c>
      <c r="RWU21" s="282" t="s">
        <v>3816</v>
      </c>
      <c r="RWV21" s="282" t="s">
        <v>3816</v>
      </c>
      <c r="RWW21" s="282" t="s">
        <v>3816</v>
      </c>
      <c r="RWX21" s="282" t="s">
        <v>3816</v>
      </c>
      <c r="RWY21" s="282" t="s">
        <v>3816</v>
      </c>
      <c r="RWZ21" s="282" t="s">
        <v>3816</v>
      </c>
      <c r="RXA21" s="282" t="s">
        <v>3816</v>
      </c>
      <c r="RXB21" s="282" t="s">
        <v>3816</v>
      </c>
      <c r="RXC21" s="282" t="s">
        <v>3816</v>
      </c>
      <c r="RXD21" s="282" t="s">
        <v>3816</v>
      </c>
      <c r="RXE21" s="282" t="s">
        <v>3816</v>
      </c>
      <c r="RXF21" s="282" t="s">
        <v>3816</v>
      </c>
      <c r="RXG21" s="282" t="s">
        <v>3816</v>
      </c>
      <c r="RXH21" s="282" t="s">
        <v>3816</v>
      </c>
      <c r="RXI21" s="282" t="s">
        <v>3816</v>
      </c>
      <c r="RXJ21" s="282" t="s">
        <v>3816</v>
      </c>
      <c r="RXK21" s="282" t="s">
        <v>3816</v>
      </c>
      <c r="RXL21" s="282" t="s">
        <v>3816</v>
      </c>
      <c r="RXM21" s="282" t="s">
        <v>3816</v>
      </c>
      <c r="RXN21" s="282" t="s">
        <v>3816</v>
      </c>
      <c r="RXO21" s="282" t="s">
        <v>3816</v>
      </c>
      <c r="RXP21" s="282" t="s">
        <v>3816</v>
      </c>
      <c r="RXQ21" s="282" t="s">
        <v>3816</v>
      </c>
      <c r="RXR21" s="282" t="s">
        <v>3816</v>
      </c>
      <c r="RXS21" s="282" t="s">
        <v>3816</v>
      </c>
      <c r="RXT21" s="282" t="s">
        <v>3816</v>
      </c>
      <c r="RXU21" s="282" t="s">
        <v>3816</v>
      </c>
      <c r="RXV21" s="282" t="s">
        <v>3816</v>
      </c>
      <c r="RXW21" s="282" t="s">
        <v>3816</v>
      </c>
      <c r="RXX21" s="282" t="s">
        <v>3816</v>
      </c>
      <c r="RXY21" s="282" t="s">
        <v>3816</v>
      </c>
      <c r="RXZ21" s="282" t="s">
        <v>3816</v>
      </c>
      <c r="RYA21" s="282" t="s">
        <v>3816</v>
      </c>
      <c r="RYB21" s="282" t="s">
        <v>3816</v>
      </c>
      <c r="RYC21" s="282" t="s">
        <v>3816</v>
      </c>
      <c r="RYD21" s="282" t="s">
        <v>3816</v>
      </c>
      <c r="RYE21" s="282" t="s">
        <v>3816</v>
      </c>
      <c r="RYF21" s="282" t="s">
        <v>3816</v>
      </c>
      <c r="RYG21" s="282" t="s">
        <v>3816</v>
      </c>
      <c r="RYH21" s="282" t="s">
        <v>3816</v>
      </c>
      <c r="RYI21" s="282" t="s">
        <v>3816</v>
      </c>
      <c r="RYJ21" s="282" t="s">
        <v>3816</v>
      </c>
      <c r="RYK21" s="282" t="s">
        <v>3816</v>
      </c>
      <c r="RYL21" s="282" t="s">
        <v>3816</v>
      </c>
      <c r="RYM21" s="282" t="s">
        <v>3816</v>
      </c>
      <c r="RYN21" s="282" t="s">
        <v>3816</v>
      </c>
      <c r="RYO21" s="282" t="s">
        <v>3816</v>
      </c>
      <c r="RYP21" s="282" t="s">
        <v>3816</v>
      </c>
      <c r="RYQ21" s="282" t="s">
        <v>3816</v>
      </c>
      <c r="RYR21" s="282" t="s">
        <v>3816</v>
      </c>
      <c r="RYS21" s="282" t="s">
        <v>3816</v>
      </c>
      <c r="RYT21" s="282" t="s">
        <v>3816</v>
      </c>
      <c r="RYU21" s="282" t="s">
        <v>3816</v>
      </c>
      <c r="RYV21" s="282" t="s">
        <v>3816</v>
      </c>
      <c r="RYW21" s="282" t="s">
        <v>3816</v>
      </c>
      <c r="RYX21" s="282" t="s">
        <v>3816</v>
      </c>
      <c r="RYY21" s="282" t="s">
        <v>3816</v>
      </c>
      <c r="RYZ21" s="282" t="s">
        <v>3816</v>
      </c>
      <c r="RZA21" s="282" t="s">
        <v>3816</v>
      </c>
      <c r="RZB21" s="282" t="s">
        <v>3816</v>
      </c>
      <c r="RZC21" s="282" t="s">
        <v>3816</v>
      </c>
      <c r="RZD21" s="282" t="s">
        <v>3816</v>
      </c>
      <c r="RZE21" s="282" t="s">
        <v>3816</v>
      </c>
      <c r="RZF21" s="282" t="s">
        <v>3816</v>
      </c>
      <c r="RZG21" s="282" t="s">
        <v>3816</v>
      </c>
      <c r="RZH21" s="282" t="s">
        <v>3816</v>
      </c>
      <c r="RZI21" s="282" t="s">
        <v>3816</v>
      </c>
      <c r="RZJ21" s="282" t="s">
        <v>3816</v>
      </c>
      <c r="RZK21" s="282" t="s">
        <v>3816</v>
      </c>
      <c r="RZL21" s="282" t="s">
        <v>3816</v>
      </c>
      <c r="RZM21" s="282" t="s">
        <v>3816</v>
      </c>
      <c r="RZN21" s="282" t="s">
        <v>3816</v>
      </c>
      <c r="RZO21" s="282" t="s">
        <v>3816</v>
      </c>
      <c r="RZP21" s="282" t="s">
        <v>3816</v>
      </c>
      <c r="RZQ21" s="282" t="s">
        <v>3816</v>
      </c>
      <c r="RZR21" s="282" t="s">
        <v>3816</v>
      </c>
      <c r="RZS21" s="282" t="s">
        <v>3816</v>
      </c>
      <c r="RZT21" s="282" t="s">
        <v>3816</v>
      </c>
      <c r="RZU21" s="282" t="s">
        <v>3816</v>
      </c>
      <c r="RZV21" s="282" t="s">
        <v>3816</v>
      </c>
      <c r="RZW21" s="282" t="s">
        <v>3816</v>
      </c>
      <c r="RZX21" s="282" t="s">
        <v>3816</v>
      </c>
      <c r="RZY21" s="282" t="s">
        <v>3816</v>
      </c>
      <c r="RZZ21" s="282" t="s">
        <v>3816</v>
      </c>
      <c r="SAA21" s="282" t="s">
        <v>3816</v>
      </c>
      <c r="SAB21" s="282" t="s">
        <v>3816</v>
      </c>
      <c r="SAC21" s="282" t="s">
        <v>3816</v>
      </c>
      <c r="SAD21" s="282" t="s">
        <v>3816</v>
      </c>
      <c r="SAE21" s="282" t="s">
        <v>3816</v>
      </c>
      <c r="SAF21" s="282" t="s">
        <v>3816</v>
      </c>
      <c r="SAG21" s="282" t="s">
        <v>3816</v>
      </c>
      <c r="SAH21" s="282" t="s">
        <v>3816</v>
      </c>
      <c r="SAI21" s="282" t="s">
        <v>3816</v>
      </c>
      <c r="SAJ21" s="282" t="s">
        <v>3816</v>
      </c>
      <c r="SAK21" s="282" t="s">
        <v>3816</v>
      </c>
      <c r="SAL21" s="282" t="s">
        <v>3816</v>
      </c>
      <c r="SAM21" s="282" t="s">
        <v>3816</v>
      </c>
      <c r="SAN21" s="282" t="s">
        <v>3816</v>
      </c>
      <c r="SAO21" s="282" t="s">
        <v>3816</v>
      </c>
      <c r="SAP21" s="282" t="s">
        <v>3816</v>
      </c>
      <c r="SAQ21" s="282" t="s">
        <v>3816</v>
      </c>
      <c r="SAR21" s="282" t="s">
        <v>3816</v>
      </c>
      <c r="SAS21" s="282" t="s">
        <v>3816</v>
      </c>
      <c r="SAT21" s="282" t="s">
        <v>3816</v>
      </c>
      <c r="SAU21" s="282" t="s">
        <v>3816</v>
      </c>
      <c r="SAV21" s="282" t="s">
        <v>3816</v>
      </c>
      <c r="SAW21" s="282" t="s">
        <v>3816</v>
      </c>
      <c r="SAX21" s="282" t="s">
        <v>3816</v>
      </c>
      <c r="SAY21" s="282" t="s">
        <v>3816</v>
      </c>
      <c r="SAZ21" s="282" t="s">
        <v>3816</v>
      </c>
      <c r="SBA21" s="282" t="s">
        <v>3816</v>
      </c>
      <c r="SBB21" s="282" t="s">
        <v>3816</v>
      </c>
      <c r="SBC21" s="282" t="s">
        <v>3816</v>
      </c>
      <c r="SBD21" s="282" t="s">
        <v>3816</v>
      </c>
      <c r="SBE21" s="282" t="s">
        <v>3816</v>
      </c>
      <c r="SBF21" s="282" t="s">
        <v>3816</v>
      </c>
      <c r="SBG21" s="282" t="s">
        <v>3816</v>
      </c>
      <c r="SBH21" s="282" t="s">
        <v>3816</v>
      </c>
      <c r="SBI21" s="282" t="s">
        <v>3816</v>
      </c>
      <c r="SBJ21" s="282" t="s">
        <v>3816</v>
      </c>
      <c r="SBK21" s="282" t="s">
        <v>3816</v>
      </c>
      <c r="SBL21" s="282" t="s">
        <v>3816</v>
      </c>
      <c r="SBM21" s="282" t="s">
        <v>3816</v>
      </c>
      <c r="SBN21" s="282" t="s">
        <v>3816</v>
      </c>
      <c r="SBO21" s="282" t="s">
        <v>3816</v>
      </c>
      <c r="SBP21" s="282" t="s">
        <v>3816</v>
      </c>
      <c r="SBQ21" s="282" t="s">
        <v>3816</v>
      </c>
      <c r="SBR21" s="282" t="s">
        <v>3816</v>
      </c>
      <c r="SBS21" s="282" t="s">
        <v>3816</v>
      </c>
      <c r="SBT21" s="282" t="s">
        <v>3816</v>
      </c>
      <c r="SBU21" s="282" t="s">
        <v>3816</v>
      </c>
      <c r="SBV21" s="282" t="s">
        <v>3816</v>
      </c>
      <c r="SBW21" s="282" t="s">
        <v>3816</v>
      </c>
      <c r="SBX21" s="282" t="s">
        <v>3816</v>
      </c>
      <c r="SBY21" s="282" t="s">
        <v>3816</v>
      </c>
      <c r="SBZ21" s="282" t="s">
        <v>3816</v>
      </c>
      <c r="SCA21" s="282" t="s">
        <v>3816</v>
      </c>
      <c r="SCB21" s="282" t="s">
        <v>3816</v>
      </c>
      <c r="SCC21" s="282" t="s">
        <v>3816</v>
      </c>
      <c r="SCD21" s="282" t="s">
        <v>3816</v>
      </c>
      <c r="SCE21" s="282" t="s">
        <v>3816</v>
      </c>
      <c r="SCF21" s="282" t="s">
        <v>3816</v>
      </c>
      <c r="SCG21" s="282" t="s">
        <v>3816</v>
      </c>
      <c r="SCH21" s="282" t="s">
        <v>3816</v>
      </c>
      <c r="SCI21" s="282" t="s">
        <v>3816</v>
      </c>
      <c r="SCJ21" s="282" t="s">
        <v>3816</v>
      </c>
      <c r="SCK21" s="282" t="s">
        <v>3816</v>
      </c>
      <c r="SCL21" s="282" t="s">
        <v>3816</v>
      </c>
      <c r="SCM21" s="282" t="s">
        <v>3816</v>
      </c>
      <c r="SCN21" s="282" t="s">
        <v>3816</v>
      </c>
      <c r="SCO21" s="282" t="s">
        <v>3816</v>
      </c>
      <c r="SCP21" s="282" t="s">
        <v>3816</v>
      </c>
      <c r="SCQ21" s="282" t="s">
        <v>3816</v>
      </c>
      <c r="SCR21" s="282" t="s">
        <v>3816</v>
      </c>
      <c r="SCS21" s="282" t="s">
        <v>3816</v>
      </c>
      <c r="SCT21" s="282" t="s">
        <v>3816</v>
      </c>
      <c r="SCU21" s="282" t="s">
        <v>3816</v>
      </c>
      <c r="SCV21" s="282" t="s">
        <v>3816</v>
      </c>
      <c r="SCW21" s="282" t="s">
        <v>3816</v>
      </c>
      <c r="SCX21" s="282" t="s">
        <v>3816</v>
      </c>
      <c r="SCY21" s="282" t="s">
        <v>3816</v>
      </c>
      <c r="SCZ21" s="282" t="s">
        <v>3816</v>
      </c>
      <c r="SDA21" s="282" t="s">
        <v>3816</v>
      </c>
      <c r="SDB21" s="282" t="s">
        <v>3816</v>
      </c>
      <c r="SDC21" s="282" t="s">
        <v>3816</v>
      </c>
      <c r="SDD21" s="282" t="s">
        <v>3816</v>
      </c>
      <c r="SDE21" s="282" t="s">
        <v>3816</v>
      </c>
      <c r="SDF21" s="282" t="s">
        <v>3816</v>
      </c>
      <c r="SDG21" s="282" t="s">
        <v>3816</v>
      </c>
      <c r="SDH21" s="282" t="s">
        <v>3816</v>
      </c>
      <c r="SDI21" s="282" t="s">
        <v>3816</v>
      </c>
      <c r="SDJ21" s="282" t="s">
        <v>3816</v>
      </c>
      <c r="SDK21" s="282" t="s">
        <v>3816</v>
      </c>
      <c r="SDL21" s="282" t="s">
        <v>3816</v>
      </c>
      <c r="SDM21" s="282" t="s">
        <v>3816</v>
      </c>
      <c r="SDN21" s="282" t="s">
        <v>3816</v>
      </c>
      <c r="SDO21" s="282" t="s">
        <v>3816</v>
      </c>
      <c r="SDP21" s="282" t="s">
        <v>3816</v>
      </c>
      <c r="SDQ21" s="282" t="s">
        <v>3816</v>
      </c>
      <c r="SDR21" s="282" t="s">
        <v>3816</v>
      </c>
      <c r="SDS21" s="282" t="s">
        <v>3816</v>
      </c>
      <c r="SDT21" s="282" t="s">
        <v>3816</v>
      </c>
      <c r="SDU21" s="282" t="s">
        <v>3816</v>
      </c>
      <c r="SDV21" s="282" t="s">
        <v>3816</v>
      </c>
      <c r="SDW21" s="282" t="s">
        <v>3816</v>
      </c>
      <c r="SDX21" s="282" t="s">
        <v>3816</v>
      </c>
      <c r="SDY21" s="282" t="s">
        <v>3816</v>
      </c>
      <c r="SDZ21" s="282" t="s">
        <v>3816</v>
      </c>
      <c r="SEA21" s="282" t="s">
        <v>3816</v>
      </c>
      <c r="SEB21" s="282" t="s">
        <v>3816</v>
      </c>
      <c r="SEC21" s="282" t="s">
        <v>3816</v>
      </c>
      <c r="SED21" s="282" t="s">
        <v>3816</v>
      </c>
      <c r="SEE21" s="282" t="s">
        <v>3816</v>
      </c>
      <c r="SEF21" s="282" t="s">
        <v>3816</v>
      </c>
      <c r="SEG21" s="282" t="s">
        <v>3816</v>
      </c>
      <c r="SEH21" s="282" t="s">
        <v>3816</v>
      </c>
      <c r="SEI21" s="282" t="s">
        <v>3816</v>
      </c>
      <c r="SEJ21" s="282" t="s">
        <v>3816</v>
      </c>
      <c r="SEK21" s="282" t="s">
        <v>3816</v>
      </c>
      <c r="SEL21" s="282" t="s">
        <v>3816</v>
      </c>
      <c r="SEM21" s="282" t="s">
        <v>3816</v>
      </c>
      <c r="SEN21" s="282" t="s">
        <v>3816</v>
      </c>
      <c r="SEO21" s="282" t="s">
        <v>3816</v>
      </c>
      <c r="SEP21" s="282" t="s">
        <v>3816</v>
      </c>
      <c r="SEQ21" s="282" t="s">
        <v>3816</v>
      </c>
      <c r="SER21" s="282" t="s">
        <v>3816</v>
      </c>
      <c r="SES21" s="282" t="s">
        <v>3816</v>
      </c>
      <c r="SET21" s="282" t="s">
        <v>3816</v>
      </c>
      <c r="SEU21" s="282" t="s">
        <v>3816</v>
      </c>
      <c r="SEV21" s="282" t="s">
        <v>3816</v>
      </c>
      <c r="SEW21" s="282" t="s">
        <v>3816</v>
      </c>
      <c r="SEX21" s="282" t="s">
        <v>3816</v>
      </c>
      <c r="SEY21" s="282" t="s">
        <v>3816</v>
      </c>
      <c r="SEZ21" s="282" t="s">
        <v>3816</v>
      </c>
      <c r="SFA21" s="282" t="s">
        <v>3816</v>
      </c>
      <c r="SFB21" s="282" t="s">
        <v>3816</v>
      </c>
      <c r="SFC21" s="282" t="s">
        <v>3816</v>
      </c>
      <c r="SFD21" s="282" t="s">
        <v>3816</v>
      </c>
      <c r="SFE21" s="282" t="s">
        <v>3816</v>
      </c>
      <c r="SFF21" s="282" t="s">
        <v>3816</v>
      </c>
      <c r="SFG21" s="282" t="s">
        <v>3816</v>
      </c>
      <c r="SFH21" s="282" t="s">
        <v>3816</v>
      </c>
      <c r="SFI21" s="282" t="s">
        <v>3816</v>
      </c>
      <c r="SFJ21" s="282" t="s">
        <v>3816</v>
      </c>
      <c r="SFK21" s="282" t="s">
        <v>3816</v>
      </c>
      <c r="SFL21" s="282" t="s">
        <v>3816</v>
      </c>
      <c r="SFM21" s="282" t="s">
        <v>3816</v>
      </c>
      <c r="SFN21" s="282" t="s">
        <v>3816</v>
      </c>
      <c r="SFO21" s="282" t="s">
        <v>3816</v>
      </c>
      <c r="SFP21" s="282" t="s">
        <v>3816</v>
      </c>
      <c r="SFQ21" s="282" t="s">
        <v>3816</v>
      </c>
      <c r="SFR21" s="282" t="s">
        <v>3816</v>
      </c>
      <c r="SFS21" s="282" t="s">
        <v>3816</v>
      </c>
      <c r="SFT21" s="282" t="s">
        <v>3816</v>
      </c>
      <c r="SFU21" s="282" t="s">
        <v>3816</v>
      </c>
      <c r="SFV21" s="282" t="s">
        <v>3816</v>
      </c>
      <c r="SFW21" s="282" t="s">
        <v>3816</v>
      </c>
      <c r="SFX21" s="282" t="s">
        <v>3816</v>
      </c>
      <c r="SFY21" s="282" t="s">
        <v>3816</v>
      </c>
      <c r="SFZ21" s="282" t="s">
        <v>3816</v>
      </c>
      <c r="SGA21" s="282" t="s">
        <v>3816</v>
      </c>
      <c r="SGB21" s="282" t="s">
        <v>3816</v>
      </c>
      <c r="SGC21" s="282" t="s">
        <v>3816</v>
      </c>
      <c r="SGD21" s="282" t="s">
        <v>3816</v>
      </c>
      <c r="SGE21" s="282" t="s">
        <v>3816</v>
      </c>
      <c r="SGF21" s="282" t="s">
        <v>3816</v>
      </c>
      <c r="SGG21" s="282" t="s">
        <v>3816</v>
      </c>
      <c r="SGH21" s="282" t="s">
        <v>3816</v>
      </c>
      <c r="SGI21" s="282" t="s">
        <v>3816</v>
      </c>
      <c r="SGJ21" s="282" t="s">
        <v>3816</v>
      </c>
      <c r="SGK21" s="282" t="s">
        <v>3816</v>
      </c>
      <c r="SGL21" s="282" t="s">
        <v>3816</v>
      </c>
      <c r="SGM21" s="282" t="s">
        <v>3816</v>
      </c>
      <c r="SGN21" s="282" t="s">
        <v>3816</v>
      </c>
      <c r="SGO21" s="282" t="s">
        <v>3816</v>
      </c>
      <c r="SGP21" s="282" t="s">
        <v>3816</v>
      </c>
      <c r="SGQ21" s="282" t="s">
        <v>3816</v>
      </c>
      <c r="SGR21" s="282" t="s">
        <v>3816</v>
      </c>
      <c r="SGS21" s="282" t="s">
        <v>3816</v>
      </c>
      <c r="SGT21" s="282" t="s">
        <v>3816</v>
      </c>
      <c r="SGU21" s="282" t="s">
        <v>3816</v>
      </c>
      <c r="SGV21" s="282" t="s">
        <v>3816</v>
      </c>
      <c r="SGW21" s="282" t="s">
        <v>3816</v>
      </c>
      <c r="SGX21" s="282" t="s">
        <v>3816</v>
      </c>
      <c r="SGY21" s="282" t="s">
        <v>3816</v>
      </c>
      <c r="SGZ21" s="282" t="s">
        <v>3816</v>
      </c>
      <c r="SHA21" s="282" t="s">
        <v>3816</v>
      </c>
      <c r="SHB21" s="282" t="s">
        <v>3816</v>
      </c>
      <c r="SHC21" s="282" t="s">
        <v>3816</v>
      </c>
      <c r="SHD21" s="282" t="s">
        <v>3816</v>
      </c>
      <c r="SHE21" s="282" t="s">
        <v>3816</v>
      </c>
      <c r="SHF21" s="282" t="s">
        <v>3816</v>
      </c>
      <c r="SHG21" s="282" t="s">
        <v>3816</v>
      </c>
      <c r="SHH21" s="282" t="s">
        <v>3816</v>
      </c>
      <c r="SHI21" s="282" t="s">
        <v>3816</v>
      </c>
      <c r="SHJ21" s="282" t="s">
        <v>3816</v>
      </c>
      <c r="SHK21" s="282" t="s">
        <v>3816</v>
      </c>
      <c r="SHL21" s="282" t="s">
        <v>3816</v>
      </c>
      <c r="SHM21" s="282" t="s">
        <v>3816</v>
      </c>
      <c r="SHN21" s="282" t="s">
        <v>3816</v>
      </c>
      <c r="SHO21" s="282" t="s">
        <v>3816</v>
      </c>
      <c r="SHP21" s="282" t="s">
        <v>3816</v>
      </c>
      <c r="SHQ21" s="282" t="s">
        <v>3816</v>
      </c>
      <c r="SHR21" s="282" t="s">
        <v>3816</v>
      </c>
      <c r="SHS21" s="282" t="s">
        <v>3816</v>
      </c>
      <c r="SHT21" s="282" t="s">
        <v>3816</v>
      </c>
      <c r="SHU21" s="282" t="s">
        <v>3816</v>
      </c>
      <c r="SHV21" s="282" t="s">
        <v>3816</v>
      </c>
      <c r="SHW21" s="282" t="s">
        <v>3816</v>
      </c>
      <c r="SHX21" s="282" t="s">
        <v>3816</v>
      </c>
      <c r="SHY21" s="282" t="s">
        <v>3816</v>
      </c>
      <c r="SHZ21" s="282" t="s">
        <v>3816</v>
      </c>
      <c r="SIA21" s="282" t="s">
        <v>3816</v>
      </c>
      <c r="SIB21" s="282" t="s">
        <v>3816</v>
      </c>
      <c r="SIC21" s="282" t="s">
        <v>3816</v>
      </c>
      <c r="SID21" s="282" t="s">
        <v>3816</v>
      </c>
      <c r="SIE21" s="282" t="s">
        <v>3816</v>
      </c>
      <c r="SIF21" s="282" t="s">
        <v>3816</v>
      </c>
      <c r="SIG21" s="282" t="s">
        <v>3816</v>
      </c>
      <c r="SIH21" s="282" t="s">
        <v>3816</v>
      </c>
      <c r="SII21" s="282" t="s">
        <v>3816</v>
      </c>
      <c r="SIJ21" s="282" t="s">
        <v>3816</v>
      </c>
      <c r="SIK21" s="282" t="s">
        <v>3816</v>
      </c>
      <c r="SIL21" s="282" t="s">
        <v>3816</v>
      </c>
      <c r="SIM21" s="282" t="s">
        <v>3816</v>
      </c>
      <c r="SIN21" s="282" t="s">
        <v>3816</v>
      </c>
      <c r="SIO21" s="282" t="s">
        <v>3816</v>
      </c>
      <c r="SIP21" s="282" t="s">
        <v>3816</v>
      </c>
      <c r="SIQ21" s="282" t="s">
        <v>3816</v>
      </c>
      <c r="SIR21" s="282" t="s">
        <v>3816</v>
      </c>
      <c r="SIS21" s="282" t="s">
        <v>3816</v>
      </c>
      <c r="SIT21" s="282" t="s">
        <v>3816</v>
      </c>
      <c r="SIU21" s="282" t="s">
        <v>3816</v>
      </c>
      <c r="SIV21" s="282" t="s">
        <v>3816</v>
      </c>
      <c r="SIW21" s="282" t="s">
        <v>3816</v>
      </c>
      <c r="SIX21" s="282" t="s">
        <v>3816</v>
      </c>
      <c r="SIY21" s="282" t="s">
        <v>3816</v>
      </c>
      <c r="SIZ21" s="282" t="s">
        <v>3816</v>
      </c>
      <c r="SJA21" s="282" t="s">
        <v>3816</v>
      </c>
      <c r="SJB21" s="282" t="s">
        <v>3816</v>
      </c>
      <c r="SJC21" s="282" t="s">
        <v>3816</v>
      </c>
      <c r="SJD21" s="282" t="s">
        <v>3816</v>
      </c>
      <c r="SJE21" s="282" t="s">
        <v>3816</v>
      </c>
      <c r="SJF21" s="282" t="s">
        <v>3816</v>
      </c>
      <c r="SJG21" s="282" t="s">
        <v>3816</v>
      </c>
      <c r="SJH21" s="282" t="s">
        <v>3816</v>
      </c>
      <c r="SJI21" s="282" t="s">
        <v>3816</v>
      </c>
      <c r="SJJ21" s="282" t="s">
        <v>3816</v>
      </c>
      <c r="SJK21" s="282" t="s">
        <v>3816</v>
      </c>
      <c r="SJL21" s="282" t="s">
        <v>3816</v>
      </c>
      <c r="SJM21" s="282" t="s">
        <v>3816</v>
      </c>
      <c r="SJN21" s="282" t="s">
        <v>3816</v>
      </c>
      <c r="SJO21" s="282" t="s">
        <v>3816</v>
      </c>
      <c r="SJP21" s="282" t="s">
        <v>3816</v>
      </c>
      <c r="SJQ21" s="282" t="s">
        <v>3816</v>
      </c>
      <c r="SJR21" s="282" t="s">
        <v>3816</v>
      </c>
      <c r="SJS21" s="282" t="s">
        <v>3816</v>
      </c>
      <c r="SJT21" s="282" t="s">
        <v>3816</v>
      </c>
      <c r="SJU21" s="282" t="s">
        <v>3816</v>
      </c>
      <c r="SJV21" s="282" t="s">
        <v>3816</v>
      </c>
      <c r="SJW21" s="282" t="s">
        <v>3816</v>
      </c>
      <c r="SJX21" s="282" t="s">
        <v>3816</v>
      </c>
      <c r="SJY21" s="282" t="s">
        <v>3816</v>
      </c>
      <c r="SJZ21" s="282" t="s">
        <v>3816</v>
      </c>
      <c r="SKA21" s="282" t="s">
        <v>3816</v>
      </c>
      <c r="SKB21" s="282" t="s">
        <v>3816</v>
      </c>
      <c r="SKC21" s="282" t="s">
        <v>3816</v>
      </c>
      <c r="SKD21" s="282" t="s">
        <v>3816</v>
      </c>
      <c r="SKE21" s="282" t="s">
        <v>3816</v>
      </c>
      <c r="SKF21" s="282" t="s">
        <v>3816</v>
      </c>
      <c r="SKG21" s="282" t="s">
        <v>3816</v>
      </c>
      <c r="SKH21" s="282" t="s">
        <v>3816</v>
      </c>
      <c r="SKI21" s="282" t="s">
        <v>3816</v>
      </c>
      <c r="SKJ21" s="282" t="s">
        <v>3816</v>
      </c>
      <c r="SKK21" s="282" t="s">
        <v>3816</v>
      </c>
      <c r="SKL21" s="282" t="s">
        <v>3816</v>
      </c>
      <c r="SKM21" s="282" t="s">
        <v>3816</v>
      </c>
      <c r="SKN21" s="282" t="s">
        <v>3816</v>
      </c>
      <c r="SKO21" s="282" t="s">
        <v>3816</v>
      </c>
      <c r="SKP21" s="282" t="s">
        <v>3816</v>
      </c>
      <c r="SKQ21" s="282" t="s">
        <v>3816</v>
      </c>
      <c r="SKR21" s="282" t="s">
        <v>3816</v>
      </c>
      <c r="SKS21" s="282" t="s">
        <v>3816</v>
      </c>
      <c r="SKT21" s="282" t="s">
        <v>3816</v>
      </c>
      <c r="SKU21" s="282" t="s">
        <v>3816</v>
      </c>
      <c r="SKV21" s="282" t="s">
        <v>3816</v>
      </c>
      <c r="SKW21" s="282" t="s">
        <v>3816</v>
      </c>
      <c r="SKX21" s="282" t="s">
        <v>3816</v>
      </c>
      <c r="SKY21" s="282" t="s">
        <v>3816</v>
      </c>
      <c r="SKZ21" s="282" t="s">
        <v>3816</v>
      </c>
      <c r="SLA21" s="282" t="s">
        <v>3816</v>
      </c>
      <c r="SLB21" s="282" t="s">
        <v>3816</v>
      </c>
      <c r="SLC21" s="282" t="s">
        <v>3816</v>
      </c>
      <c r="SLD21" s="282" t="s">
        <v>3816</v>
      </c>
      <c r="SLE21" s="282" t="s">
        <v>3816</v>
      </c>
      <c r="SLF21" s="282" t="s">
        <v>3816</v>
      </c>
      <c r="SLG21" s="282" t="s">
        <v>3816</v>
      </c>
      <c r="SLH21" s="282" t="s">
        <v>3816</v>
      </c>
      <c r="SLI21" s="282" t="s">
        <v>3816</v>
      </c>
      <c r="SLJ21" s="282" t="s">
        <v>3816</v>
      </c>
      <c r="SLK21" s="282" t="s">
        <v>3816</v>
      </c>
      <c r="SLL21" s="282" t="s">
        <v>3816</v>
      </c>
      <c r="SLM21" s="282" t="s">
        <v>3816</v>
      </c>
      <c r="SLN21" s="282" t="s">
        <v>3816</v>
      </c>
      <c r="SLO21" s="282" t="s">
        <v>3816</v>
      </c>
      <c r="SLP21" s="282" t="s">
        <v>3816</v>
      </c>
      <c r="SLQ21" s="282" t="s">
        <v>3816</v>
      </c>
      <c r="SLR21" s="282" t="s">
        <v>3816</v>
      </c>
      <c r="SLS21" s="282" t="s">
        <v>3816</v>
      </c>
      <c r="SLT21" s="282" t="s">
        <v>3816</v>
      </c>
      <c r="SLU21" s="282" t="s">
        <v>3816</v>
      </c>
      <c r="SLV21" s="282" t="s">
        <v>3816</v>
      </c>
      <c r="SLW21" s="282" t="s">
        <v>3816</v>
      </c>
      <c r="SLX21" s="282" t="s">
        <v>3816</v>
      </c>
      <c r="SLY21" s="282" t="s">
        <v>3816</v>
      </c>
      <c r="SLZ21" s="282" t="s">
        <v>3816</v>
      </c>
      <c r="SMA21" s="282" t="s">
        <v>3816</v>
      </c>
      <c r="SMB21" s="282" t="s">
        <v>3816</v>
      </c>
      <c r="SMC21" s="282" t="s">
        <v>3816</v>
      </c>
      <c r="SMD21" s="282" t="s">
        <v>3816</v>
      </c>
      <c r="SME21" s="282" t="s">
        <v>3816</v>
      </c>
      <c r="SMF21" s="282" t="s">
        <v>3816</v>
      </c>
      <c r="SMG21" s="282" t="s">
        <v>3816</v>
      </c>
      <c r="SMH21" s="282" t="s">
        <v>3816</v>
      </c>
      <c r="SMI21" s="282" t="s">
        <v>3816</v>
      </c>
      <c r="SMJ21" s="282" t="s">
        <v>3816</v>
      </c>
      <c r="SMK21" s="282" t="s">
        <v>3816</v>
      </c>
      <c r="SML21" s="282" t="s">
        <v>3816</v>
      </c>
      <c r="SMM21" s="282" t="s">
        <v>3816</v>
      </c>
      <c r="SMN21" s="282" t="s">
        <v>3816</v>
      </c>
      <c r="SMO21" s="282" t="s">
        <v>3816</v>
      </c>
      <c r="SMP21" s="282" t="s">
        <v>3816</v>
      </c>
      <c r="SMQ21" s="282" t="s">
        <v>3816</v>
      </c>
      <c r="SMR21" s="282" t="s">
        <v>3816</v>
      </c>
      <c r="SMS21" s="282" t="s">
        <v>3816</v>
      </c>
      <c r="SMT21" s="282" t="s">
        <v>3816</v>
      </c>
      <c r="SMU21" s="282" t="s">
        <v>3816</v>
      </c>
      <c r="SMV21" s="282" t="s">
        <v>3816</v>
      </c>
      <c r="SMW21" s="282" t="s">
        <v>3816</v>
      </c>
      <c r="SMX21" s="282" t="s">
        <v>3816</v>
      </c>
      <c r="SMY21" s="282" t="s">
        <v>3816</v>
      </c>
      <c r="SMZ21" s="282" t="s">
        <v>3816</v>
      </c>
      <c r="SNA21" s="282" t="s">
        <v>3816</v>
      </c>
      <c r="SNB21" s="282" t="s">
        <v>3816</v>
      </c>
      <c r="SNC21" s="282" t="s">
        <v>3816</v>
      </c>
      <c r="SND21" s="282" t="s">
        <v>3816</v>
      </c>
      <c r="SNE21" s="282" t="s">
        <v>3816</v>
      </c>
      <c r="SNF21" s="282" t="s">
        <v>3816</v>
      </c>
      <c r="SNG21" s="282" t="s">
        <v>3816</v>
      </c>
      <c r="SNH21" s="282" t="s">
        <v>3816</v>
      </c>
      <c r="SNI21" s="282" t="s">
        <v>3816</v>
      </c>
      <c r="SNJ21" s="282" t="s">
        <v>3816</v>
      </c>
      <c r="SNK21" s="282" t="s">
        <v>3816</v>
      </c>
      <c r="SNL21" s="282" t="s">
        <v>3816</v>
      </c>
      <c r="SNM21" s="282" t="s">
        <v>3816</v>
      </c>
      <c r="SNN21" s="282" t="s">
        <v>3816</v>
      </c>
      <c r="SNO21" s="282" t="s">
        <v>3816</v>
      </c>
      <c r="SNP21" s="282" t="s">
        <v>3816</v>
      </c>
      <c r="SNQ21" s="282" t="s">
        <v>3816</v>
      </c>
      <c r="SNR21" s="282" t="s">
        <v>3816</v>
      </c>
      <c r="SNS21" s="282" t="s">
        <v>3816</v>
      </c>
      <c r="SNT21" s="282" t="s">
        <v>3816</v>
      </c>
      <c r="SNU21" s="282" t="s">
        <v>3816</v>
      </c>
      <c r="SNV21" s="282" t="s">
        <v>3816</v>
      </c>
      <c r="SNW21" s="282" t="s">
        <v>3816</v>
      </c>
      <c r="SNX21" s="282" t="s">
        <v>3816</v>
      </c>
      <c r="SNY21" s="282" t="s">
        <v>3816</v>
      </c>
      <c r="SNZ21" s="282" t="s">
        <v>3816</v>
      </c>
      <c r="SOA21" s="282" t="s">
        <v>3816</v>
      </c>
      <c r="SOB21" s="282" t="s">
        <v>3816</v>
      </c>
      <c r="SOC21" s="282" t="s">
        <v>3816</v>
      </c>
      <c r="SOD21" s="282" t="s">
        <v>3816</v>
      </c>
      <c r="SOE21" s="282" t="s">
        <v>3816</v>
      </c>
      <c r="SOF21" s="282" t="s">
        <v>3816</v>
      </c>
      <c r="SOG21" s="282" t="s">
        <v>3816</v>
      </c>
      <c r="SOH21" s="282" t="s">
        <v>3816</v>
      </c>
      <c r="SOI21" s="282" t="s">
        <v>3816</v>
      </c>
      <c r="SOJ21" s="282" t="s">
        <v>3816</v>
      </c>
      <c r="SOK21" s="282" t="s">
        <v>3816</v>
      </c>
      <c r="SOL21" s="282" t="s">
        <v>3816</v>
      </c>
      <c r="SOM21" s="282" t="s">
        <v>3816</v>
      </c>
      <c r="SON21" s="282" t="s">
        <v>3816</v>
      </c>
      <c r="SOO21" s="282" t="s">
        <v>3816</v>
      </c>
      <c r="SOP21" s="282" t="s">
        <v>3816</v>
      </c>
      <c r="SOQ21" s="282" t="s">
        <v>3816</v>
      </c>
      <c r="SOR21" s="282" t="s">
        <v>3816</v>
      </c>
      <c r="SOS21" s="282" t="s">
        <v>3816</v>
      </c>
      <c r="SOT21" s="282" t="s">
        <v>3816</v>
      </c>
      <c r="SOU21" s="282" t="s">
        <v>3816</v>
      </c>
      <c r="SOV21" s="282" t="s">
        <v>3816</v>
      </c>
      <c r="SOW21" s="282" t="s">
        <v>3816</v>
      </c>
      <c r="SOX21" s="282" t="s">
        <v>3816</v>
      </c>
      <c r="SOY21" s="282" t="s">
        <v>3816</v>
      </c>
      <c r="SOZ21" s="282" t="s">
        <v>3816</v>
      </c>
      <c r="SPA21" s="282" t="s">
        <v>3816</v>
      </c>
      <c r="SPB21" s="282" t="s">
        <v>3816</v>
      </c>
      <c r="SPC21" s="282" t="s">
        <v>3816</v>
      </c>
      <c r="SPD21" s="282" t="s">
        <v>3816</v>
      </c>
      <c r="SPE21" s="282" t="s">
        <v>3816</v>
      </c>
      <c r="SPF21" s="282" t="s">
        <v>3816</v>
      </c>
      <c r="SPG21" s="282" t="s">
        <v>3816</v>
      </c>
      <c r="SPH21" s="282" t="s">
        <v>3816</v>
      </c>
      <c r="SPI21" s="282" t="s">
        <v>3816</v>
      </c>
      <c r="SPJ21" s="282" t="s">
        <v>3816</v>
      </c>
      <c r="SPK21" s="282" t="s">
        <v>3816</v>
      </c>
      <c r="SPL21" s="282" t="s">
        <v>3816</v>
      </c>
      <c r="SPM21" s="282" t="s">
        <v>3816</v>
      </c>
      <c r="SPN21" s="282" t="s">
        <v>3816</v>
      </c>
      <c r="SPO21" s="282" t="s">
        <v>3816</v>
      </c>
      <c r="SPP21" s="282" t="s">
        <v>3816</v>
      </c>
      <c r="SPQ21" s="282" t="s">
        <v>3816</v>
      </c>
      <c r="SPR21" s="282" t="s">
        <v>3816</v>
      </c>
      <c r="SPS21" s="282" t="s">
        <v>3816</v>
      </c>
      <c r="SPT21" s="282" t="s">
        <v>3816</v>
      </c>
      <c r="SPU21" s="282" t="s">
        <v>3816</v>
      </c>
      <c r="SPV21" s="282" t="s">
        <v>3816</v>
      </c>
      <c r="SPW21" s="282" t="s">
        <v>3816</v>
      </c>
      <c r="SPX21" s="282" t="s">
        <v>3816</v>
      </c>
      <c r="SPY21" s="282" t="s">
        <v>3816</v>
      </c>
      <c r="SPZ21" s="282" t="s">
        <v>3816</v>
      </c>
      <c r="SQA21" s="282" t="s">
        <v>3816</v>
      </c>
      <c r="SQB21" s="282" t="s">
        <v>3816</v>
      </c>
      <c r="SQC21" s="282" t="s">
        <v>3816</v>
      </c>
      <c r="SQD21" s="282" t="s">
        <v>3816</v>
      </c>
      <c r="SQE21" s="282" t="s">
        <v>3816</v>
      </c>
      <c r="SQF21" s="282" t="s">
        <v>3816</v>
      </c>
      <c r="SQG21" s="282" t="s">
        <v>3816</v>
      </c>
      <c r="SQH21" s="282" t="s">
        <v>3816</v>
      </c>
      <c r="SQI21" s="282" t="s">
        <v>3816</v>
      </c>
      <c r="SQJ21" s="282" t="s">
        <v>3816</v>
      </c>
      <c r="SQK21" s="282" t="s">
        <v>3816</v>
      </c>
      <c r="SQL21" s="282" t="s">
        <v>3816</v>
      </c>
      <c r="SQM21" s="282" t="s">
        <v>3816</v>
      </c>
      <c r="SQN21" s="282" t="s">
        <v>3816</v>
      </c>
      <c r="SQO21" s="282" t="s">
        <v>3816</v>
      </c>
      <c r="SQP21" s="282" t="s">
        <v>3816</v>
      </c>
      <c r="SQQ21" s="282" t="s">
        <v>3816</v>
      </c>
      <c r="SQR21" s="282" t="s">
        <v>3816</v>
      </c>
      <c r="SQS21" s="282" t="s">
        <v>3816</v>
      </c>
      <c r="SQT21" s="282" t="s">
        <v>3816</v>
      </c>
      <c r="SQU21" s="282" t="s">
        <v>3816</v>
      </c>
      <c r="SQV21" s="282" t="s">
        <v>3816</v>
      </c>
      <c r="SQW21" s="282" t="s">
        <v>3816</v>
      </c>
      <c r="SQX21" s="282" t="s">
        <v>3816</v>
      </c>
      <c r="SQY21" s="282" t="s">
        <v>3816</v>
      </c>
      <c r="SQZ21" s="282" t="s">
        <v>3816</v>
      </c>
      <c r="SRA21" s="282" t="s">
        <v>3816</v>
      </c>
      <c r="SRB21" s="282" t="s">
        <v>3816</v>
      </c>
      <c r="SRC21" s="282" t="s">
        <v>3816</v>
      </c>
      <c r="SRD21" s="282" t="s">
        <v>3816</v>
      </c>
      <c r="SRE21" s="282" t="s">
        <v>3816</v>
      </c>
      <c r="SRF21" s="282" t="s">
        <v>3816</v>
      </c>
      <c r="SRG21" s="282" t="s">
        <v>3816</v>
      </c>
      <c r="SRH21" s="282" t="s">
        <v>3816</v>
      </c>
      <c r="SRI21" s="282" t="s">
        <v>3816</v>
      </c>
      <c r="SRJ21" s="282" t="s">
        <v>3816</v>
      </c>
      <c r="SRK21" s="282" t="s">
        <v>3816</v>
      </c>
      <c r="SRL21" s="282" t="s">
        <v>3816</v>
      </c>
      <c r="SRM21" s="282" t="s">
        <v>3816</v>
      </c>
      <c r="SRN21" s="282" t="s">
        <v>3816</v>
      </c>
      <c r="SRO21" s="282" t="s">
        <v>3816</v>
      </c>
      <c r="SRP21" s="282" t="s">
        <v>3816</v>
      </c>
      <c r="SRQ21" s="282" t="s">
        <v>3816</v>
      </c>
      <c r="SRR21" s="282" t="s">
        <v>3816</v>
      </c>
      <c r="SRS21" s="282" t="s">
        <v>3816</v>
      </c>
      <c r="SRT21" s="282" t="s">
        <v>3816</v>
      </c>
      <c r="SRU21" s="282" t="s">
        <v>3816</v>
      </c>
      <c r="SRV21" s="282" t="s">
        <v>3816</v>
      </c>
      <c r="SRW21" s="282" t="s">
        <v>3816</v>
      </c>
      <c r="SRX21" s="282" t="s">
        <v>3816</v>
      </c>
      <c r="SRY21" s="282" t="s">
        <v>3816</v>
      </c>
      <c r="SRZ21" s="282" t="s">
        <v>3816</v>
      </c>
      <c r="SSA21" s="282" t="s">
        <v>3816</v>
      </c>
      <c r="SSB21" s="282" t="s">
        <v>3816</v>
      </c>
      <c r="SSC21" s="282" t="s">
        <v>3816</v>
      </c>
      <c r="SSD21" s="282" t="s">
        <v>3816</v>
      </c>
      <c r="SSE21" s="282" t="s">
        <v>3816</v>
      </c>
      <c r="SSF21" s="282" t="s">
        <v>3816</v>
      </c>
      <c r="SSG21" s="282" t="s">
        <v>3816</v>
      </c>
      <c r="SSH21" s="282" t="s">
        <v>3816</v>
      </c>
      <c r="SSI21" s="282" t="s">
        <v>3816</v>
      </c>
      <c r="SSJ21" s="282" t="s">
        <v>3816</v>
      </c>
      <c r="SSK21" s="282" t="s">
        <v>3816</v>
      </c>
      <c r="SSL21" s="282" t="s">
        <v>3816</v>
      </c>
      <c r="SSM21" s="282" t="s">
        <v>3816</v>
      </c>
      <c r="SSN21" s="282" t="s">
        <v>3816</v>
      </c>
      <c r="SSO21" s="282" t="s">
        <v>3816</v>
      </c>
      <c r="SSP21" s="282" t="s">
        <v>3816</v>
      </c>
      <c r="SSQ21" s="282" t="s">
        <v>3816</v>
      </c>
      <c r="SSR21" s="282" t="s">
        <v>3816</v>
      </c>
      <c r="SSS21" s="282" t="s">
        <v>3816</v>
      </c>
      <c r="SST21" s="282" t="s">
        <v>3816</v>
      </c>
      <c r="SSU21" s="282" t="s">
        <v>3816</v>
      </c>
      <c r="SSV21" s="282" t="s">
        <v>3816</v>
      </c>
      <c r="SSW21" s="282" t="s">
        <v>3816</v>
      </c>
      <c r="SSX21" s="282" t="s">
        <v>3816</v>
      </c>
      <c r="SSY21" s="282" t="s">
        <v>3816</v>
      </c>
      <c r="SSZ21" s="282" t="s">
        <v>3816</v>
      </c>
      <c r="STA21" s="282" t="s">
        <v>3816</v>
      </c>
      <c r="STB21" s="282" t="s">
        <v>3816</v>
      </c>
      <c r="STC21" s="282" t="s">
        <v>3816</v>
      </c>
      <c r="STD21" s="282" t="s">
        <v>3816</v>
      </c>
      <c r="STE21" s="282" t="s">
        <v>3816</v>
      </c>
      <c r="STF21" s="282" t="s">
        <v>3816</v>
      </c>
      <c r="STG21" s="282" t="s">
        <v>3816</v>
      </c>
      <c r="STH21" s="282" t="s">
        <v>3816</v>
      </c>
      <c r="STI21" s="282" t="s">
        <v>3816</v>
      </c>
      <c r="STJ21" s="282" t="s">
        <v>3816</v>
      </c>
      <c r="STK21" s="282" t="s">
        <v>3816</v>
      </c>
      <c r="STL21" s="282" t="s">
        <v>3816</v>
      </c>
      <c r="STM21" s="282" t="s">
        <v>3816</v>
      </c>
      <c r="STN21" s="282" t="s">
        <v>3816</v>
      </c>
      <c r="STO21" s="282" t="s">
        <v>3816</v>
      </c>
      <c r="STP21" s="282" t="s">
        <v>3816</v>
      </c>
      <c r="STQ21" s="282" t="s">
        <v>3816</v>
      </c>
      <c r="STR21" s="282" t="s">
        <v>3816</v>
      </c>
      <c r="STS21" s="282" t="s">
        <v>3816</v>
      </c>
      <c r="STT21" s="282" t="s">
        <v>3816</v>
      </c>
      <c r="STU21" s="282" t="s">
        <v>3816</v>
      </c>
      <c r="STV21" s="282" t="s">
        <v>3816</v>
      </c>
      <c r="STW21" s="282" t="s">
        <v>3816</v>
      </c>
      <c r="STX21" s="282" t="s">
        <v>3816</v>
      </c>
      <c r="STY21" s="282" t="s">
        <v>3816</v>
      </c>
      <c r="STZ21" s="282" t="s">
        <v>3816</v>
      </c>
      <c r="SUA21" s="282" t="s">
        <v>3816</v>
      </c>
      <c r="SUB21" s="282" t="s">
        <v>3816</v>
      </c>
      <c r="SUC21" s="282" t="s">
        <v>3816</v>
      </c>
      <c r="SUD21" s="282" t="s">
        <v>3816</v>
      </c>
      <c r="SUE21" s="282" t="s">
        <v>3816</v>
      </c>
      <c r="SUF21" s="282" t="s">
        <v>3816</v>
      </c>
      <c r="SUG21" s="282" t="s">
        <v>3816</v>
      </c>
      <c r="SUH21" s="282" t="s">
        <v>3816</v>
      </c>
      <c r="SUI21" s="282" t="s">
        <v>3816</v>
      </c>
      <c r="SUJ21" s="282" t="s">
        <v>3816</v>
      </c>
      <c r="SUK21" s="282" t="s">
        <v>3816</v>
      </c>
      <c r="SUL21" s="282" t="s">
        <v>3816</v>
      </c>
      <c r="SUM21" s="282" t="s">
        <v>3816</v>
      </c>
      <c r="SUN21" s="282" t="s">
        <v>3816</v>
      </c>
      <c r="SUO21" s="282" t="s">
        <v>3816</v>
      </c>
      <c r="SUP21" s="282" t="s">
        <v>3816</v>
      </c>
      <c r="SUQ21" s="282" t="s">
        <v>3816</v>
      </c>
      <c r="SUR21" s="282" t="s">
        <v>3816</v>
      </c>
      <c r="SUS21" s="282" t="s">
        <v>3816</v>
      </c>
      <c r="SUT21" s="282" t="s">
        <v>3816</v>
      </c>
      <c r="SUU21" s="282" t="s">
        <v>3816</v>
      </c>
      <c r="SUV21" s="282" t="s">
        <v>3816</v>
      </c>
      <c r="SUW21" s="282" t="s">
        <v>3816</v>
      </c>
      <c r="SUX21" s="282" t="s">
        <v>3816</v>
      </c>
      <c r="SUY21" s="282" t="s">
        <v>3816</v>
      </c>
      <c r="SUZ21" s="282" t="s">
        <v>3816</v>
      </c>
      <c r="SVA21" s="282" t="s">
        <v>3816</v>
      </c>
      <c r="SVB21" s="282" t="s">
        <v>3816</v>
      </c>
      <c r="SVC21" s="282" t="s">
        <v>3816</v>
      </c>
      <c r="SVD21" s="282" t="s">
        <v>3816</v>
      </c>
      <c r="SVE21" s="282" t="s">
        <v>3816</v>
      </c>
      <c r="SVF21" s="282" t="s">
        <v>3816</v>
      </c>
      <c r="SVG21" s="282" t="s">
        <v>3816</v>
      </c>
      <c r="SVH21" s="282" t="s">
        <v>3816</v>
      </c>
      <c r="SVI21" s="282" t="s">
        <v>3816</v>
      </c>
      <c r="SVJ21" s="282" t="s">
        <v>3816</v>
      </c>
      <c r="SVK21" s="282" t="s">
        <v>3816</v>
      </c>
      <c r="SVL21" s="282" t="s">
        <v>3816</v>
      </c>
      <c r="SVM21" s="282" t="s">
        <v>3816</v>
      </c>
      <c r="SVN21" s="282" t="s">
        <v>3816</v>
      </c>
      <c r="SVO21" s="282" t="s">
        <v>3816</v>
      </c>
      <c r="SVP21" s="282" t="s">
        <v>3816</v>
      </c>
      <c r="SVQ21" s="282" t="s">
        <v>3816</v>
      </c>
      <c r="SVR21" s="282" t="s">
        <v>3816</v>
      </c>
      <c r="SVS21" s="282" t="s">
        <v>3816</v>
      </c>
      <c r="SVT21" s="282" t="s">
        <v>3816</v>
      </c>
      <c r="SVU21" s="282" t="s">
        <v>3816</v>
      </c>
      <c r="SVV21" s="282" t="s">
        <v>3816</v>
      </c>
      <c r="SVW21" s="282" t="s">
        <v>3816</v>
      </c>
      <c r="SVX21" s="282" t="s">
        <v>3816</v>
      </c>
      <c r="SVY21" s="282" t="s">
        <v>3816</v>
      </c>
      <c r="SVZ21" s="282" t="s">
        <v>3816</v>
      </c>
      <c r="SWA21" s="282" t="s">
        <v>3816</v>
      </c>
      <c r="SWB21" s="282" t="s">
        <v>3816</v>
      </c>
      <c r="SWC21" s="282" t="s">
        <v>3816</v>
      </c>
      <c r="SWD21" s="282" t="s">
        <v>3816</v>
      </c>
      <c r="SWE21" s="282" t="s">
        <v>3816</v>
      </c>
      <c r="SWF21" s="282" t="s">
        <v>3816</v>
      </c>
      <c r="SWG21" s="282" t="s">
        <v>3816</v>
      </c>
      <c r="SWH21" s="282" t="s">
        <v>3816</v>
      </c>
      <c r="SWI21" s="282" t="s">
        <v>3816</v>
      </c>
      <c r="SWJ21" s="282" t="s">
        <v>3816</v>
      </c>
      <c r="SWK21" s="282" t="s">
        <v>3816</v>
      </c>
      <c r="SWL21" s="282" t="s">
        <v>3816</v>
      </c>
      <c r="SWM21" s="282" t="s">
        <v>3816</v>
      </c>
      <c r="SWN21" s="282" t="s">
        <v>3816</v>
      </c>
      <c r="SWO21" s="282" t="s">
        <v>3816</v>
      </c>
      <c r="SWP21" s="282" t="s">
        <v>3816</v>
      </c>
      <c r="SWQ21" s="282" t="s">
        <v>3816</v>
      </c>
      <c r="SWR21" s="282" t="s">
        <v>3816</v>
      </c>
      <c r="SWS21" s="282" t="s">
        <v>3816</v>
      </c>
      <c r="SWT21" s="282" t="s">
        <v>3816</v>
      </c>
      <c r="SWU21" s="282" t="s">
        <v>3816</v>
      </c>
      <c r="SWV21" s="282" t="s">
        <v>3816</v>
      </c>
      <c r="SWW21" s="282" t="s">
        <v>3816</v>
      </c>
      <c r="SWX21" s="282" t="s">
        <v>3816</v>
      </c>
      <c r="SWY21" s="282" t="s">
        <v>3816</v>
      </c>
      <c r="SWZ21" s="282" t="s">
        <v>3816</v>
      </c>
      <c r="SXA21" s="282" t="s">
        <v>3816</v>
      </c>
      <c r="SXB21" s="282" t="s">
        <v>3816</v>
      </c>
      <c r="SXC21" s="282" t="s">
        <v>3816</v>
      </c>
      <c r="SXD21" s="282" t="s">
        <v>3816</v>
      </c>
      <c r="SXE21" s="282" t="s">
        <v>3816</v>
      </c>
      <c r="SXF21" s="282" t="s">
        <v>3816</v>
      </c>
      <c r="SXG21" s="282" t="s">
        <v>3816</v>
      </c>
      <c r="SXH21" s="282" t="s">
        <v>3816</v>
      </c>
      <c r="SXI21" s="282" t="s">
        <v>3816</v>
      </c>
      <c r="SXJ21" s="282" t="s">
        <v>3816</v>
      </c>
      <c r="SXK21" s="282" t="s">
        <v>3816</v>
      </c>
      <c r="SXL21" s="282" t="s">
        <v>3816</v>
      </c>
      <c r="SXM21" s="282" t="s">
        <v>3816</v>
      </c>
      <c r="SXN21" s="282" t="s">
        <v>3816</v>
      </c>
      <c r="SXO21" s="282" t="s">
        <v>3816</v>
      </c>
      <c r="SXP21" s="282" t="s">
        <v>3816</v>
      </c>
      <c r="SXQ21" s="282" t="s">
        <v>3816</v>
      </c>
      <c r="SXR21" s="282" t="s">
        <v>3816</v>
      </c>
      <c r="SXS21" s="282" t="s">
        <v>3816</v>
      </c>
      <c r="SXT21" s="282" t="s">
        <v>3816</v>
      </c>
      <c r="SXU21" s="282" t="s">
        <v>3816</v>
      </c>
      <c r="SXV21" s="282" t="s">
        <v>3816</v>
      </c>
      <c r="SXW21" s="282" t="s">
        <v>3816</v>
      </c>
      <c r="SXX21" s="282" t="s">
        <v>3816</v>
      </c>
      <c r="SXY21" s="282" t="s">
        <v>3816</v>
      </c>
      <c r="SXZ21" s="282" t="s">
        <v>3816</v>
      </c>
      <c r="SYA21" s="282" t="s">
        <v>3816</v>
      </c>
      <c r="SYB21" s="282" t="s">
        <v>3816</v>
      </c>
      <c r="SYC21" s="282" t="s">
        <v>3816</v>
      </c>
      <c r="SYD21" s="282" t="s">
        <v>3816</v>
      </c>
      <c r="SYE21" s="282" t="s">
        <v>3816</v>
      </c>
      <c r="SYF21" s="282" t="s">
        <v>3816</v>
      </c>
      <c r="SYG21" s="282" t="s">
        <v>3816</v>
      </c>
      <c r="SYH21" s="282" t="s">
        <v>3816</v>
      </c>
      <c r="SYI21" s="282" t="s">
        <v>3816</v>
      </c>
      <c r="SYJ21" s="282" t="s">
        <v>3816</v>
      </c>
      <c r="SYK21" s="282" t="s">
        <v>3816</v>
      </c>
      <c r="SYL21" s="282" t="s">
        <v>3816</v>
      </c>
      <c r="SYM21" s="282" t="s">
        <v>3816</v>
      </c>
      <c r="SYN21" s="282" t="s">
        <v>3816</v>
      </c>
      <c r="SYO21" s="282" t="s">
        <v>3816</v>
      </c>
      <c r="SYP21" s="282" t="s">
        <v>3816</v>
      </c>
      <c r="SYQ21" s="282" t="s">
        <v>3816</v>
      </c>
      <c r="SYR21" s="282" t="s">
        <v>3816</v>
      </c>
      <c r="SYS21" s="282" t="s">
        <v>3816</v>
      </c>
      <c r="SYT21" s="282" t="s">
        <v>3816</v>
      </c>
      <c r="SYU21" s="282" t="s">
        <v>3816</v>
      </c>
      <c r="SYV21" s="282" t="s">
        <v>3816</v>
      </c>
      <c r="SYW21" s="282" t="s">
        <v>3816</v>
      </c>
      <c r="SYX21" s="282" t="s">
        <v>3816</v>
      </c>
      <c r="SYY21" s="282" t="s">
        <v>3816</v>
      </c>
      <c r="SYZ21" s="282" t="s">
        <v>3816</v>
      </c>
      <c r="SZA21" s="282" t="s">
        <v>3816</v>
      </c>
      <c r="SZB21" s="282" t="s">
        <v>3816</v>
      </c>
      <c r="SZC21" s="282" t="s">
        <v>3816</v>
      </c>
      <c r="SZD21" s="282" t="s">
        <v>3816</v>
      </c>
      <c r="SZE21" s="282" t="s">
        <v>3816</v>
      </c>
      <c r="SZF21" s="282" t="s">
        <v>3816</v>
      </c>
      <c r="SZG21" s="282" t="s">
        <v>3816</v>
      </c>
      <c r="SZH21" s="282" t="s">
        <v>3816</v>
      </c>
      <c r="SZI21" s="282" t="s">
        <v>3816</v>
      </c>
      <c r="SZJ21" s="282" t="s">
        <v>3816</v>
      </c>
      <c r="SZK21" s="282" t="s">
        <v>3816</v>
      </c>
      <c r="SZL21" s="282" t="s">
        <v>3816</v>
      </c>
      <c r="SZM21" s="282" t="s">
        <v>3816</v>
      </c>
      <c r="SZN21" s="282" t="s">
        <v>3816</v>
      </c>
      <c r="SZO21" s="282" t="s">
        <v>3816</v>
      </c>
      <c r="SZP21" s="282" t="s">
        <v>3816</v>
      </c>
      <c r="SZQ21" s="282" t="s">
        <v>3816</v>
      </c>
      <c r="SZR21" s="282" t="s">
        <v>3816</v>
      </c>
      <c r="SZS21" s="282" t="s">
        <v>3816</v>
      </c>
      <c r="SZT21" s="282" t="s">
        <v>3816</v>
      </c>
      <c r="SZU21" s="282" t="s">
        <v>3816</v>
      </c>
      <c r="SZV21" s="282" t="s">
        <v>3816</v>
      </c>
      <c r="SZW21" s="282" t="s">
        <v>3816</v>
      </c>
      <c r="SZX21" s="282" t="s">
        <v>3816</v>
      </c>
      <c r="SZY21" s="282" t="s">
        <v>3816</v>
      </c>
      <c r="SZZ21" s="282" t="s">
        <v>3816</v>
      </c>
      <c r="TAA21" s="282" t="s">
        <v>3816</v>
      </c>
      <c r="TAB21" s="282" t="s">
        <v>3816</v>
      </c>
      <c r="TAC21" s="282" t="s">
        <v>3816</v>
      </c>
      <c r="TAD21" s="282" t="s">
        <v>3816</v>
      </c>
      <c r="TAE21" s="282" t="s">
        <v>3816</v>
      </c>
      <c r="TAF21" s="282" t="s">
        <v>3816</v>
      </c>
      <c r="TAG21" s="282" t="s">
        <v>3816</v>
      </c>
      <c r="TAH21" s="282" t="s">
        <v>3816</v>
      </c>
      <c r="TAI21" s="282" t="s">
        <v>3816</v>
      </c>
      <c r="TAJ21" s="282" t="s">
        <v>3816</v>
      </c>
      <c r="TAK21" s="282" t="s">
        <v>3816</v>
      </c>
      <c r="TAL21" s="282" t="s">
        <v>3816</v>
      </c>
      <c r="TAM21" s="282" t="s">
        <v>3816</v>
      </c>
      <c r="TAN21" s="282" t="s">
        <v>3816</v>
      </c>
      <c r="TAO21" s="282" t="s">
        <v>3816</v>
      </c>
      <c r="TAP21" s="282" t="s">
        <v>3816</v>
      </c>
      <c r="TAQ21" s="282" t="s">
        <v>3816</v>
      </c>
      <c r="TAR21" s="282" t="s">
        <v>3816</v>
      </c>
      <c r="TAS21" s="282" t="s">
        <v>3816</v>
      </c>
      <c r="TAT21" s="282" t="s">
        <v>3816</v>
      </c>
      <c r="TAU21" s="282" t="s">
        <v>3816</v>
      </c>
      <c r="TAV21" s="282" t="s">
        <v>3816</v>
      </c>
      <c r="TAW21" s="282" t="s">
        <v>3816</v>
      </c>
      <c r="TAX21" s="282" t="s">
        <v>3816</v>
      </c>
      <c r="TAY21" s="282" t="s">
        <v>3816</v>
      </c>
      <c r="TAZ21" s="282" t="s">
        <v>3816</v>
      </c>
      <c r="TBA21" s="282" t="s">
        <v>3816</v>
      </c>
      <c r="TBB21" s="282" t="s">
        <v>3816</v>
      </c>
      <c r="TBC21" s="282" t="s">
        <v>3816</v>
      </c>
      <c r="TBD21" s="282" t="s">
        <v>3816</v>
      </c>
      <c r="TBE21" s="282" t="s">
        <v>3816</v>
      </c>
      <c r="TBF21" s="282" t="s">
        <v>3816</v>
      </c>
      <c r="TBG21" s="282" t="s">
        <v>3816</v>
      </c>
      <c r="TBH21" s="282" t="s">
        <v>3816</v>
      </c>
      <c r="TBI21" s="282" t="s">
        <v>3816</v>
      </c>
      <c r="TBJ21" s="282" t="s">
        <v>3816</v>
      </c>
      <c r="TBK21" s="282" t="s">
        <v>3816</v>
      </c>
      <c r="TBL21" s="282" t="s">
        <v>3816</v>
      </c>
      <c r="TBM21" s="282" t="s">
        <v>3816</v>
      </c>
      <c r="TBN21" s="282" t="s">
        <v>3816</v>
      </c>
      <c r="TBO21" s="282" t="s">
        <v>3816</v>
      </c>
      <c r="TBP21" s="282" t="s">
        <v>3816</v>
      </c>
      <c r="TBQ21" s="282" t="s">
        <v>3816</v>
      </c>
      <c r="TBR21" s="282" t="s">
        <v>3816</v>
      </c>
      <c r="TBS21" s="282" t="s">
        <v>3816</v>
      </c>
      <c r="TBT21" s="282" t="s">
        <v>3816</v>
      </c>
      <c r="TBU21" s="282" t="s">
        <v>3816</v>
      </c>
      <c r="TBV21" s="282" t="s">
        <v>3816</v>
      </c>
      <c r="TBW21" s="282" t="s">
        <v>3816</v>
      </c>
      <c r="TBX21" s="282" t="s">
        <v>3816</v>
      </c>
      <c r="TBY21" s="282" t="s">
        <v>3816</v>
      </c>
      <c r="TBZ21" s="282" t="s">
        <v>3816</v>
      </c>
      <c r="TCA21" s="282" t="s">
        <v>3816</v>
      </c>
      <c r="TCB21" s="282" t="s">
        <v>3816</v>
      </c>
      <c r="TCC21" s="282" t="s">
        <v>3816</v>
      </c>
      <c r="TCD21" s="282" t="s">
        <v>3816</v>
      </c>
      <c r="TCE21" s="282" t="s">
        <v>3816</v>
      </c>
      <c r="TCF21" s="282" t="s">
        <v>3816</v>
      </c>
      <c r="TCG21" s="282" t="s">
        <v>3816</v>
      </c>
      <c r="TCH21" s="282" t="s">
        <v>3816</v>
      </c>
      <c r="TCI21" s="282" t="s">
        <v>3816</v>
      </c>
      <c r="TCJ21" s="282" t="s">
        <v>3816</v>
      </c>
      <c r="TCK21" s="282" t="s">
        <v>3816</v>
      </c>
      <c r="TCL21" s="282" t="s">
        <v>3816</v>
      </c>
      <c r="TCM21" s="282" t="s">
        <v>3816</v>
      </c>
      <c r="TCN21" s="282" t="s">
        <v>3816</v>
      </c>
      <c r="TCO21" s="282" t="s">
        <v>3816</v>
      </c>
      <c r="TCP21" s="282" t="s">
        <v>3816</v>
      </c>
      <c r="TCQ21" s="282" t="s">
        <v>3816</v>
      </c>
      <c r="TCR21" s="282" t="s">
        <v>3816</v>
      </c>
      <c r="TCS21" s="282" t="s">
        <v>3816</v>
      </c>
      <c r="TCT21" s="282" t="s">
        <v>3816</v>
      </c>
      <c r="TCU21" s="282" t="s">
        <v>3816</v>
      </c>
      <c r="TCV21" s="282" t="s">
        <v>3816</v>
      </c>
      <c r="TCW21" s="282" t="s">
        <v>3816</v>
      </c>
      <c r="TCX21" s="282" t="s">
        <v>3816</v>
      </c>
      <c r="TCY21" s="282" t="s">
        <v>3816</v>
      </c>
      <c r="TCZ21" s="282" t="s">
        <v>3816</v>
      </c>
      <c r="TDA21" s="282" t="s">
        <v>3816</v>
      </c>
      <c r="TDB21" s="282" t="s">
        <v>3816</v>
      </c>
      <c r="TDC21" s="282" t="s">
        <v>3816</v>
      </c>
      <c r="TDD21" s="282" t="s">
        <v>3816</v>
      </c>
      <c r="TDE21" s="282" t="s">
        <v>3816</v>
      </c>
      <c r="TDF21" s="282" t="s">
        <v>3816</v>
      </c>
      <c r="TDG21" s="282" t="s">
        <v>3816</v>
      </c>
      <c r="TDH21" s="282" t="s">
        <v>3816</v>
      </c>
      <c r="TDI21" s="282" t="s">
        <v>3816</v>
      </c>
      <c r="TDJ21" s="282" t="s">
        <v>3816</v>
      </c>
      <c r="TDK21" s="282" t="s">
        <v>3816</v>
      </c>
      <c r="TDL21" s="282" t="s">
        <v>3816</v>
      </c>
      <c r="TDM21" s="282" t="s">
        <v>3816</v>
      </c>
      <c r="TDN21" s="282" t="s">
        <v>3816</v>
      </c>
      <c r="TDO21" s="282" t="s">
        <v>3816</v>
      </c>
      <c r="TDP21" s="282" t="s">
        <v>3816</v>
      </c>
      <c r="TDQ21" s="282" t="s">
        <v>3816</v>
      </c>
      <c r="TDR21" s="282" t="s">
        <v>3816</v>
      </c>
      <c r="TDS21" s="282" t="s">
        <v>3816</v>
      </c>
      <c r="TDT21" s="282" t="s">
        <v>3816</v>
      </c>
      <c r="TDU21" s="282" t="s">
        <v>3816</v>
      </c>
      <c r="TDV21" s="282" t="s">
        <v>3816</v>
      </c>
      <c r="TDW21" s="282" t="s">
        <v>3816</v>
      </c>
      <c r="TDX21" s="282" t="s">
        <v>3816</v>
      </c>
      <c r="TDY21" s="282" t="s">
        <v>3816</v>
      </c>
      <c r="TDZ21" s="282" t="s">
        <v>3816</v>
      </c>
      <c r="TEA21" s="282" t="s">
        <v>3816</v>
      </c>
      <c r="TEB21" s="282" t="s">
        <v>3816</v>
      </c>
      <c r="TEC21" s="282" t="s">
        <v>3816</v>
      </c>
      <c r="TED21" s="282" t="s">
        <v>3816</v>
      </c>
      <c r="TEE21" s="282" t="s">
        <v>3816</v>
      </c>
      <c r="TEF21" s="282" t="s">
        <v>3816</v>
      </c>
      <c r="TEG21" s="282" t="s">
        <v>3816</v>
      </c>
      <c r="TEH21" s="282" t="s">
        <v>3816</v>
      </c>
      <c r="TEI21" s="282" t="s">
        <v>3816</v>
      </c>
      <c r="TEJ21" s="282" t="s">
        <v>3816</v>
      </c>
      <c r="TEK21" s="282" t="s">
        <v>3816</v>
      </c>
      <c r="TEL21" s="282" t="s">
        <v>3816</v>
      </c>
      <c r="TEM21" s="282" t="s">
        <v>3816</v>
      </c>
      <c r="TEN21" s="282" t="s">
        <v>3816</v>
      </c>
      <c r="TEO21" s="282" t="s">
        <v>3816</v>
      </c>
      <c r="TEP21" s="282" t="s">
        <v>3816</v>
      </c>
      <c r="TEQ21" s="282" t="s">
        <v>3816</v>
      </c>
      <c r="TER21" s="282" t="s">
        <v>3816</v>
      </c>
      <c r="TES21" s="282" t="s">
        <v>3816</v>
      </c>
      <c r="TET21" s="282" t="s">
        <v>3816</v>
      </c>
      <c r="TEU21" s="282" t="s">
        <v>3816</v>
      </c>
      <c r="TEV21" s="282" t="s">
        <v>3816</v>
      </c>
      <c r="TEW21" s="282" t="s">
        <v>3816</v>
      </c>
      <c r="TEX21" s="282" t="s">
        <v>3816</v>
      </c>
      <c r="TEY21" s="282" t="s">
        <v>3816</v>
      </c>
      <c r="TEZ21" s="282" t="s">
        <v>3816</v>
      </c>
      <c r="TFA21" s="282" t="s">
        <v>3816</v>
      </c>
      <c r="TFB21" s="282" t="s">
        <v>3816</v>
      </c>
      <c r="TFC21" s="282" t="s">
        <v>3816</v>
      </c>
      <c r="TFD21" s="282" t="s">
        <v>3816</v>
      </c>
      <c r="TFE21" s="282" t="s">
        <v>3816</v>
      </c>
      <c r="TFF21" s="282" t="s">
        <v>3816</v>
      </c>
      <c r="TFG21" s="282" t="s">
        <v>3816</v>
      </c>
      <c r="TFH21" s="282" t="s">
        <v>3816</v>
      </c>
      <c r="TFI21" s="282" t="s">
        <v>3816</v>
      </c>
      <c r="TFJ21" s="282" t="s">
        <v>3816</v>
      </c>
      <c r="TFK21" s="282" t="s">
        <v>3816</v>
      </c>
      <c r="TFL21" s="282" t="s">
        <v>3816</v>
      </c>
      <c r="TFM21" s="282" t="s">
        <v>3816</v>
      </c>
      <c r="TFN21" s="282" t="s">
        <v>3816</v>
      </c>
      <c r="TFO21" s="282" t="s">
        <v>3816</v>
      </c>
      <c r="TFP21" s="282" t="s">
        <v>3816</v>
      </c>
      <c r="TFQ21" s="282" t="s">
        <v>3816</v>
      </c>
      <c r="TFR21" s="282" t="s">
        <v>3816</v>
      </c>
      <c r="TFS21" s="282" t="s">
        <v>3816</v>
      </c>
      <c r="TFT21" s="282" t="s">
        <v>3816</v>
      </c>
      <c r="TFU21" s="282" t="s">
        <v>3816</v>
      </c>
      <c r="TFV21" s="282" t="s">
        <v>3816</v>
      </c>
      <c r="TFW21" s="282" t="s">
        <v>3816</v>
      </c>
      <c r="TFX21" s="282" t="s">
        <v>3816</v>
      </c>
      <c r="TFY21" s="282" t="s">
        <v>3816</v>
      </c>
      <c r="TFZ21" s="282" t="s">
        <v>3816</v>
      </c>
      <c r="TGA21" s="282" t="s">
        <v>3816</v>
      </c>
      <c r="TGB21" s="282" t="s">
        <v>3816</v>
      </c>
      <c r="TGC21" s="282" t="s">
        <v>3816</v>
      </c>
      <c r="TGD21" s="282" t="s">
        <v>3816</v>
      </c>
      <c r="TGE21" s="282" t="s">
        <v>3816</v>
      </c>
      <c r="TGF21" s="282" t="s">
        <v>3816</v>
      </c>
      <c r="TGG21" s="282" t="s">
        <v>3816</v>
      </c>
      <c r="TGH21" s="282" t="s">
        <v>3816</v>
      </c>
      <c r="TGI21" s="282" t="s">
        <v>3816</v>
      </c>
      <c r="TGJ21" s="282" t="s">
        <v>3816</v>
      </c>
      <c r="TGK21" s="282" t="s">
        <v>3816</v>
      </c>
      <c r="TGL21" s="282" t="s">
        <v>3816</v>
      </c>
      <c r="TGM21" s="282" t="s">
        <v>3816</v>
      </c>
      <c r="TGN21" s="282" t="s">
        <v>3816</v>
      </c>
      <c r="TGO21" s="282" t="s">
        <v>3816</v>
      </c>
      <c r="TGP21" s="282" t="s">
        <v>3816</v>
      </c>
      <c r="TGQ21" s="282" t="s">
        <v>3816</v>
      </c>
      <c r="TGR21" s="282" t="s">
        <v>3816</v>
      </c>
      <c r="TGS21" s="282" t="s">
        <v>3816</v>
      </c>
      <c r="TGT21" s="282" t="s">
        <v>3816</v>
      </c>
      <c r="TGU21" s="282" t="s">
        <v>3816</v>
      </c>
      <c r="TGV21" s="282" t="s">
        <v>3816</v>
      </c>
      <c r="TGW21" s="282" t="s">
        <v>3816</v>
      </c>
      <c r="TGX21" s="282" t="s">
        <v>3816</v>
      </c>
      <c r="TGY21" s="282" t="s">
        <v>3816</v>
      </c>
      <c r="TGZ21" s="282" t="s">
        <v>3816</v>
      </c>
      <c r="THA21" s="282" t="s">
        <v>3816</v>
      </c>
      <c r="THB21" s="282" t="s">
        <v>3816</v>
      </c>
      <c r="THC21" s="282" t="s">
        <v>3816</v>
      </c>
      <c r="THD21" s="282" t="s">
        <v>3816</v>
      </c>
      <c r="THE21" s="282" t="s">
        <v>3816</v>
      </c>
      <c r="THF21" s="282" t="s">
        <v>3816</v>
      </c>
      <c r="THG21" s="282" t="s">
        <v>3816</v>
      </c>
      <c r="THH21" s="282" t="s">
        <v>3816</v>
      </c>
      <c r="THI21" s="282" t="s">
        <v>3816</v>
      </c>
      <c r="THJ21" s="282" t="s">
        <v>3816</v>
      </c>
      <c r="THK21" s="282" t="s">
        <v>3816</v>
      </c>
      <c r="THL21" s="282" t="s">
        <v>3816</v>
      </c>
      <c r="THM21" s="282" t="s">
        <v>3816</v>
      </c>
      <c r="THN21" s="282" t="s">
        <v>3816</v>
      </c>
      <c r="THO21" s="282" t="s">
        <v>3816</v>
      </c>
      <c r="THP21" s="282" t="s">
        <v>3816</v>
      </c>
      <c r="THQ21" s="282" t="s">
        <v>3816</v>
      </c>
      <c r="THR21" s="282" t="s">
        <v>3816</v>
      </c>
      <c r="THS21" s="282" t="s">
        <v>3816</v>
      </c>
      <c r="THT21" s="282" t="s">
        <v>3816</v>
      </c>
      <c r="THU21" s="282" t="s">
        <v>3816</v>
      </c>
      <c r="THV21" s="282" t="s">
        <v>3816</v>
      </c>
      <c r="THW21" s="282" t="s">
        <v>3816</v>
      </c>
      <c r="THX21" s="282" t="s">
        <v>3816</v>
      </c>
      <c r="THY21" s="282" t="s">
        <v>3816</v>
      </c>
      <c r="THZ21" s="282" t="s">
        <v>3816</v>
      </c>
      <c r="TIA21" s="282" t="s">
        <v>3816</v>
      </c>
      <c r="TIB21" s="282" t="s">
        <v>3816</v>
      </c>
      <c r="TIC21" s="282" t="s">
        <v>3816</v>
      </c>
      <c r="TID21" s="282" t="s">
        <v>3816</v>
      </c>
      <c r="TIE21" s="282" t="s">
        <v>3816</v>
      </c>
      <c r="TIF21" s="282" t="s">
        <v>3816</v>
      </c>
      <c r="TIG21" s="282" t="s">
        <v>3816</v>
      </c>
      <c r="TIH21" s="282" t="s">
        <v>3816</v>
      </c>
      <c r="TII21" s="282" t="s">
        <v>3816</v>
      </c>
      <c r="TIJ21" s="282" t="s">
        <v>3816</v>
      </c>
      <c r="TIK21" s="282" t="s">
        <v>3816</v>
      </c>
      <c r="TIL21" s="282" t="s">
        <v>3816</v>
      </c>
      <c r="TIM21" s="282" t="s">
        <v>3816</v>
      </c>
      <c r="TIN21" s="282" t="s">
        <v>3816</v>
      </c>
      <c r="TIO21" s="282" t="s">
        <v>3816</v>
      </c>
      <c r="TIP21" s="282" t="s">
        <v>3816</v>
      </c>
      <c r="TIQ21" s="282" t="s">
        <v>3816</v>
      </c>
      <c r="TIR21" s="282" t="s">
        <v>3816</v>
      </c>
      <c r="TIS21" s="282" t="s">
        <v>3816</v>
      </c>
      <c r="TIT21" s="282" t="s">
        <v>3816</v>
      </c>
      <c r="TIU21" s="282" t="s">
        <v>3816</v>
      </c>
      <c r="TIV21" s="282" t="s">
        <v>3816</v>
      </c>
      <c r="TIW21" s="282" t="s">
        <v>3816</v>
      </c>
      <c r="TIX21" s="282" t="s">
        <v>3816</v>
      </c>
      <c r="TIY21" s="282" t="s">
        <v>3816</v>
      </c>
      <c r="TIZ21" s="282" t="s">
        <v>3816</v>
      </c>
      <c r="TJA21" s="282" t="s">
        <v>3816</v>
      </c>
      <c r="TJB21" s="282" t="s">
        <v>3816</v>
      </c>
      <c r="TJC21" s="282" t="s">
        <v>3816</v>
      </c>
      <c r="TJD21" s="282" t="s">
        <v>3816</v>
      </c>
      <c r="TJE21" s="282" t="s">
        <v>3816</v>
      </c>
      <c r="TJF21" s="282" t="s">
        <v>3816</v>
      </c>
      <c r="TJG21" s="282" t="s">
        <v>3816</v>
      </c>
      <c r="TJH21" s="282" t="s">
        <v>3816</v>
      </c>
      <c r="TJI21" s="282" t="s">
        <v>3816</v>
      </c>
      <c r="TJJ21" s="282" t="s">
        <v>3816</v>
      </c>
      <c r="TJK21" s="282" t="s">
        <v>3816</v>
      </c>
      <c r="TJL21" s="282" t="s">
        <v>3816</v>
      </c>
      <c r="TJM21" s="282" t="s">
        <v>3816</v>
      </c>
      <c r="TJN21" s="282" t="s">
        <v>3816</v>
      </c>
      <c r="TJO21" s="282" t="s">
        <v>3816</v>
      </c>
      <c r="TJP21" s="282" t="s">
        <v>3816</v>
      </c>
      <c r="TJQ21" s="282" t="s">
        <v>3816</v>
      </c>
      <c r="TJR21" s="282" t="s">
        <v>3816</v>
      </c>
      <c r="TJS21" s="282" t="s">
        <v>3816</v>
      </c>
      <c r="TJT21" s="282" t="s">
        <v>3816</v>
      </c>
      <c r="TJU21" s="282" t="s">
        <v>3816</v>
      </c>
      <c r="TJV21" s="282" t="s">
        <v>3816</v>
      </c>
      <c r="TJW21" s="282" t="s">
        <v>3816</v>
      </c>
      <c r="TJX21" s="282" t="s">
        <v>3816</v>
      </c>
      <c r="TJY21" s="282" t="s">
        <v>3816</v>
      </c>
      <c r="TJZ21" s="282" t="s">
        <v>3816</v>
      </c>
      <c r="TKA21" s="282" t="s">
        <v>3816</v>
      </c>
      <c r="TKB21" s="282" t="s">
        <v>3816</v>
      </c>
      <c r="TKC21" s="282" t="s">
        <v>3816</v>
      </c>
      <c r="TKD21" s="282" t="s">
        <v>3816</v>
      </c>
      <c r="TKE21" s="282" t="s">
        <v>3816</v>
      </c>
      <c r="TKF21" s="282" t="s">
        <v>3816</v>
      </c>
      <c r="TKG21" s="282" t="s">
        <v>3816</v>
      </c>
      <c r="TKH21" s="282" t="s">
        <v>3816</v>
      </c>
      <c r="TKI21" s="282" t="s">
        <v>3816</v>
      </c>
      <c r="TKJ21" s="282" t="s">
        <v>3816</v>
      </c>
      <c r="TKK21" s="282" t="s">
        <v>3816</v>
      </c>
      <c r="TKL21" s="282" t="s">
        <v>3816</v>
      </c>
      <c r="TKM21" s="282" t="s">
        <v>3816</v>
      </c>
      <c r="TKN21" s="282" t="s">
        <v>3816</v>
      </c>
      <c r="TKO21" s="282" t="s">
        <v>3816</v>
      </c>
      <c r="TKP21" s="282" t="s">
        <v>3816</v>
      </c>
      <c r="TKQ21" s="282" t="s">
        <v>3816</v>
      </c>
      <c r="TKR21" s="282" t="s">
        <v>3816</v>
      </c>
      <c r="TKS21" s="282" t="s">
        <v>3816</v>
      </c>
      <c r="TKT21" s="282" t="s">
        <v>3816</v>
      </c>
      <c r="TKU21" s="282" t="s">
        <v>3816</v>
      </c>
      <c r="TKV21" s="282" t="s">
        <v>3816</v>
      </c>
      <c r="TKW21" s="282" t="s">
        <v>3816</v>
      </c>
      <c r="TKX21" s="282" t="s">
        <v>3816</v>
      </c>
      <c r="TKY21" s="282" t="s">
        <v>3816</v>
      </c>
      <c r="TKZ21" s="282" t="s">
        <v>3816</v>
      </c>
      <c r="TLA21" s="282" t="s">
        <v>3816</v>
      </c>
      <c r="TLB21" s="282" t="s">
        <v>3816</v>
      </c>
      <c r="TLC21" s="282" t="s">
        <v>3816</v>
      </c>
      <c r="TLD21" s="282" t="s">
        <v>3816</v>
      </c>
      <c r="TLE21" s="282" t="s">
        <v>3816</v>
      </c>
      <c r="TLF21" s="282" t="s">
        <v>3816</v>
      </c>
      <c r="TLG21" s="282" t="s">
        <v>3816</v>
      </c>
      <c r="TLH21" s="282" t="s">
        <v>3816</v>
      </c>
      <c r="TLI21" s="282" t="s">
        <v>3816</v>
      </c>
      <c r="TLJ21" s="282" t="s">
        <v>3816</v>
      </c>
      <c r="TLK21" s="282" t="s">
        <v>3816</v>
      </c>
      <c r="TLL21" s="282" t="s">
        <v>3816</v>
      </c>
      <c r="TLM21" s="282" t="s">
        <v>3816</v>
      </c>
      <c r="TLN21" s="282" t="s">
        <v>3816</v>
      </c>
      <c r="TLO21" s="282" t="s">
        <v>3816</v>
      </c>
      <c r="TLP21" s="282" t="s">
        <v>3816</v>
      </c>
      <c r="TLQ21" s="282" t="s">
        <v>3816</v>
      </c>
      <c r="TLR21" s="282" t="s">
        <v>3816</v>
      </c>
      <c r="TLS21" s="282" t="s">
        <v>3816</v>
      </c>
      <c r="TLT21" s="282" t="s">
        <v>3816</v>
      </c>
      <c r="TLU21" s="282" t="s">
        <v>3816</v>
      </c>
      <c r="TLV21" s="282" t="s">
        <v>3816</v>
      </c>
      <c r="TLW21" s="282" t="s">
        <v>3816</v>
      </c>
      <c r="TLX21" s="282" t="s">
        <v>3816</v>
      </c>
      <c r="TLY21" s="282" t="s">
        <v>3816</v>
      </c>
      <c r="TLZ21" s="282" t="s">
        <v>3816</v>
      </c>
      <c r="TMA21" s="282" t="s">
        <v>3816</v>
      </c>
      <c r="TMB21" s="282" t="s">
        <v>3816</v>
      </c>
      <c r="TMC21" s="282" t="s">
        <v>3816</v>
      </c>
      <c r="TMD21" s="282" t="s">
        <v>3816</v>
      </c>
      <c r="TME21" s="282" t="s">
        <v>3816</v>
      </c>
      <c r="TMF21" s="282" t="s">
        <v>3816</v>
      </c>
      <c r="TMG21" s="282" t="s">
        <v>3816</v>
      </c>
      <c r="TMH21" s="282" t="s">
        <v>3816</v>
      </c>
      <c r="TMI21" s="282" t="s">
        <v>3816</v>
      </c>
      <c r="TMJ21" s="282" t="s">
        <v>3816</v>
      </c>
      <c r="TMK21" s="282" t="s">
        <v>3816</v>
      </c>
      <c r="TML21" s="282" t="s">
        <v>3816</v>
      </c>
      <c r="TMM21" s="282" t="s">
        <v>3816</v>
      </c>
      <c r="TMN21" s="282" t="s">
        <v>3816</v>
      </c>
      <c r="TMO21" s="282" t="s">
        <v>3816</v>
      </c>
      <c r="TMP21" s="282" t="s">
        <v>3816</v>
      </c>
      <c r="TMQ21" s="282" t="s">
        <v>3816</v>
      </c>
      <c r="TMR21" s="282" t="s">
        <v>3816</v>
      </c>
      <c r="TMS21" s="282" t="s">
        <v>3816</v>
      </c>
      <c r="TMT21" s="282" t="s">
        <v>3816</v>
      </c>
      <c r="TMU21" s="282" t="s">
        <v>3816</v>
      </c>
      <c r="TMV21" s="282" t="s">
        <v>3816</v>
      </c>
      <c r="TMW21" s="282" t="s">
        <v>3816</v>
      </c>
      <c r="TMX21" s="282" t="s">
        <v>3816</v>
      </c>
      <c r="TMY21" s="282" t="s">
        <v>3816</v>
      </c>
      <c r="TMZ21" s="282" t="s">
        <v>3816</v>
      </c>
      <c r="TNA21" s="282" t="s">
        <v>3816</v>
      </c>
      <c r="TNB21" s="282" t="s">
        <v>3816</v>
      </c>
      <c r="TNC21" s="282" t="s">
        <v>3816</v>
      </c>
      <c r="TND21" s="282" t="s">
        <v>3816</v>
      </c>
      <c r="TNE21" s="282" t="s">
        <v>3816</v>
      </c>
      <c r="TNF21" s="282" t="s">
        <v>3816</v>
      </c>
      <c r="TNG21" s="282" t="s">
        <v>3816</v>
      </c>
      <c r="TNH21" s="282" t="s">
        <v>3816</v>
      </c>
      <c r="TNI21" s="282" t="s">
        <v>3816</v>
      </c>
      <c r="TNJ21" s="282" t="s">
        <v>3816</v>
      </c>
      <c r="TNK21" s="282" t="s">
        <v>3816</v>
      </c>
      <c r="TNL21" s="282" t="s">
        <v>3816</v>
      </c>
      <c r="TNM21" s="282" t="s">
        <v>3816</v>
      </c>
      <c r="TNN21" s="282" t="s">
        <v>3816</v>
      </c>
      <c r="TNO21" s="282" t="s">
        <v>3816</v>
      </c>
      <c r="TNP21" s="282" t="s">
        <v>3816</v>
      </c>
      <c r="TNQ21" s="282" t="s">
        <v>3816</v>
      </c>
      <c r="TNR21" s="282" t="s">
        <v>3816</v>
      </c>
      <c r="TNS21" s="282" t="s">
        <v>3816</v>
      </c>
      <c r="TNT21" s="282" t="s">
        <v>3816</v>
      </c>
      <c r="TNU21" s="282" t="s">
        <v>3816</v>
      </c>
      <c r="TNV21" s="282" t="s">
        <v>3816</v>
      </c>
      <c r="TNW21" s="282" t="s">
        <v>3816</v>
      </c>
      <c r="TNX21" s="282" t="s">
        <v>3816</v>
      </c>
      <c r="TNY21" s="282" t="s">
        <v>3816</v>
      </c>
      <c r="TNZ21" s="282" t="s">
        <v>3816</v>
      </c>
      <c r="TOA21" s="282" t="s">
        <v>3816</v>
      </c>
      <c r="TOB21" s="282" t="s">
        <v>3816</v>
      </c>
      <c r="TOC21" s="282" t="s">
        <v>3816</v>
      </c>
      <c r="TOD21" s="282" t="s">
        <v>3816</v>
      </c>
      <c r="TOE21" s="282" t="s">
        <v>3816</v>
      </c>
      <c r="TOF21" s="282" t="s">
        <v>3816</v>
      </c>
      <c r="TOG21" s="282" t="s">
        <v>3816</v>
      </c>
      <c r="TOH21" s="282" t="s">
        <v>3816</v>
      </c>
      <c r="TOI21" s="282" t="s">
        <v>3816</v>
      </c>
      <c r="TOJ21" s="282" t="s">
        <v>3816</v>
      </c>
      <c r="TOK21" s="282" t="s">
        <v>3816</v>
      </c>
      <c r="TOL21" s="282" t="s">
        <v>3816</v>
      </c>
      <c r="TOM21" s="282" t="s">
        <v>3816</v>
      </c>
      <c r="TON21" s="282" t="s">
        <v>3816</v>
      </c>
      <c r="TOO21" s="282" t="s">
        <v>3816</v>
      </c>
      <c r="TOP21" s="282" t="s">
        <v>3816</v>
      </c>
      <c r="TOQ21" s="282" t="s">
        <v>3816</v>
      </c>
      <c r="TOR21" s="282" t="s">
        <v>3816</v>
      </c>
      <c r="TOS21" s="282" t="s">
        <v>3816</v>
      </c>
      <c r="TOT21" s="282" t="s">
        <v>3816</v>
      </c>
      <c r="TOU21" s="282" t="s">
        <v>3816</v>
      </c>
      <c r="TOV21" s="282" t="s">
        <v>3816</v>
      </c>
      <c r="TOW21" s="282" t="s">
        <v>3816</v>
      </c>
      <c r="TOX21" s="282" t="s">
        <v>3816</v>
      </c>
      <c r="TOY21" s="282" t="s">
        <v>3816</v>
      </c>
      <c r="TOZ21" s="282" t="s">
        <v>3816</v>
      </c>
      <c r="TPA21" s="282" t="s">
        <v>3816</v>
      </c>
      <c r="TPB21" s="282" t="s">
        <v>3816</v>
      </c>
      <c r="TPC21" s="282" t="s">
        <v>3816</v>
      </c>
      <c r="TPD21" s="282" t="s">
        <v>3816</v>
      </c>
      <c r="TPE21" s="282" t="s">
        <v>3816</v>
      </c>
      <c r="TPF21" s="282" t="s">
        <v>3816</v>
      </c>
      <c r="TPG21" s="282" t="s">
        <v>3816</v>
      </c>
      <c r="TPH21" s="282" t="s">
        <v>3816</v>
      </c>
      <c r="TPI21" s="282" t="s">
        <v>3816</v>
      </c>
      <c r="TPJ21" s="282" t="s">
        <v>3816</v>
      </c>
      <c r="TPK21" s="282" t="s">
        <v>3816</v>
      </c>
      <c r="TPL21" s="282" t="s">
        <v>3816</v>
      </c>
      <c r="TPM21" s="282" t="s">
        <v>3816</v>
      </c>
      <c r="TPN21" s="282" t="s">
        <v>3816</v>
      </c>
      <c r="TPO21" s="282" t="s">
        <v>3816</v>
      </c>
      <c r="TPP21" s="282" t="s">
        <v>3816</v>
      </c>
      <c r="TPQ21" s="282" t="s">
        <v>3816</v>
      </c>
      <c r="TPR21" s="282" t="s">
        <v>3816</v>
      </c>
      <c r="TPS21" s="282" t="s">
        <v>3816</v>
      </c>
      <c r="TPT21" s="282" t="s">
        <v>3816</v>
      </c>
      <c r="TPU21" s="282" t="s">
        <v>3816</v>
      </c>
      <c r="TPV21" s="282" t="s">
        <v>3816</v>
      </c>
      <c r="TPW21" s="282" t="s">
        <v>3816</v>
      </c>
      <c r="TPX21" s="282" t="s">
        <v>3816</v>
      </c>
      <c r="TPY21" s="282" t="s">
        <v>3816</v>
      </c>
      <c r="TPZ21" s="282" t="s">
        <v>3816</v>
      </c>
      <c r="TQA21" s="282" t="s">
        <v>3816</v>
      </c>
      <c r="TQB21" s="282" t="s">
        <v>3816</v>
      </c>
      <c r="TQC21" s="282" t="s">
        <v>3816</v>
      </c>
      <c r="TQD21" s="282" t="s">
        <v>3816</v>
      </c>
      <c r="TQE21" s="282" t="s">
        <v>3816</v>
      </c>
      <c r="TQF21" s="282" t="s">
        <v>3816</v>
      </c>
      <c r="TQG21" s="282" t="s">
        <v>3816</v>
      </c>
      <c r="TQH21" s="282" t="s">
        <v>3816</v>
      </c>
      <c r="TQI21" s="282" t="s">
        <v>3816</v>
      </c>
      <c r="TQJ21" s="282" t="s">
        <v>3816</v>
      </c>
      <c r="TQK21" s="282" t="s">
        <v>3816</v>
      </c>
      <c r="TQL21" s="282" t="s">
        <v>3816</v>
      </c>
      <c r="TQM21" s="282" t="s">
        <v>3816</v>
      </c>
      <c r="TQN21" s="282" t="s">
        <v>3816</v>
      </c>
      <c r="TQO21" s="282" t="s">
        <v>3816</v>
      </c>
      <c r="TQP21" s="282" t="s">
        <v>3816</v>
      </c>
      <c r="TQQ21" s="282" t="s">
        <v>3816</v>
      </c>
      <c r="TQR21" s="282" t="s">
        <v>3816</v>
      </c>
      <c r="TQS21" s="282" t="s">
        <v>3816</v>
      </c>
      <c r="TQT21" s="282" t="s">
        <v>3816</v>
      </c>
      <c r="TQU21" s="282" t="s">
        <v>3816</v>
      </c>
      <c r="TQV21" s="282" t="s">
        <v>3816</v>
      </c>
      <c r="TQW21" s="282" t="s">
        <v>3816</v>
      </c>
      <c r="TQX21" s="282" t="s">
        <v>3816</v>
      </c>
      <c r="TQY21" s="282" t="s">
        <v>3816</v>
      </c>
      <c r="TQZ21" s="282" t="s">
        <v>3816</v>
      </c>
      <c r="TRA21" s="282" t="s">
        <v>3816</v>
      </c>
      <c r="TRB21" s="282" t="s">
        <v>3816</v>
      </c>
      <c r="TRC21" s="282" t="s">
        <v>3816</v>
      </c>
      <c r="TRD21" s="282" t="s">
        <v>3816</v>
      </c>
      <c r="TRE21" s="282" t="s">
        <v>3816</v>
      </c>
      <c r="TRF21" s="282" t="s">
        <v>3816</v>
      </c>
      <c r="TRG21" s="282" t="s">
        <v>3816</v>
      </c>
      <c r="TRH21" s="282" t="s">
        <v>3816</v>
      </c>
      <c r="TRI21" s="282" t="s">
        <v>3816</v>
      </c>
      <c r="TRJ21" s="282" t="s">
        <v>3816</v>
      </c>
      <c r="TRK21" s="282" t="s">
        <v>3816</v>
      </c>
      <c r="TRL21" s="282" t="s">
        <v>3816</v>
      </c>
      <c r="TRM21" s="282" t="s">
        <v>3816</v>
      </c>
      <c r="TRN21" s="282" t="s">
        <v>3816</v>
      </c>
      <c r="TRO21" s="282" t="s">
        <v>3816</v>
      </c>
      <c r="TRP21" s="282" t="s">
        <v>3816</v>
      </c>
      <c r="TRQ21" s="282" t="s">
        <v>3816</v>
      </c>
      <c r="TRR21" s="282" t="s">
        <v>3816</v>
      </c>
      <c r="TRS21" s="282" t="s">
        <v>3816</v>
      </c>
      <c r="TRT21" s="282" t="s">
        <v>3816</v>
      </c>
      <c r="TRU21" s="282" t="s">
        <v>3816</v>
      </c>
      <c r="TRV21" s="282" t="s">
        <v>3816</v>
      </c>
      <c r="TRW21" s="282" t="s">
        <v>3816</v>
      </c>
      <c r="TRX21" s="282" t="s">
        <v>3816</v>
      </c>
      <c r="TRY21" s="282" t="s">
        <v>3816</v>
      </c>
      <c r="TRZ21" s="282" t="s">
        <v>3816</v>
      </c>
      <c r="TSA21" s="282" t="s">
        <v>3816</v>
      </c>
      <c r="TSB21" s="282" t="s">
        <v>3816</v>
      </c>
      <c r="TSC21" s="282" t="s">
        <v>3816</v>
      </c>
      <c r="TSD21" s="282" t="s">
        <v>3816</v>
      </c>
      <c r="TSE21" s="282" t="s">
        <v>3816</v>
      </c>
      <c r="TSF21" s="282" t="s">
        <v>3816</v>
      </c>
      <c r="TSG21" s="282" t="s">
        <v>3816</v>
      </c>
      <c r="TSH21" s="282" t="s">
        <v>3816</v>
      </c>
      <c r="TSI21" s="282" t="s">
        <v>3816</v>
      </c>
      <c r="TSJ21" s="282" t="s">
        <v>3816</v>
      </c>
      <c r="TSK21" s="282" t="s">
        <v>3816</v>
      </c>
      <c r="TSL21" s="282" t="s">
        <v>3816</v>
      </c>
      <c r="TSM21" s="282" t="s">
        <v>3816</v>
      </c>
      <c r="TSN21" s="282" t="s">
        <v>3816</v>
      </c>
      <c r="TSO21" s="282" t="s">
        <v>3816</v>
      </c>
      <c r="TSP21" s="282" t="s">
        <v>3816</v>
      </c>
      <c r="TSQ21" s="282" t="s">
        <v>3816</v>
      </c>
      <c r="TSR21" s="282" t="s">
        <v>3816</v>
      </c>
      <c r="TSS21" s="282" t="s">
        <v>3816</v>
      </c>
      <c r="TST21" s="282" t="s">
        <v>3816</v>
      </c>
      <c r="TSU21" s="282" t="s">
        <v>3816</v>
      </c>
      <c r="TSV21" s="282" t="s">
        <v>3816</v>
      </c>
      <c r="TSW21" s="282" t="s">
        <v>3816</v>
      </c>
      <c r="TSX21" s="282" t="s">
        <v>3816</v>
      </c>
      <c r="TSY21" s="282" t="s">
        <v>3816</v>
      </c>
      <c r="TSZ21" s="282" t="s">
        <v>3816</v>
      </c>
      <c r="TTA21" s="282" t="s">
        <v>3816</v>
      </c>
      <c r="TTB21" s="282" t="s">
        <v>3816</v>
      </c>
      <c r="TTC21" s="282" t="s">
        <v>3816</v>
      </c>
      <c r="TTD21" s="282" t="s">
        <v>3816</v>
      </c>
      <c r="TTE21" s="282" t="s">
        <v>3816</v>
      </c>
      <c r="TTF21" s="282" t="s">
        <v>3816</v>
      </c>
      <c r="TTG21" s="282" t="s">
        <v>3816</v>
      </c>
      <c r="TTH21" s="282" t="s">
        <v>3816</v>
      </c>
      <c r="TTI21" s="282" t="s">
        <v>3816</v>
      </c>
      <c r="TTJ21" s="282" t="s">
        <v>3816</v>
      </c>
      <c r="TTK21" s="282" t="s">
        <v>3816</v>
      </c>
      <c r="TTL21" s="282" t="s">
        <v>3816</v>
      </c>
      <c r="TTM21" s="282" t="s">
        <v>3816</v>
      </c>
      <c r="TTN21" s="282" t="s">
        <v>3816</v>
      </c>
      <c r="TTO21" s="282" t="s">
        <v>3816</v>
      </c>
      <c r="TTP21" s="282" t="s">
        <v>3816</v>
      </c>
      <c r="TTQ21" s="282" t="s">
        <v>3816</v>
      </c>
      <c r="TTR21" s="282" t="s">
        <v>3816</v>
      </c>
      <c r="TTS21" s="282" t="s">
        <v>3816</v>
      </c>
      <c r="TTT21" s="282" t="s">
        <v>3816</v>
      </c>
      <c r="TTU21" s="282" t="s">
        <v>3816</v>
      </c>
      <c r="TTV21" s="282" t="s">
        <v>3816</v>
      </c>
      <c r="TTW21" s="282" t="s">
        <v>3816</v>
      </c>
      <c r="TTX21" s="282" t="s">
        <v>3816</v>
      </c>
      <c r="TTY21" s="282" t="s">
        <v>3816</v>
      </c>
      <c r="TTZ21" s="282" t="s">
        <v>3816</v>
      </c>
      <c r="TUA21" s="282" t="s">
        <v>3816</v>
      </c>
      <c r="TUB21" s="282" t="s">
        <v>3816</v>
      </c>
      <c r="TUC21" s="282" t="s">
        <v>3816</v>
      </c>
      <c r="TUD21" s="282" t="s">
        <v>3816</v>
      </c>
      <c r="TUE21" s="282" t="s">
        <v>3816</v>
      </c>
      <c r="TUF21" s="282" t="s">
        <v>3816</v>
      </c>
      <c r="TUG21" s="282" t="s">
        <v>3816</v>
      </c>
      <c r="TUH21" s="282" t="s">
        <v>3816</v>
      </c>
      <c r="TUI21" s="282" t="s">
        <v>3816</v>
      </c>
      <c r="TUJ21" s="282" t="s">
        <v>3816</v>
      </c>
      <c r="TUK21" s="282" t="s">
        <v>3816</v>
      </c>
      <c r="TUL21" s="282" t="s">
        <v>3816</v>
      </c>
      <c r="TUM21" s="282" t="s">
        <v>3816</v>
      </c>
      <c r="TUN21" s="282" t="s">
        <v>3816</v>
      </c>
      <c r="TUO21" s="282" t="s">
        <v>3816</v>
      </c>
      <c r="TUP21" s="282" t="s">
        <v>3816</v>
      </c>
      <c r="TUQ21" s="282" t="s">
        <v>3816</v>
      </c>
      <c r="TUR21" s="282" t="s">
        <v>3816</v>
      </c>
      <c r="TUS21" s="282" t="s">
        <v>3816</v>
      </c>
      <c r="TUT21" s="282" t="s">
        <v>3816</v>
      </c>
      <c r="TUU21" s="282" t="s">
        <v>3816</v>
      </c>
      <c r="TUV21" s="282" t="s">
        <v>3816</v>
      </c>
      <c r="TUW21" s="282" t="s">
        <v>3816</v>
      </c>
      <c r="TUX21" s="282" t="s">
        <v>3816</v>
      </c>
      <c r="TUY21" s="282" t="s">
        <v>3816</v>
      </c>
      <c r="TUZ21" s="282" t="s">
        <v>3816</v>
      </c>
      <c r="TVA21" s="282" t="s">
        <v>3816</v>
      </c>
      <c r="TVB21" s="282" t="s">
        <v>3816</v>
      </c>
      <c r="TVC21" s="282" t="s">
        <v>3816</v>
      </c>
      <c r="TVD21" s="282" t="s">
        <v>3816</v>
      </c>
      <c r="TVE21" s="282" t="s">
        <v>3816</v>
      </c>
      <c r="TVF21" s="282" t="s">
        <v>3816</v>
      </c>
      <c r="TVG21" s="282" t="s">
        <v>3816</v>
      </c>
      <c r="TVH21" s="282" t="s">
        <v>3816</v>
      </c>
      <c r="TVI21" s="282" t="s">
        <v>3816</v>
      </c>
      <c r="TVJ21" s="282" t="s">
        <v>3816</v>
      </c>
      <c r="TVK21" s="282" t="s">
        <v>3816</v>
      </c>
      <c r="TVL21" s="282" t="s">
        <v>3816</v>
      </c>
      <c r="TVM21" s="282" t="s">
        <v>3816</v>
      </c>
      <c r="TVN21" s="282" t="s">
        <v>3816</v>
      </c>
      <c r="TVO21" s="282" t="s">
        <v>3816</v>
      </c>
      <c r="TVP21" s="282" t="s">
        <v>3816</v>
      </c>
      <c r="TVQ21" s="282" t="s">
        <v>3816</v>
      </c>
      <c r="TVR21" s="282" t="s">
        <v>3816</v>
      </c>
      <c r="TVS21" s="282" t="s">
        <v>3816</v>
      </c>
      <c r="TVT21" s="282" t="s">
        <v>3816</v>
      </c>
      <c r="TVU21" s="282" t="s">
        <v>3816</v>
      </c>
      <c r="TVV21" s="282" t="s">
        <v>3816</v>
      </c>
      <c r="TVW21" s="282" t="s">
        <v>3816</v>
      </c>
      <c r="TVX21" s="282" t="s">
        <v>3816</v>
      </c>
      <c r="TVY21" s="282" t="s">
        <v>3816</v>
      </c>
      <c r="TVZ21" s="282" t="s">
        <v>3816</v>
      </c>
      <c r="TWA21" s="282" t="s">
        <v>3816</v>
      </c>
      <c r="TWB21" s="282" t="s">
        <v>3816</v>
      </c>
      <c r="TWC21" s="282" t="s">
        <v>3816</v>
      </c>
      <c r="TWD21" s="282" t="s">
        <v>3816</v>
      </c>
      <c r="TWE21" s="282" t="s">
        <v>3816</v>
      </c>
      <c r="TWF21" s="282" t="s">
        <v>3816</v>
      </c>
      <c r="TWG21" s="282" t="s">
        <v>3816</v>
      </c>
      <c r="TWH21" s="282" t="s">
        <v>3816</v>
      </c>
      <c r="TWI21" s="282" t="s">
        <v>3816</v>
      </c>
      <c r="TWJ21" s="282" t="s">
        <v>3816</v>
      </c>
      <c r="TWK21" s="282" t="s">
        <v>3816</v>
      </c>
      <c r="TWL21" s="282" t="s">
        <v>3816</v>
      </c>
      <c r="TWM21" s="282" t="s">
        <v>3816</v>
      </c>
      <c r="TWN21" s="282" t="s">
        <v>3816</v>
      </c>
      <c r="TWO21" s="282" t="s">
        <v>3816</v>
      </c>
      <c r="TWP21" s="282" t="s">
        <v>3816</v>
      </c>
      <c r="TWQ21" s="282" t="s">
        <v>3816</v>
      </c>
      <c r="TWR21" s="282" t="s">
        <v>3816</v>
      </c>
      <c r="TWS21" s="282" t="s">
        <v>3816</v>
      </c>
      <c r="TWT21" s="282" t="s">
        <v>3816</v>
      </c>
      <c r="TWU21" s="282" t="s">
        <v>3816</v>
      </c>
      <c r="TWV21" s="282" t="s">
        <v>3816</v>
      </c>
      <c r="TWW21" s="282" t="s">
        <v>3816</v>
      </c>
      <c r="TWX21" s="282" t="s">
        <v>3816</v>
      </c>
      <c r="TWY21" s="282" t="s">
        <v>3816</v>
      </c>
      <c r="TWZ21" s="282" t="s">
        <v>3816</v>
      </c>
      <c r="TXA21" s="282" t="s">
        <v>3816</v>
      </c>
      <c r="TXB21" s="282" t="s">
        <v>3816</v>
      </c>
      <c r="TXC21" s="282" t="s">
        <v>3816</v>
      </c>
      <c r="TXD21" s="282" t="s">
        <v>3816</v>
      </c>
      <c r="TXE21" s="282" t="s">
        <v>3816</v>
      </c>
      <c r="TXF21" s="282" t="s">
        <v>3816</v>
      </c>
      <c r="TXG21" s="282" t="s">
        <v>3816</v>
      </c>
      <c r="TXH21" s="282" t="s">
        <v>3816</v>
      </c>
      <c r="TXI21" s="282" t="s">
        <v>3816</v>
      </c>
      <c r="TXJ21" s="282" t="s">
        <v>3816</v>
      </c>
      <c r="TXK21" s="282" t="s">
        <v>3816</v>
      </c>
      <c r="TXL21" s="282" t="s">
        <v>3816</v>
      </c>
      <c r="TXM21" s="282" t="s">
        <v>3816</v>
      </c>
      <c r="TXN21" s="282" t="s">
        <v>3816</v>
      </c>
      <c r="TXO21" s="282" t="s">
        <v>3816</v>
      </c>
      <c r="TXP21" s="282" t="s">
        <v>3816</v>
      </c>
      <c r="TXQ21" s="282" t="s">
        <v>3816</v>
      </c>
      <c r="TXR21" s="282" t="s">
        <v>3816</v>
      </c>
      <c r="TXS21" s="282" t="s">
        <v>3816</v>
      </c>
      <c r="TXT21" s="282" t="s">
        <v>3816</v>
      </c>
      <c r="TXU21" s="282" t="s">
        <v>3816</v>
      </c>
      <c r="TXV21" s="282" t="s">
        <v>3816</v>
      </c>
      <c r="TXW21" s="282" t="s">
        <v>3816</v>
      </c>
      <c r="TXX21" s="282" t="s">
        <v>3816</v>
      </c>
      <c r="TXY21" s="282" t="s">
        <v>3816</v>
      </c>
      <c r="TXZ21" s="282" t="s">
        <v>3816</v>
      </c>
      <c r="TYA21" s="282" t="s">
        <v>3816</v>
      </c>
      <c r="TYB21" s="282" t="s">
        <v>3816</v>
      </c>
      <c r="TYC21" s="282" t="s">
        <v>3816</v>
      </c>
      <c r="TYD21" s="282" t="s">
        <v>3816</v>
      </c>
      <c r="TYE21" s="282" t="s">
        <v>3816</v>
      </c>
      <c r="TYF21" s="282" t="s">
        <v>3816</v>
      </c>
      <c r="TYG21" s="282" t="s">
        <v>3816</v>
      </c>
      <c r="TYH21" s="282" t="s">
        <v>3816</v>
      </c>
      <c r="TYI21" s="282" t="s">
        <v>3816</v>
      </c>
      <c r="TYJ21" s="282" t="s">
        <v>3816</v>
      </c>
      <c r="TYK21" s="282" t="s">
        <v>3816</v>
      </c>
      <c r="TYL21" s="282" t="s">
        <v>3816</v>
      </c>
      <c r="TYM21" s="282" t="s">
        <v>3816</v>
      </c>
      <c r="TYN21" s="282" t="s">
        <v>3816</v>
      </c>
      <c r="TYO21" s="282" t="s">
        <v>3816</v>
      </c>
      <c r="TYP21" s="282" t="s">
        <v>3816</v>
      </c>
      <c r="TYQ21" s="282" t="s">
        <v>3816</v>
      </c>
      <c r="TYR21" s="282" t="s">
        <v>3816</v>
      </c>
      <c r="TYS21" s="282" t="s">
        <v>3816</v>
      </c>
      <c r="TYT21" s="282" t="s">
        <v>3816</v>
      </c>
      <c r="TYU21" s="282" t="s">
        <v>3816</v>
      </c>
      <c r="TYV21" s="282" t="s">
        <v>3816</v>
      </c>
      <c r="TYW21" s="282" t="s">
        <v>3816</v>
      </c>
      <c r="TYX21" s="282" t="s">
        <v>3816</v>
      </c>
      <c r="TYY21" s="282" t="s">
        <v>3816</v>
      </c>
      <c r="TYZ21" s="282" t="s">
        <v>3816</v>
      </c>
      <c r="TZA21" s="282" t="s">
        <v>3816</v>
      </c>
      <c r="TZB21" s="282" t="s">
        <v>3816</v>
      </c>
      <c r="TZC21" s="282" t="s">
        <v>3816</v>
      </c>
      <c r="TZD21" s="282" t="s">
        <v>3816</v>
      </c>
      <c r="TZE21" s="282" t="s">
        <v>3816</v>
      </c>
      <c r="TZF21" s="282" t="s">
        <v>3816</v>
      </c>
      <c r="TZG21" s="282" t="s">
        <v>3816</v>
      </c>
      <c r="TZH21" s="282" t="s">
        <v>3816</v>
      </c>
      <c r="TZI21" s="282" t="s">
        <v>3816</v>
      </c>
      <c r="TZJ21" s="282" t="s">
        <v>3816</v>
      </c>
      <c r="TZK21" s="282" t="s">
        <v>3816</v>
      </c>
      <c r="TZL21" s="282" t="s">
        <v>3816</v>
      </c>
      <c r="TZM21" s="282" t="s">
        <v>3816</v>
      </c>
      <c r="TZN21" s="282" t="s">
        <v>3816</v>
      </c>
      <c r="TZO21" s="282" t="s">
        <v>3816</v>
      </c>
      <c r="TZP21" s="282" t="s">
        <v>3816</v>
      </c>
      <c r="TZQ21" s="282" t="s">
        <v>3816</v>
      </c>
      <c r="TZR21" s="282" t="s">
        <v>3816</v>
      </c>
      <c r="TZS21" s="282" t="s">
        <v>3816</v>
      </c>
      <c r="TZT21" s="282" t="s">
        <v>3816</v>
      </c>
      <c r="TZU21" s="282" t="s">
        <v>3816</v>
      </c>
      <c r="TZV21" s="282" t="s">
        <v>3816</v>
      </c>
      <c r="TZW21" s="282" t="s">
        <v>3816</v>
      </c>
      <c r="TZX21" s="282" t="s">
        <v>3816</v>
      </c>
      <c r="TZY21" s="282" t="s">
        <v>3816</v>
      </c>
      <c r="TZZ21" s="282" t="s">
        <v>3816</v>
      </c>
      <c r="UAA21" s="282" t="s">
        <v>3816</v>
      </c>
      <c r="UAB21" s="282" t="s">
        <v>3816</v>
      </c>
      <c r="UAC21" s="282" t="s">
        <v>3816</v>
      </c>
      <c r="UAD21" s="282" t="s">
        <v>3816</v>
      </c>
      <c r="UAE21" s="282" t="s">
        <v>3816</v>
      </c>
      <c r="UAF21" s="282" t="s">
        <v>3816</v>
      </c>
      <c r="UAG21" s="282" t="s">
        <v>3816</v>
      </c>
      <c r="UAH21" s="282" t="s">
        <v>3816</v>
      </c>
      <c r="UAI21" s="282" t="s">
        <v>3816</v>
      </c>
      <c r="UAJ21" s="282" t="s">
        <v>3816</v>
      </c>
      <c r="UAK21" s="282" t="s">
        <v>3816</v>
      </c>
      <c r="UAL21" s="282" t="s">
        <v>3816</v>
      </c>
      <c r="UAM21" s="282" t="s">
        <v>3816</v>
      </c>
      <c r="UAN21" s="282" t="s">
        <v>3816</v>
      </c>
      <c r="UAO21" s="282" t="s">
        <v>3816</v>
      </c>
      <c r="UAP21" s="282" t="s">
        <v>3816</v>
      </c>
      <c r="UAQ21" s="282" t="s">
        <v>3816</v>
      </c>
      <c r="UAR21" s="282" t="s">
        <v>3816</v>
      </c>
      <c r="UAS21" s="282" t="s">
        <v>3816</v>
      </c>
      <c r="UAT21" s="282" t="s">
        <v>3816</v>
      </c>
      <c r="UAU21" s="282" t="s">
        <v>3816</v>
      </c>
      <c r="UAV21" s="282" t="s">
        <v>3816</v>
      </c>
      <c r="UAW21" s="282" t="s">
        <v>3816</v>
      </c>
      <c r="UAX21" s="282" t="s">
        <v>3816</v>
      </c>
      <c r="UAY21" s="282" t="s">
        <v>3816</v>
      </c>
      <c r="UAZ21" s="282" t="s">
        <v>3816</v>
      </c>
      <c r="UBA21" s="282" t="s">
        <v>3816</v>
      </c>
      <c r="UBB21" s="282" t="s">
        <v>3816</v>
      </c>
      <c r="UBC21" s="282" t="s">
        <v>3816</v>
      </c>
      <c r="UBD21" s="282" t="s">
        <v>3816</v>
      </c>
      <c r="UBE21" s="282" t="s">
        <v>3816</v>
      </c>
      <c r="UBF21" s="282" t="s">
        <v>3816</v>
      </c>
      <c r="UBG21" s="282" t="s">
        <v>3816</v>
      </c>
      <c r="UBH21" s="282" t="s">
        <v>3816</v>
      </c>
      <c r="UBI21" s="282" t="s">
        <v>3816</v>
      </c>
      <c r="UBJ21" s="282" t="s">
        <v>3816</v>
      </c>
      <c r="UBK21" s="282" t="s">
        <v>3816</v>
      </c>
      <c r="UBL21" s="282" t="s">
        <v>3816</v>
      </c>
      <c r="UBM21" s="282" t="s">
        <v>3816</v>
      </c>
      <c r="UBN21" s="282" t="s">
        <v>3816</v>
      </c>
      <c r="UBO21" s="282" t="s">
        <v>3816</v>
      </c>
      <c r="UBP21" s="282" t="s">
        <v>3816</v>
      </c>
      <c r="UBQ21" s="282" t="s">
        <v>3816</v>
      </c>
      <c r="UBR21" s="282" t="s">
        <v>3816</v>
      </c>
      <c r="UBS21" s="282" t="s">
        <v>3816</v>
      </c>
      <c r="UBT21" s="282" t="s">
        <v>3816</v>
      </c>
      <c r="UBU21" s="282" t="s">
        <v>3816</v>
      </c>
      <c r="UBV21" s="282" t="s">
        <v>3816</v>
      </c>
      <c r="UBW21" s="282" t="s">
        <v>3816</v>
      </c>
      <c r="UBX21" s="282" t="s">
        <v>3816</v>
      </c>
      <c r="UBY21" s="282" t="s">
        <v>3816</v>
      </c>
      <c r="UBZ21" s="282" t="s">
        <v>3816</v>
      </c>
      <c r="UCA21" s="282" t="s">
        <v>3816</v>
      </c>
      <c r="UCB21" s="282" t="s">
        <v>3816</v>
      </c>
      <c r="UCC21" s="282" t="s">
        <v>3816</v>
      </c>
      <c r="UCD21" s="282" t="s">
        <v>3816</v>
      </c>
      <c r="UCE21" s="282" t="s">
        <v>3816</v>
      </c>
      <c r="UCF21" s="282" t="s">
        <v>3816</v>
      </c>
      <c r="UCG21" s="282" t="s">
        <v>3816</v>
      </c>
      <c r="UCH21" s="282" t="s">
        <v>3816</v>
      </c>
      <c r="UCI21" s="282" t="s">
        <v>3816</v>
      </c>
      <c r="UCJ21" s="282" t="s">
        <v>3816</v>
      </c>
      <c r="UCK21" s="282" t="s">
        <v>3816</v>
      </c>
      <c r="UCL21" s="282" t="s">
        <v>3816</v>
      </c>
      <c r="UCM21" s="282" t="s">
        <v>3816</v>
      </c>
      <c r="UCN21" s="282" t="s">
        <v>3816</v>
      </c>
      <c r="UCO21" s="282" t="s">
        <v>3816</v>
      </c>
      <c r="UCP21" s="282" t="s">
        <v>3816</v>
      </c>
      <c r="UCQ21" s="282" t="s">
        <v>3816</v>
      </c>
      <c r="UCR21" s="282" t="s">
        <v>3816</v>
      </c>
      <c r="UCS21" s="282" t="s">
        <v>3816</v>
      </c>
      <c r="UCT21" s="282" t="s">
        <v>3816</v>
      </c>
      <c r="UCU21" s="282" t="s">
        <v>3816</v>
      </c>
      <c r="UCV21" s="282" t="s">
        <v>3816</v>
      </c>
      <c r="UCW21" s="282" t="s">
        <v>3816</v>
      </c>
      <c r="UCX21" s="282" t="s">
        <v>3816</v>
      </c>
      <c r="UCY21" s="282" t="s">
        <v>3816</v>
      </c>
      <c r="UCZ21" s="282" t="s">
        <v>3816</v>
      </c>
      <c r="UDA21" s="282" t="s">
        <v>3816</v>
      </c>
      <c r="UDB21" s="282" t="s">
        <v>3816</v>
      </c>
      <c r="UDC21" s="282" t="s">
        <v>3816</v>
      </c>
      <c r="UDD21" s="282" t="s">
        <v>3816</v>
      </c>
      <c r="UDE21" s="282" t="s">
        <v>3816</v>
      </c>
      <c r="UDF21" s="282" t="s">
        <v>3816</v>
      </c>
      <c r="UDG21" s="282" t="s">
        <v>3816</v>
      </c>
      <c r="UDH21" s="282" t="s">
        <v>3816</v>
      </c>
      <c r="UDI21" s="282" t="s">
        <v>3816</v>
      </c>
      <c r="UDJ21" s="282" t="s">
        <v>3816</v>
      </c>
      <c r="UDK21" s="282" t="s">
        <v>3816</v>
      </c>
      <c r="UDL21" s="282" t="s">
        <v>3816</v>
      </c>
      <c r="UDM21" s="282" t="s">
        <v>3816</v>
      </c>
      <c r="UDN21" s="282" t="s">
        <v>3816</v>
      </c>
      <c r="UDO21" s="282" t="s">
        <v>3816</v>
      </c>
      <c r="UDP21" s="282" t="s">
        <v>3816</v>
      </c>
      <c r="UDQ21" s="282" t="s">
        <v>3816</v>
      </c>
      <c r="UDR21" s="282" t="s">
        <v>3816</v>
      </c>
      <c r="UDS21" s="282" t="s">
        <v>3816</v>
      </c>
      <c r="UDT21" s="282" t="s">
        <v>3816</v>
      </c>
      <c r="UDU21" s="282" t="s">
        <v>3816</v>
      </c>
      <c r="UDV21" s="282" t="s">
        <v>3816</v>
      </c>
      <c r="UDW21" s="282" t="s">
        <v>3816</v>
      </c>
      <c r="UDX21" s="282" t="s">
        <v>3816</v>
      </c>
      <c r="UDY21" s="282" t="s">
        <v>3816</v>
      </c>
      <c r="UDZ21" s="282" t="s">
        <v>3816</v>
      </c>
      <c r="UEA21" s="282" t="s">
        <v>3816</v>
      </c>
      <c r="UEB21" s="282" t="s">
        <v>3816</v>
      </c>
      <c r="UEC21" s="282" t="s">
        <v>3816</v>
      </c>
      <c r="UED21" s="282" t="s">
        <v>3816</v>
      </c>
      <c r="UEE21" s="282" t="s">
        <v>3816</v>
      </c>
      <c r="UEF21" s="282" t="s">
        <v>3816</v>
      </c>
      <c r="UEG21" s="282" t="s">
        <v>3816</v>
      </c>
      <c r="UEH21" s="282" t="s">
        <v>3816</v>
      </c>
      <c r="UEI21" s="282" t="s">
        <v>3816</v>
      </c>
      <c r="UEJ21" s="282" t="s">
        <v>3816</v>
      </c>
      <c r="UEK21" s="282" t="s">
        <v>3816</v>
      </c>
      <c r="UEL21" s="282" t="s">
        <v>3816</v>
      </c>
      <c r="UEM21" s="282" t="s">
        <v>3816</v>
      </c>
      <c r="UEN21" s="282" t="s">
        <v>3816</v>
      </c>
      <c r="UEO21" s="282" t="s">
        <v>3816</v>
      </c>
      <c r="UEP21" s="282" t="s">
        <v>3816</v>
      </c>
      <c r="UEQ21" s="282" t="s">
        <v>3816</v>
      </c>
      <c r="UER21" s="282" t="s">
        <v>3816</v>
      </c>
      <c r="UES21" s="282" t="s">
        <v>3816</v>
      </c>
      <c r="UET21" s="282" t="s">
        <v>3816</v>
      </c>
      <c r="UEU21" s="282" t="s">
        <v>3816</v>
      </c>
      <c r="UEV21" s="282" t="s">
        <v>3816</v>
      </c>
      <c r="UEW21" s="282" t="s">
        <v>3816</v>
      </c>
      <c r="UEX21" s="282" t="s">
        <v>3816</v>
      </c>
      <c r="UEY21" s="282" t="s">
        <v>3816</v>
      </c>
      <c r="UEZ21" s="282" t="s">
        <v>3816</v>
      </c>
      <c r="UFA21" s="282" t="s">
        <v>3816</v>
      </c>
      <c r="UFB21" s="282" t="s">
        <v>3816</v>
      </c>
      <c r="UFC21" s="282" t="s">
        <v>3816</v>
      </c>
      <c r="UFD21" s="282" t="s">
        <v>3816</v>
      </c>
      <c r="UFE21" s="282" t="s">
        <v>3816</v>
      </c>
      <c r="UFF21" s="282" t="s">
        <v>3816</v>
      </c>
      <c r="UFG21" s="282" t="s">
        <v>3816</v>
      </c>
      <c r="UFH21" s="282" t="s">
        <v>3816</v>
      </c>
      <c r="UFI21" s="282" t="s">
        <v>3816</v>
      </c>
      <c r="UFJ21" s="282" t="s">
        <v>3816</v>
      </c>
      <c r="UFK21" s="282" t="s">
        <v>3816</v>
      </c>
      <c r="UFL21" s="282" t="s">
        <v>3816</v>
      </c>
      <c r="UFM21" s="282" t="s">
        <v>3816</v>
      </c>
      <c r="UFN21" s="282" t="s">
        <v>3816</v>
      </c>
      <c r="UFO21" s="282" t="s">
        <v>3816</v>
      </c>
      <c r="UFP21" s="282" t="s">
        <v>3816</v>
      </c>
      <c r="UFQ21" s="282" t="s">
        <v>3816</v>
      </c>
      <c r="UFR21" s="282" t="s">
        <v>3816</v>
      </c>
      <c r="UFS21" s="282" t="s">
        <v>3816</v>
      </c>
      <c r="UFT21" s="282" t="s">
        <v>3816</v>
      </c>
      <c r="UFU21" s="282" t="s">
        <v>3816</v>
      </c>
      <c r="UFV21" s="282" t="s">
        <v>3816</v>
      </c>
      <c r="UFW21" s="282" t="s">
        <v>3816</v>
      </c>
      <c r="UFX21" s="282" t="s">
        <v>3816</v>
      </c>
      <c r="UFY21" s="282" t="s">
        <v>3816</v>
      </c>
      <c r="UFZ21" s="282" t="s">
        <v>3816</v>
      </c>
      <c r="UGA21" s="282" t="s">
        <v>3816</v>
      </c>
      <c r="UGB21" s="282" t="s">
        <v>3816</v>
      </c>
      <c r="UGC21" s="282" t="s">
        <v>3816</v>
      </c>
      <c r="UGD21" s="282" t="s">
        <v>3816</v>
      </c>
      <c r="UGE21" s="282" t="s">
        <v>3816</v>
      </c>
      <c r="UGF21" s="282" t="s">
        <v>3816</v>
      </c>
      <c r="UGG21" s="282" t="s">
        <v>3816</v>
      </c>
      <c r="UGH21" s="282" t="s">
        <v>3816</v>
      </c>
      <c r="UGI21" s="282" t="s">
        <v>3816</v>
      </c>
      <c r="UGJ21" s="282" t="s">
        <v>3816</v>
      </c>
      <c r="UGK21" s="282" t="s">
        <v>3816</v>
      </c>
      <c r="UGL21" s="282" t="s">
        <v>3816</v>
      </c>
      <c r="UGM21" s="282" t="s">
        <v>3816</v>
      </c>
      <c r="UGN21" s="282" t="s">
        <v>3816</v>
      </c>
      <c r="UGO21" s="282" t="s">
        <v>3816</v>
      </c>
      <c r="UGP21" s="282" t="s">
        <v>3816</v>
      </c>
      <c r="UGQ21" s="282" t="s">
        <v>3816</v>
      </c>
      <c r="UGR21" s="282" t="s">
        <v>3816</v>
      </c>
      <c r="UGS21" s="282" t="s">
        <v>3816</v>
      </c>
      <c r="UGT21" s="282" t="s">
        <v>3816</v>
      </c>
      <c r="UGU21" s="282" t="s">
        <v>3816</v>
      </c>
      <c r="UGV21" s="282" t="s">
        <v>3816</v>
      </c>
      <c r="UGW21" s="282" t="s">
        <v>3816</v>
      </c>
      <c r="UGX21" s="282" t="s">
        <v>3816</v>
      </c>
      <c r="UGY21" s="282" t="s">
        <v>3816</v>
      </c>
      <c r="UGZ21" s="282" t="s">
        <v>3816</v>
      </c>
      <c r="UHA21" s="282" t="s">
        <v>3816</v>
      </c>
      <c r="UHB21" s="282" t="s">
        <v>3816</v>
      </c>
      <c r="UHC21" s="282" t="s">
        <v>3816</v>
      </c>
      <c r="UHD21" s="282" t="s">
        <v>3816</v>
      </c>
      <c r="UHE21" s="282" t="s">
        <v>3816</v>
      </c>
      <c r="UHF21" s="282" t="s">
        <v>3816</v>
      </c>
      <c r="UHG21" s="282" t="s">
        <v>3816</v>
      </c>
      <c r="UHH21" s="282" t="s">
        <v>3816</v>
      </c>
      <c r="UHI21" s="282" t="s">
        <v>3816</v>
      </c>
      <c r="UHJ21" s="282" t="s">
        <v>3816</v>
      </c>
      <c r="UHK21" s="282" t="s">
        <v>3816</v>
      </c>
      <c r="UHL21" s="282" t="s">
        <v>3816</v>
      </c>
      <c r="UHM21" s="282" t="s">
        <v>3816</v>
      </c>
      <c r="UHN21" s="282" t="s">
        <v>3816</v>
      </c>
      <c r="UHO21" s="282" t="s">
        <v>3816</v>
      </c>
      <c r="UHP21" s="282" t="s">
        <v>3816</v>
      </c>
      <c r="UHQ21" s="282" t="s">
        <v>3816</v>
      </c>
      <c r="UHR21" s="282" t="s">
        <v>3816</v>
      </c>
      <c r="UHS21" s="282" t="s">
        <v>3816</v>
      </c>
      <c r="UHT21" s="282" t="s">
        <v>3816</v>
      </c>
      <c r="UHU21" s="282" t="s">
        <v>3816</v>
      </c>
      <c r="UHV21" s="282" t="s">
        <v>3816</v>
      </c>
      <c r="UHW21" s="282" t="s">
        <v>3816</v>
      </c>
      <c r="UHX21" s="282" t="s">
        <v>3816</v>
      </c>
      <c r="UHY21" s="282" t="s">
        <v>3816</v>
      </c>
      <c r="UHZ21" s="282" t="s">
        <v>3816</v>
      </c>
      <c r="UIA21" s="282" t="s">
        <v>3816</v>
      </c>
      <c r="UIB21" s="282" t="s">
        <v>3816</v>
      </c>
      <c r="UIC21" s="282" t="s">
        <v>3816</v>
      </c>
      <c r="UID21" s="282" t="s">
        <v>3816</v>
      </c>
      <c r="UIE21" s="282" t="s">
        <v>3816</v>
      </c>
      <c r="UIF21" s="282" t="s">
        <v>3816</v>
      </c>
      <c r="UIG21" s="282" t="s">
        <v>3816</v>
      </c>
      <c r="UIH21" s="282" t="s">
        <v>3816</v>
      </c>
      <c r="UII21" s="282" t="s">
        <v>3816</v>
      </c>
      <c r="UIJ21" s="282" t="s">
        <v>3816</v>
      </c>
      <c r="UIK21" s="282" t="s">
        <v>3816</v>
      </c>
      <c r="UIL21" s="282" t="s">
        <v>3816</v>
      </c>
      <c r="UIM21" s="282" t="s">
        <v>3816</v>
      </c>
      <c r="UIN21" s="282" t="s">
        <v>3816</v>
      </c>
      <c r="UIO21" s="282" t="s">
        <v>3816</v>
      </c>
      <c r="UIP21" s="282" t="s">
        <v>3816</v>
      </c>
      <c r="UIQ21" s="282" t="s">
        <v>3816</v>
      </c>
      <c r="UIR21" s="282" t="s">
        <v>3816</v>
      </c>
      <c r="UIS21" s="282" t="s">
        <v>3816</v>
      </c>
      <c r="UIT21" s="282" t="s">
        <v>3816</v>
      </c>
      <c r="UIU21" s="282" t="s">
        <v>3816</v>
      </c>
      <c r="UIV21" s="282" t="s">
        <v>3816</v>
      </c>
      <c r="UIW21" s="282" t="s">
        <v>3816</v>
      </c>
      <c r="UIX21" s="282" t="s">
        <v>3816</v>
      </c>
      <c r="UIY21" s="282" t="s">
        <v>3816</v>
      </c>
      <c r="UIZ21" s="282" t="s">
        <v>3816</v>
      </c>
      <c r="UJA21" s="282" t="s">
        <v>3816</v>
      </c>
      <c r="UJB21" s="282" t="s">
        <v>3816</v>
      </c>
      <c r="UJC21" s="282" t="s">
        <v>3816</v>
      </c>
      <c r="UJD21" s="282" t="s">
        <v>3816</v>
      </c>
      <c r="UJE21" s="282" t="s">
        <v>3816</v>
      </c>
      <c r="UJF21" s="282" t="s">
        <v>3816</v>
      </c>
      <c r="UJG21" s="282" t="s">
        <v>3816</v>
      </c>
      <c r="UJH21" s="282" t="s">
        <v>3816</v>
      </c>
      <c r="UJI21" s="282" t="s">
        <v>3816</v>
      </c>
      <c r="UJJ21" s="282" t="s">
        <v>3816</v>
      </c>
      <c r="UJK21" s="282" t="s">
        <v>3816</v>
      </c>
      <c r="UJL21" s="282" t="s">
        <v>3816</v>
      </c>
      <c r="UJM21" s="282" t="s">
        <v>3816</v>
      </c>
      <c r="UJN21" s="282" t="s">
        <v>3816</v>
      </c>
      <c r="UJO21" s="282" t="s">
        <v>3816</v>
      </c>
      <c r="UJP21" s="282" t="s">
        <v>3816</v>
      </c>
      <c r="UJQ21" s="282" t="s">
        <v>3816</v>
      </c>
      <c r="UJR21" s="282" t="s">
        <v>3816</v>
      </c>
      <c r="UJS21" s="282" t="s">
        <v>3816</v>
      </c>
      <c r="UJT21" s="282" t="s">
        <v>3816</v>
      </c>
      <c r="UJU21" s="282" t="s">
        <v>3816</v>
      </c>
      <c r="UJV21" s="282" t="s">
        <v>3816</v>
      </c>
      <c r="UJW21" s="282" t="s">
        <v>3816</v>
      </c>
      <c r="UJX21" s="282" t="s">
        <v>3816</v>
      </c>
      <c r="UJY21" s="282" t="s">
        <v>3816</v>
      </c>
      <c r="UJZ21" s="282" t="s">
        <v>3816</v>
      </c>
      <c r="UKA21" s="282" t="s">
        <v>3816</v>
      </c>
      <c r="UKB21" s="282" t="s">
        <v>3816</v>
      </c>
      <c r="UKC21" s="282" t="s">
        <v>3816</v>
      </c>
      <c r="UKD21" s="282" t="s">
        <v>3816</v>
      </c>
      <c r="UKE21" s="282" t="s">
        <v>3816</v>
      </c>
      <c r="UKF21" s="282" t="s">
        <v>3816</v>
      </c>
      <c r="UKG21" s="282" t="s">
        <v>3816</v>
      </c>
      <c r="UKH21" s="282" t="s">
        <v>3816</v>
      </c>
      <c r="UKI21" s="282" t="s">
        <v>3816</v>
      </c>
      <c r="UKJ21" s="282" t="s">
        <v>3816</v>
      </c>
      <c r="UKK21" s="282" t="s">
        <v>3816</v>
      </c>
      <c r="UKL21" s="282" t="s">
        <v>3816</v>
      </c>
      <c r="UKM21" s="282" t="s">
        <v>3816</v>
      </c>
      <c r="UKN21" s="282" t="s">
        <v>3816</v>
      </c>
      <c r="UKO21" s="282" t="s">
        <v>3816</v>
      </c>
      <c r="UKP21" s="282" t="s">
        <v>3816</v>
      </c>
      <c r="UKQ21" s="282" t="s">
        <v>3816</v>
      </c>
      <c r="UKR21" s="282" t="s">
        <v>3816</v>
      </c>
      <c r="UKS21" s="282" t="s">
        <v>3816</v>
      </c>
      <c r="UKT21" s="282" t="s">
        <v>3816</v>
      </c>
      <c r="UKU21" s="282" t="s">
        <v>3816</v>
      </c>
      <c r="UKV21" s="282" t="s">
        <v>3816</v>
      </c>
      <c r="UKW21" s="282" t="s">
        <v>3816</v>
      </c>
      <c r="UKX21" s="282" t="s">
        <v>3816</v>
      </c>
      <c r="UKY21" s="282" t="s">
        <v>3816</v>
      </c>
      <c r="UKZ21" s="282" t="s">
        <v>3816</v>
      </c>
      <c r="ULA21" s="282" t="s">
        <v>3816</v>
      </c>
      <c r="ULB21" s="282" t="s">
        <v>3816</v>
      </c>
      <c r="ULC21" s="282" t="s">
        <v>3816</v>
      </c>
      <c r="ULD21" s="282" t="s">
        <v>3816</v>
      </c>
      <c r="ULE21" s="282" t="s">
        <v>3816</v>
      </c>
      <c r="ULF21" s="282" t="s">
        <v>3816</v>
      </c>
      <c r="ULG21" s="282" t="s">
        <v>3816</v>
      </c>
      <c r="ULH21" s="282" t="s">
        <v>3816</v>
      </c>
      <c r="ULI21" s="282" t="s">
        <v>3816</v>
      </c>
      <c r="ULJ21" s="282" t="s">
        <v>3816</v>
      </c>
      <c r="ULK21" s="282" t="s">
        <v>3816</v>
      </c>
      <c r="ULL21" s="282" t="s">
        <v>3816</v>
      </c>
      <c r="ULM21" s="282" t="s">
        <v>3816</v>
      </c>
      <c r="ULN21" s="282" t="s">
        <v>3816</v>
      </c>
      <c r="ULO21" s="282" t="s">
        <v>3816</v>
      </c>
      <c r="ULP21" s="282" t="s">
        <v>3816</v>
      </c>
      <c r="ULQ21" s="282" t="s">
        <v>3816</v>
      </c>
      <c r="ULR21" s="282" t="s">
        <v>3816</v>
      </c>
      <c r="ULS21" s="282" t="s">
        <v>3816</v>
      </c>
      <c r="ULT21" s="282" t="s">
        <v>3816</v>
      </c>
      <c r="ULU21" s="282" t="s">
        <v>3816</v>
      </c>
      <c r="ULV21" s="282" t="s">
        <v>3816</v>
      </c>
      <c r="ULW21" s="282" t="s">
        <v>3816</v>
      </c>
      <c r="ULX21" s="282" t="s">
        <v>3816</v>
      </c>
      <c r="ULY21" s="282" t="s">
        <v>3816</v>
      </c>
      <c r="ULZ21" s="282" t="s">
        <v>3816</v>
      </c>
      <c r="UMA21" s="282" t="s">
        <v>3816</v>
      </c>
      <c r="UMB21" s="282" t="s">
        <v>3816</v>
      </c>
      <c r="UMC21" s="282" t="s">
        <v>3816</v>
      </c>
      <c r="UMD21" s="282" t="s">
        <v>3816</v>
      </c>
      <c r="UME21" s="282" t="s">
        <v>3816</v>
      </c>
      <c r="UMF21" s="282" t="s">
        <v>3816</v>
      </c>
      <c r="UMG21" s="282" t="s">
        <v>3816</v>
      </c>
      <c r="UMH21" s="282" t="s">
        <v>3816</v>
      </c>
      <c r="UMI21" s="282" t="s">
        <v>3816</v>
      </c>
      <c r="UMJ21" s="282" t="s">
        <v>3816</v>
      </c>
      <c r="UMK21" s="282" t="s">
        <v>3816</v>
      </c>
      <c r="UML21" s="282" t="s">
        <v>3816</v>
      </c>
      <c r="UMM21" s="282" t="s">
        <v>3816</v>
      </c>
      <c r="UMN21" s="282" t="s">
        <v>3816</v>
      </c>
      <c r="UMO21" s="282" t="s">
        <v>3816</v>
      </c>
      <c r="UMP21" s="282" t="s">
        <v>3816</v>
      </c>
      <c r="UMQ21" s="282" t="s">
        <v>3816</v>
      </c>
      <c r="UMR21" s="282" t="s">
        <v>3816</v>
      </c>
      <c r="UMS21" s="282" t="s">
        <v>3816</v>
      </c>
      <c r="UMT21" s="282" t="s">
        <v>3816</v>
      </c>
      <c r="UMU21" s="282" t="s">
        <v>3816</v>
      </c>
      <c r="UMV21" s="282" t="s">
        <v>3816</v>
      </c>
      <c r="UMW21" s="282" t="s">
        <v>3816</v>
      </c>
      <c r="UMX21" s="282" t="s">
        <v>3816</v>
      </c>
      <c r="UMY21" s="282" t="s">
        <v>3816</v>
      </c>
      <c r="UMZ21" s="282" t="s">
        <v>3816</v>
      </c>
      <c r="UNA21" s="282" t="s">
        <v>3816</v>
      </c>
      <c r="UNB21" s="282" t="s">
        <v>3816</v>
      </c>
      <c r="UNC21" s="282" t="s">
        <v>3816</v>
      </c>
      <c r="UND21" s="282" t="s">
        <v>3816</v>
      </c>
      <c r="UNE21" s="282" t="s">
        <v>3816</v>
      </c>
      <c r="UNF21" s="282" t="s">
        <v>3816</v>
      </c>
      <c r="UNG21" s="282" t="s">
        <v>3816</v>
      </c>
      <c r="UNH21" s="282" t="s">
        <v>3816</v>
      </c>
      <c r="UNI21" s="282" t="s">
        <v>3816</v>
      </c>
      <c r="UNJ21" s="282" t="s">
        <v>3816</v>
      </c>
      <c r="UNK21" s="282" t="s">
        <v>3816</v>
      </c>
      <c r="UNL21" s="282" t="s">
        <v>3816</v>
      </c>
      <c r="UNM21" s="282" t="s">
        <v>3816</v>
      </c>
      <c r="UNN21" s="282" t="s">
        <v>3816</v>
      </c>
      <c r="UNO21" s="282" t="s">
        <v>3816</v>
      </c>
      <c r="UNP21" s="282" t="s">
        <v>3816</v>
      </c>
      <c r="UNQ21" s="282" t="s">
        <v>3816</v>
      </c>
      <c r="UNR21" s="282" t="s">
        <v>3816</v>
      </c>
      <c r="UNS21" s="282" t="s">
        <v>3816</v>
      </c>
      <c r="UNT21" s="282" t="s">
        <v>3816</v>
      </c>
      <c r="UNU21" s="282" t="s">
        <v>3816</v>
      </c>
      <c r="UNV21" s="282" t="s">
        <v>3816</v>
      </c>
      <c r="UNW21" s="282" t="s">
        <v>3816</v>
      </c>
      <c r="UNX21" s="282" t="s">
        <v>3816</v>
      </c>
      <c r="UNY21" s="282" t="s">
        <v>3816</v>
      </c>
      <c r="UNZ21" s="282" t="s">
        <v>3816</v>
      </c>
      <c r="UOA21" s="282" t="s">
        <v>3816</v>
      </c>
      <c r="UOB21" s="282" t="s">
        <v>3816</v>
      </c>
      <c r="UOC21" s="282" t="s">
        <v>3816</v>
      </c>
      <c r="UOD21" s="282" t="s">
        <v>3816</v>
      </c>
      <c r="UOE21" s="282" t="s">
        <v>3816</v>
      </c>
      <c r="UOF21" s="282" t="s">
        <v>3816</v>
      </c>
      <c r="UOG21" s="282" t="s">
        <v>3816</v>
      </c>
      <c r="UOH21" s="282" t="s">
        <v>3816</v>
      </c>
      <c r="UOI21" s="282" t="s">
        <v>3816</v>
      </c>
      <c r="UOJ21" s="282" t="s">
        <v>3816</v>
      </c>
      <c r="UOK21" s="282" t="s">
        <v>3816</v>
      </c>
      <c r="UOL21" s="282" t="s">
        <v>3816</v>
      </c>
      <c r="UOM21" s="282" t="s">
        <v>3816</v>
      </c>
      <c r="UON21" s="282" t="s">
        <v>3816</v>
      </c>
      <c r="UOO21" s="282" t="s">
        <v>3816</v>
      </c>
      <c r="UOP21" s="282" t="s">
        <v>3816</v>
      </c>
      <c r="UOQ21" s="282" t="s">
        <v>3816</v>
      </c>
      <c r="UOR21" s="282" t="s">
        <v>3816</v>
      </c>
      <c r="UOS21" s="282" t="s">
        <v>3816</v>
      </c>
      <c r="UOT21" s="282" t="s">
        <v>3816</v>
      </c>
      <c r="UOU21" s="282" t="s">
        <v>3816</v>
      </c>
      <c r="UOV21" s="282" t="s">
        <v>3816</v>
      </c>
      <c r="UOW21" s="282" t="s">
        <v>3816</v>
      </c>
      <c r="UOX21" s="282" t="s">
        <v>3816</v>
      </c>
      <c r="UOY21" s="282" t="s">
        <v>3816</v>
      </c>
      <c r="UOZ21" s="282" t="s">
        <v>3816</v>
      </c>
      <c r="UPA21" s="282" t="s">
        <v>3816</v>
      </c>
      <c r="UPB21" s="282" t="s">
        <v>3816</v>
      </c>
      <c r="UPC21" s="282" t="s">
        <v>3816</v>
      </c>
      <c r="UPD21" s="282" t="s">
        <v>3816</v>
      </c>
      <c r="UPE21" s="282" t="s">
        <v>3816</v>
      </c>
      <c r="UPF21" s="282" t="s">
        <v>3816</v>
      </c>
      <c r="UPG21" s="282" t="s">
        <v>3816</v>
      </c>
      <c r="UPH21" s="282" t="s">
        <v>3816</v>
      </c>
      <c r="UPI21" s="282" t="s">
        <v>3816</v>
      </c>
      <c r="UPJ21" s="282" t="s">
        <v>3816</v>
      </c>
      <c r="UPK21" s="282" t="s">
        <v>3816</v>
      </c>
      <c r="UPL21" s="282" t="s">
        <v>3816</v>
      </c>
      <c r="UPM21" s="282" t="s">
        <v>3816</v>
      </c>
      <c r="UPN21" s="282" t="s">
        <v>3816</v>
      </c>
      <c r="UPO21" s="282" t="s">
        <v>3816</v>
      </c>
      <c r="UPP21" s="282" t="s">
        <v>3816</v>
      </c>
      <c r="UPQ21" s="282" t="s">
        <v>3816</v>
      </c>
      <c r="UPR21" s="282" t="s">
        <v>3816</v>
      </c>
      <c r="UPS21" s="282" t="s">
        <v>3816</v>
      </c>
      <c r="UPT21" s="282" t="s">
        <v>3816</v>
      </c>
      <c r="UPU21" s="282" t="s">
        <v>3816</v>
      </c>
      <c r="UPV21" s="282" t="s">
        <v>3816</v>
      </c>
      <c r="UPW21" s="282" t="s">
        <v>3816</v>
      </c>
      <c r="UPX21" s="282" t="s">
        <v>3816</v>
      </c>
      <c r="UPY21" s="282" t="s">
        <v>3816</v>
      </c>
      <c r="UPZ21" s="282" t="s">
        <v>3816</v>
      </c>
      <c r="UQA21" s="282" t="s">
        <v>3816</v>
      </c>
      <c r="UQB21" s="282" t="s">
        <v>3816</v>
      </c>
      <c r="UQC21" s="282" t="s">
        <v>3816</v>
      </c>
      <c r="UQD21" s="282" t="s">
        <v>3816</v>
      </c>
      <c r="UQE21" s="282" t="s">
        <v>3816</v>
      </c>
      <c r="UQF21" s="282" t="s">
        <v>3816</v>
      </c>
      <c r="UQG21" s="282" t="s">
        <v>3816</v>
      </c>
      <c r="UQH21" s="282" t="s">
        <v>3816</v>
      </c>
      <c r="UQI21" s="282" t="s">
        <v>3816</v>
      </c>
      <c r="UQJ21" s="282" t="s">
        <v>3816</v>
      </c>
      <c r="UQK21" s="282" t="s">
        <v>3816</v>
      </c>
      <c r="UQL21" s="282" t="s">
        <v>3816</v>
      </c>
      <c r="UQM21" s="282" t="s">
        <v>3816</v>
      </c>
      <c r="UQN21" s="282" t="s">
        <v>3816</v>
      </c>
      <c r="UQO21" s="282" t="s">
        <v>3816</v>
      </c>
      <c r="UQP21" s="282" t="s">
        <v>3816</v>
      </c>
      <c r="UQQ21" s="282" t="s">
        <v>3816</v>
      </c>
      <c r="UQR21" s="282" t="s">
        <v>3816</v>
      </c>
      <c r="UQS21" s="282" t="s">
        <v>3816</v>
      </c>
      <c r="UQT21" s="282" t="s">
        <v>3816</v>
      </c>
      <c r="UQU21" s="282" t="s">
        <v>3816</v>
      </c>
      <c r="UQV21" s="282" t="s">
        <v>3816</v>
      </c>
      <c r="UQW21" s="282" t="s">
        <v>3816</v>
      </c>
      <c r="UQX21" s="282" t="s">
        <v>3816</v>
      </c>
      <c r="UQY21" s="282" t="s">
        <v>3816</v>
      </c>
      <c r="UQZ21" s="282" t="s">
        <v>3816</v>
      </c>
      <c r="URA21" s="282" t="s">
        <v>3816</v>
      </c>
      <c r="URB21" s="282" t="s">
        <v>3816</v>
      </c>
      <c r="URC21" s="282" t="s">
        <v>3816</v>
      </c>
      <c r="URD21" s="282" t="s">
        <v>3816</v>
      </c>
      <c r="URE21" s="282" t="s">
        <v>3816</v>
      </c>
      <c r="URF21" s="282" t="s">
        <v>3816</v>
      </c>
      <c r="URG21" s="282" t="s">
        <v>3816</v>
      </c>
      <c r="URH21" s="282" t="s">
        <v>3816</v>
      </c>
      <c r="URI21" s="282" t="s">
        <v>3816</v>
      </c>
      <c r="URJ21" s="282" t="s">
        <v>3816</v>
      </c>
      <c r="URK21" s="282" t="s">
        <v>3816</v>
      </c>
      <c r="URL21" s="282" t="s">
        <v>3816</v>
      </c>
      <c r="URM21" s="282" t="s">
        <v>3816</v>
      </c>
      <c r="URN21" s="282" t="s">
        <v>3816</v>
      </c>
      <c r="URO21" s="282" t="s">
        <v>3816</v>
      </c>
      <c r="URP21" s="282" t="s">
        <v>3816</v>
      </c>
      <c r="URQ21" s="282" t="s">
        <v>3816</v>
      </c>
      <c r="URR21" s="282" t="s">
        <v>3816</v>
      </c>
      <c r="URS21" s="282" t="s">
        <v>3816</v>
      </c>
      <c r="URT21" s="282" t="s">
        <v>3816</v>
      </c>
      <c r="URU21" s="282" t="s">
        <v>3816</v>
      </c>
      <c r="URV21" s="282" t="s">
        <v>3816</v>
      </c>
      <c r="URW21" s="282" t="s">
        <v>3816</v>
      </c>
      <c r="URX21" s="282" t="s">
        <v>3816</v>
      </c>
      <c r="URY21" s="282" t="s">
        <v>3816</v>
      </c>
      <c r="URZ21" s="282" t="s">
        <v>3816</v>
      </c>
      <c r="USA21" s="282" t="s">
        <v>3816</v>
      </c>
      <c r="USB21" s="282" t="s">
        <v>3816</v>
      </c>
      <c r="USC21" s="282" t="s">
        <v>3816</v>
      </c>
      <c r="USD21" s="282" t="s">
        <v>3816</v>
      </c>
      <c r="USE21" s="282" t="s">
        <v>3816</v>
      </c>
      <c r="USF21" s="282" t="s">
        <v>3816</v>
      </c>
      <c r="USG21" s="282" t="s">
        <v>3816</v>
      </c>
      <c r="USH21" s="282" t="s">
        <v>3816</v>
      </c>
      <c r="USI21" s="282" t="s">
        <v>3816</v>
      </c>
      <c r="USJ21" s="282" t="s">
        <v>3816</v>
      </c>
      <c r="USK21" s="282" t="s">
        <v>3816</v>
      </c>
      <c r="USL21" s="282" t="s">
        <v>3816</v>
      </c>
      <c r="USM21" s="282" t="s">
        <v>3816</v>
      </c>
      <c r="USN21" s="282" t="s">
        <v>3816</v>
      </c>
      <c r="USO21" s="282" t="s">
        <v>3816</v>
      </c>
      <c r="USP21" s="282" t="s">
        <v>3816</v>
      </c>
      <c r="USQ21" s="282" t="s">
        <v>3816</v>
      </c>
      <c r="USR21" s="282" t="s">
        <v>3816</v>
      </c>
      <c r="USS21" s="282" t="s">
        <v>3816</v>
      </c>
      <c r="UST21" s="282" t="s">
        <v>3816</v>
      </c>
      <c r="USU21" s="282" t="s">
        <v>3816</v>
      </c>
      <c r="USV21" s="282" t="s">
        <v>3816</v>
      </c>
      <c r="USW21" s="282" t="s">
        <v>3816</v>
      </c>
      <c r="USX21" s="282" t="s">
        <v>3816</v>
      </c>
      <c r="USY21" s="282" t="s">
        <v>3816</v>
      </c>
      <c r="USZ21" s="282" t="s">
        <v>3816</v>
      </c>
      <c r="UTA21" s="282" t="s">
        <v>3816</v>
      </c>
      <c r="UTB21" s="282" t="s">
        <v>3816</v>
      </c>
      <c r="UTC21" s="282" t="s">
        <v>3816</v>
      </c>
      <c r="UTD21" s="282" t="s">
        <v>3816</v>
      </c>
      <c r="UTE21" s="282" t="s">
        <v>3816</v>
      </c>
      <c r="UTF21" s="282" t="s">
        <v>3816</v>
      </c>
      <c r="UTG21" s="282" t="s">
        <v>3816</v>
      </c>
      <c r="UTH21" s="282" t="s">
        <v>3816</v>
      </c>
      <c r="UTI21" s="282" t="s">
        <v>3816</v>
      </c>
      <c r="UTJ21" s="282" t="s">
        <v>3816</v>
      </c>
      <c r="UTK21" s="282" t="s">
        <v>3816</v>
      </c>
      <c r="UTL21" s="282" t="s">
        <v>3816</v>
      </c>
      <c r="UTM21" s="282" t="s">
        <v>3816</v>
      </c>
      <c r="UTN21" s="282" t="s">
        <v>3816</v>
      </c>
      <c r="UTO21" s="282" t="s">
        <v>3816</v>
      </c>
      <c r="UTP21" s="282" t="s">
        <v>3816</v>
      </c>
      <c r="UTQ21" s="282" t="s">
        <v>3816</v>
      </c>
      <c r="UTR21" s="282" t="s">
        <v>3816</v>
      </c>
      <c r="UTS21" s="282" t="s">
        <v>3816</v>
      </c>
      <c r="UTT21" s="282" t="s">
        <v>3816</v>
      </c>
      <c r="UTU21" s="282" t="s">
        <v>3816</v>
      </c>
      <c r="UTV21" s="282" t="s">
        <v>3816</v>
      </c>
      <c r="UTW21" s="282" t="s">
        <v>3816</v>
      </c>
      <c r="UTX21" s="282" t="s">
        <v>3816</v>
      </c>
      <c r="UTY21" s="282" t="s">
        <v>3816</v>
      </c>
      <c r="UTZ21" s="282" t="s">
        <v>3816</v>
      </c>
      <c r="UUA21" s="282" t="s">
        <v>3816</v>
      </c>
      <c r="UUB21" s="282" t="s">
        <v>3816</v>
      </c>
      <c r="UUC21" s="282" t="s">
        <v>3816</v>
      </c>
      <c r="UUD21" s="282" t="s">
        <v>3816</v>
      </c>
      <c r="UUE21" s="282" t="s">
        <v>3816</v>
      </c>
      <c r="UUF21" s="282" t="s">
        <v>3816</v>
      </c>
      <c r="UUG21" s="282" t="s">
        <v>3816</v>
      </c>
      <c r="UUH21" s="282" t="s">
        <v>3816</v>
      </c>
      <c r="UUI21" s="282" t="s">
        <v>3816</v>
      </c>
      <c r="UUJ21" s="282" t="s">
        <v>3816</v>
      </c>
      <c r="UUK21" s="282" t="s">
        <v>3816</v>
      </c>
      <c r="UUL21" s="282" t="s">
        <v>3816</v>
      </c>
      <c r="UUM21" s="282" t="s">
        <v>3816</v>
      </c>
      <c r="UUN21" s="282" t="s">
        <v>3816</v>
      </c>
      <c r="UUO21" s="282" t="s">
        <v>3816</v>
      </c>
      <c r="UUP21" s="282" t="s">
        <v>3816</v>
      </c>
      <c r="UUQ21" s="282" t="s">
        <v>3816</v>
      </c>
      <c r="UUR21" s="282" t="s">
        <v>3816</v>
      </c>
      <c r="UUS21" s="282" t="s">
        <v>3816</v>
      </c>
      <c r="UUT21" s="282" t="s">
        <v>3816</v>
      </c>
      <c r="UUU21" s="282" t="s">
        <v>3816</v>
      </c>
      <c r="UUV21" s="282" t="s">
        <v>3816</v>
      </c>
      <c r="UUW21" s="282" t="s">
        <v>3816</v>
      </c>
      <c r="UUX21" s="282" t="s">
        <v>3816</v>
      </c>
      <c r="UUY21" s="282" t="s">
        <v>3816</v>
      </c>
      <c r="UUZ21" s="282" t="s">
        <v>3816</v>
      </c>
      <c r="UVA21" s="282" t="s">
        <v>3816</v>
      </c>
      <c r="UVB21" s="282" t="s">
        <v>3816</v>
      </c>
      <c r="UVC21" s="282" t="s">
        <v>3816</v>
      </c>
      <c r="UVD21" s="282" t="s">
        <v>3816</v>
      </c>
      <c r="UVE21" s="282" t="s">
        <v>3816</v>
      </c>
      <c r="UVF21" s="282" t="s">
        <v>3816</v>
      </c>
      <c r="UVG21" s="282" t="s">
        <v>3816</v>
      </c>
      <c r="UVH21" s="282" t="s">
        <v>3816</v>
      </c>
      <c r="UVI21" s="282" t="s">
        <v>3816</v>
      </c>
      <c r="UVJ21" s="282" t="s">
        <v>3816</v>
      </c>
      <c r="UVK21" s="282" t="s">
        <v>3816</v>
      </c>
      <c r="UVL21" s="282" t="s">
        <v>3816</v>
      </c>
      <c r="UVM21" s="282" t="s">
        <v>3816</v>
      </c>
      <c r="UVN21" s="282" t="s">
        <v>3816</v>
      </c>
      <c r="UVO21" s="282" t="s">
        <v>3816</v>
      </c>
      <c r="UVP21" s="282" t="s">
        <v>3816</v>
      </c>
      <c r="UVQ21" s="282" t="s">
        <v>3816</v>
      </c>
      <c r="UVR21" s="282" t="s">
        <v>3816</v>
      </c>
      <c r="UVS21" s="282" t="s">
        <v>3816</v>
      </c>
      <c r="UVT21" s="282" t="s">
        <v>3816</v>
      </c>
      <c r="UVU21" s="282" t="s">
        <v>3816</v>
      </c>
      <c r="UVV21" s="282" t="s">
        <v>3816</v>
      </c>
      <c r="UVW21" s="282" t="s">
        <v>3816</v>
      </c>
      <c r="UVX21" s="282" t="s">
        <v>3816</v>
      </c>
      <c r="UVY21" s="282" t="s">
        <v>3816</v>
      </c>
      <c r="UVZ21" s="282" t="s">
        <v>3816</v>
      </c>
      <c r="UWA21" s="282" t="s">
        <v>3816</v>
      </c>
      <c r="UWB21" s="282" t="s">
        <v>3816</v>
      </c>
      <c r="UWC21" s="282" t="s">
        <v>3816</v>
      </c>
      <c r="UWD21" s="282" t="s">
        <v>3816</v>
      </c>
      <c r="UWE21" s="282" t="s">
        <v>3816</v>
      </c>
      <c r="UWF21" s="282" t="s">
        <v>3816</v>
      </c>
      <c r="UWG21" s="282" t="s">
        <v>3816</v>
      </c>
      <c r="UWH21" s="282" t="s">
        <v>3816</v>
      </c>
      <c r="UWI21" s="282" t="s">
        <v>3816</v>
      </c>
      <c r="UWJ21" s="282" t="s">
        <v>3816</v>
      </c>
      <c r="UWK21" s="282" t="s">
        <v>3816</v>
      </c>
      <c r="UWL21" s="282" t="s">
        <v>3816</v>
      </c>
      <c r="UWM21" s="282" t="s">
        <v>3816</v>
      </c>
      <c r="UWN21" s="282" t="s">
        <v>3816</v>
      </c>
      <c r="UWO21" s="282" t="s">
        <v>3816</v>
      </c>
      <c r="UWP21" s="282" t="s">
        <v>3816</v>
      </c>
      <c r="UWQ21" s="282" t="s">
        <v>3816</v>
      </c>
      <c r="UWR21" s="282" t="s">
        <v>3816</v>
      </c>
      <c r="UWS21" s="282" t="s">
        <v>3816</v>
      </c>
      <c r="UWT21" s="282" t="s">
        <v>3816</v>
      </c>
      <c r="UWU21" s="282" t="s">
        <v>3816</v>
      </c>
      <c r="UWV21" s="282" t="s">
        <v>3816</v>
      </c>
      <c r="UWW21" s="282" t="s">
        <v>3816</v>
      </c>
      <c r="UWX21" s="282" t="s">
        <v>3816</v>
      </c>
      <c r="UWY21" s="282" t="s">
        <v>3816</v>
      </c>
      <c r="UWZ21" s="282" t="s">
        <v>3816</v>
      </c>
      <c r="UXA21" s="282" t="s">
        <v>3816</v>
      </c>
      <c r="UXB21" s="282" t="s">
        <v>3816</v>
      </c>
      <c r="UXC21" s="282" t="s">
        <v>3816</v>
      </c>
      <c r="UXD21" s="282" t="s">
        <v>3816</v>
      </c>
      <c r="UXE21" s="282" t="s">
        <v>3816</v>
      </c>
      <c r="UXF21" s="282" t="s">
        <v>3816</v>
      </c>
      <c r="UXG21" s="282" t="s">
        <v>3816</v>
      </c>
      <c r="UXH21" s="282" t="s">
        <v>3816</v>
      </c>
      <c r="UXI21" s="282" t="s">
        <v>3816</v>
      </c>
      <c r="UXJ21" s="282" t="s">
        <v>3816</v>
      </c>
      <c r="UXK21" s="282" t="s">
        <v>3816</v>
      </c>
      <c r="UXL21" s="282" t="s">
        <v>3816</v>
      </c>
      <c r="UXM21" s="282" t="s">
        <v>3816</v>
      </c>
      <c r="UXN21" s="282" t="s">
        <v>3816</v>
      </c>
      <c r="UXO21" s="282" t="s">
        <v>3816</v>
      </c>
      <c r="UXP21" s="282" t="s">
        <v>3816</v>
      </c>
      <c r="UXQ21" s="282" t="s">
        <v>3816</v>
      </c>
      <c r="UXR21" s="282" t="s">
        <v>3816</v>
      </c>
      <c r="UXS21" s="282" t="s">
        <v>3816</v>
      </c>
      <c r="UXT21" s="282" t="s">
        <v>3816</v>
      </c>
      <c r="UXU21" s="282" t="s">
        <v>3816</v>
      </c>
      <c r="UXV21" s="282" t="s">
        <v>3816</v>
      </c>
      <c r="UXW21" s="282" t="s">
        <v>3816</v>
      </c>
      <c r="UXX21" s="282" t="s">
        <v>3816</v>
      </c>
      <c r="UXY21" s="282" t="s">
        <v>3816</v>
      </c>
      <c r="UXZ21" s="282" t="s">
        <v>3816</v>
      </c>
      <c r="UYA21" s="282" t="s">
        <v>3816</v>
      </c>
      <c r="UYB21" s="282" t="s">
        <v>3816</v>
      </c>
      <c r="UYC21" s="282" t="s">
        <v>3816</v>
      </c>
      <c r="UYD21" s="282" t="s">
        <v>3816</v>
      </c>
      <c r="UYE21" s="282" t="s">
        <v>3816</v>
      </c>
      <c r="UYF21" s="282" t="s">
        <v>3816</v>
      </c>
      <c r="UYG21" s="282" t="s">
        <v>3816</v>
      </c>
      <c r="UYH21" s="282" t="s">
        <v>3816</v>
      </c>
      <c r="UYI21" s="282" t="s">
        <v>3816</v>
      </c>
      <c r="UYJ21" s="282" t="s">
        <v>3816</v>
      </c>
      <c r="UYK21" s="282" t="s">
        <v>3816</v>
      </c>
      <c r="UYL21" s="282" t="s">
        <v>3816</v>
      </c>
      <c r="UYM21" s="282" t="s">
        <v>3816</v>
      </c>
      <c r="UYN21" s="282" t="s">
        <v>3816</v>
      </c>
      <c r="UYO21" s="282" t="s">
        <v>3816</v>
      </c>
      <c r="UYP21" s="282" t="s">
        <v>3816</v>
      </c>
      <c r="UYQ21" s="282" t="s">
        <v>3816</v>
      </c>
      <c r="UYR21" s="282" t="s">
        <v>3816</v>
      </c>
      <c r="UYS21" s="282" t="s">
        <v>3816</v>
      </c>
      <c r="UYT21" s="282" t="s">
        <v>3816</v>
      </c>
      <c r="UYU21" s="282" t="s">
        <v>3816</v>
      </c>
      <c r="UYV21" s="282" t="s">
        <v>3816</v>
      </c>
      <c r="UYW21" s="282" t="s">
        <v>3816</v>
      </c>
      <c r="UYX21" s="282" t="s">
        <v>3816</v>
      </c>
      <c r="UYY21" s="282" t="s">
        <v>3816</v>
      </c>
      <c r="UYZ21" s="282" t="s">
        <v>3816</v>
      </c>
      <c r="UZA21" s="282" t="s">
        <v>3816</v>
      </c>
      <c r="UZB21" s="282" t="s">
        <v>3816</v>
      </c>
      <c r="UZC21" s="282" t="s">
        <v>3816</v>
      </c>
      <c r="UZD21" s="282" t="s">
        <v>3816</v>
      </c>
      <c r="UZE21" s="282" t="s">
        <v>3816</v>
      </c>
      <c r="UZF21" s="282" t="s">
        <v>3816</v>
      </c>
      <c r="UZG21" s="282" t="s">
        <v>3816</v>
      </c>
      <c r="UZH21" s="282" t="s">
        <v>3816</v>
      </c>
      <c r="UZI21" s="282" t="s">
        <v>3816</v>
      </c>
      <c r="UZJ21" s="282" t="s">
        <v>3816</v>
      </c>
      <c r="UZK21" s="282" t="s">
        <v>3816</v>
      </c>
      <c r="UZL21" s="282" t="s">
        <v>3816</v>
      </c>
      <c r="UZM21" s="282" t="s">
        <v>3816</v>
      </c>
      <c r="UZN21" s="282" t="s">
        <v>3816</v>
      </c>
      <c r="UZO21" s="282" t="s">
        <v>3816</v>
      </c>
      <c r="UZP21" s="282" t="s">
        <v>3816</v>
      </c>
      <c r="UZQ21" s="282" t="s">
        <v>3816</v>
      </c>
      <c r="UZR21" s="282" t="s">
        <v>3816</v>
      </c>
      <c r="UZS21" s="282" t="s">
        <v>3816</v>
      </c>
      <c r="UZT21" s="282" t="s">
        <v>3816</v>
      </c>
      <c r="UZU21" s="282" t="s">
        <v>3816</v>
      </c>
      <c r="UZV21" s="282" t="s">
        <v>3816</v>
      </c>
      <c r="UZW21" s="282" t="s">
        <v>3816</v>
      </c>
      <c r="UZX21" s="282" t="s">
        <v>3816</v>
      </c>
      <c r="UZY21" s="282" t="s">
        <v>3816</v>
      </c>
      <c r="UZZ21" s="282" t="s">
        <v>3816</v>
      </c>
      <c r="VAA21" s="282" t="s">
        <v>3816</v>
      </c>
      <c r="VAB21" s="282" t="s">
        <v>3816</v>
      </c>
      <c r="VAC21" s="282" t="s">
        <v>3816</v>
      </c>
      <c r="VAD21" s="282" t="s">
        <v>3816</v>
      </c>
      <c r="VAE21" s="282" t="s">
        <v>3816</v>
      </c>
      <c r="VAF21" s="282" t="s">
        <v>3816</v>
      </c>
      <c r="VAG21" s="282" t="s">
        <v>3816</v>
      </c>
      <c r="VAH21" s="282" t="s">
        <v>3816</v>
      </c>
      <c r="VAI21" s="282" t="s">
        <v>3816</v>
      </c>
      <c r="VAJ21" s="282" t="s">
        <v>3816</v>
      </c>
      <c r="VAK21" s="282" t="s">
        <v>3816</v>
      </c>
      <c r="VAL21" s="282" t="s">
        <v>3816</v>
      </c>
      <c r="VAM21" s="282" t="s">
        <v>3816</v>
      </c>
      <c r="VAN21" s="282" t="s">
        <v>3816</v>
      </c>
      <c r="VAO21" s="282" t="s">
        <v>3816</v>
      </c>
      <c r="VAP21" s="282" t="s">
        <v>3816</v>
      </c>
      <c r="VAQ21" s="282" t="s">
        <v>3816</v>
      </c>
      <c r="VAR21" s="282" t="s">
        <v>3816</v>
      </c>
      <c r="VAS21" s="282" t="s">
        <v>3816</v>
      </c>
      <c r="VAT21" s="282" t="s">
        <v>3816</v>
      </c>
      <c r="VAU21" s="282" t="s">
        <v>3816</v>
      </c>
      <c r="VAV21" s="282" t="s">
        <v>3816</v>
      </c>
      <c r="VAW21" s="282" t="s">
        <v>3816</v>
      </c>
      <c r="VAX21" s="282" t="s">
        <v>3816</v>
      </c>
      <c r="VAY21" s="282" t="s">
        <v>3816</v>
      </c>
      <c r="VAZ21" s="282" t="s">
        <v>3816</v>
      </c>
      <c r="VBA21" s="282" t="s">
        <v>3816</v>
      </c>
      <c r="VBB21" s="282" t="s">
        <v>3816</v>
      </c>
      <c r="VBC21" s="282" t="s">
        <v>3816</v>
      </c>
      <c r="VBD21" s="282" t="s">
        <v>3816</v>
      </c>
      <c r="VBE21" s="282" t="s">
        <v>3816</v>
      </c>
      <c r="VBF21" s="282" t="s">
        <v>3816</v>
      </c>
      <c r="VBG21" s="282" t="s">
        <v>3816</v>
      </c>
      <c r="VBH21" s="282" t="s">
        <v>3816</v>
      </c>
      <c r="VBI21" s="282" t="s">
        <v>3816</v>
      </c>
      <c r="VBJ21" s="282" t="s">
        <v>3816</v>
      </c>
      <c r="VBK21" s="282" t="s">
        <v>3816</v>
      </c>
      <c r="VBL21" s="282" t="s">
        <v>3816</v>
      </c>
      <c r="VBM21" s="282" t="s">
        <v>3816</v>
      </c>
      <c r="VBN21" s="282" t="s">
        <v>3816</v>
      </c>
      <c r="VBO21" s="282" t="s">
        <v>3816</v>
      </c>
      <c r="VBP21" s="282" t="s">
        <v>3816</v>
      </c>
      <c r="VBQ21" s="282" t="s">
        <v>3816</v>
      </c>
      <c r="VBR21" s="282" t="s">
        <v>3816</v>
      </c>
      <c r="VBS21" s="282" t="s">
        <v>3816</v>
      </c>
      <c r="VBT21" s="282" t="s">
        <v>3816</v>
      </c>
      <c r="VBU21" s="282" t="s">
        <v>3816</v>
      </c>
      <c r="VBV21" s="282" t="s">
        <v>3816</v>
      </c>
      <c r="VBW21" s="282" t="s">
        <v>3816</v>
      </c>
      <c r="VBX21" s="282" t="s">
        <v>3816</v>
      </c>
      <c r="VBY21" s="282" t="s">
        <v>3816</v>
      </c>
      <c r="VBZ21" s="282" t="s">
        <v>3816</v>
      </c>
      <c r="VCA21" s="282" t="s">
        <v>3816</v>
      </c>
      <c r="VCB21" s="282" t="s">
        <v>3816</v>
      </c>
      <c r="VCC21" s="282" t="s">
        <v>3816</v>
      </c>
      <c r="VCD21" s="282" t="s">
        <v>3816</v>
      </c>
      <c r="VCE21" s="282" t="s">
        <v>3816</v>
      </c>
      <c r="VCF21" s="282" t="s">
        <v>3816</v>
      </c>
      <c r="VCG21" s="282" t="s">
        <v>3816</v>
      </c>
      <c r="VCH21" s="282" t="s">
        <v>3816</v>
      </c>
      <c r="VCI21" s="282" t="s">
        <v>3816</v>
      </c>
      <c r="VCJ21" s="282" t="s">
        <v>3816</v>
      </c>
      <c r="VCK21" s="282" t="s">
        <v>3816</v>
      </c>
      <c r="VCL21" s="282" t="s">
        <v>3816</v>
      </c>
      <c r="VCM21" s="282" t="s">
        <v>3816</v>
      </c>
      <c r="VCN21" s="282" t="s">
        <v>3816</v>
      </c>
      <c r="VCO21" s="282" t="s">
        <v>3816</v>
      </c>
      <c r="VCP21" s="282" t="s">
        <v>3816</v>
      </c>
      <c r="VCQ21" s="282" t="s">
        <v>3816</v>
      </c>
      <c r="VCR21" s="282" t="s">
        <v>3816</v>
      </c>
      <c r="VCS21" s="282" t="s">
        <v>3816</v>
      </c>
      <c r="VCT21" s="282" t="s">
        <v>3816</v>
      </c>
      <c r="VCU21" s="282" t="s">
        <v>3816</v>
      </c>
      <c r="VCV21" s="282" t="s">
        <v>3816</v>
      </c>
      <c r="VCW21" s="282" t="s">
        <v>3816</v>
      </c>
      <c r="VCX21" s="282" t="s">
        <v>3816</v>
      </c>
      <c r="VCY21" s="282" t="s">
        <v>3816</v>
      </c>
      <c r="VCZ21" s="282" t="s">
        <v>3816</v>
      </c>
      <c r="VDA21" s="282" t="s">
        <v>3816</v>
      </c>
      <c r="VDB21" s="282" t="s">
        <v>3816</v>
      </c>
      <c r="VDC21" s="282" t="s">
        <v>3816</v>
      </c>
      <c r="VDD21" s="282" t="s">
        <v>3816</v>
      </c>
      <c r="VDE21" s="282" t="s">
        <v>3816</v>
      </c>
      <c r="VDF21" s="282" t="s">
        <v>3816</v>
      </c>
      <c r="VDG21" s="282" t="s">
        <v>3816</v>
      </c>
      <c r="VDH21" s="282" t="s">
        <v>3816</v>
      </c>
      <c r="VDI21" s="282" t="s">
        <v>3816</v>
      </c>
      <c r="VDJ21" s="282" t="s">
        <v>3816</v>
      </c>
      <c r="VDK21" s="282" t="s">
        <v>3816</v>
      </c>
      <c r="VDL21" s="282" t="s">
        <v>3816</v>
      </c>
      <c r="VDM21" s="282" t="s">
        <v>3816</v>
      </c>
      <c r="VDN21" s="282" t="s">
        <v>3816</v>
      </c>
      <c r="VDO21" s="282" t="s">
        <v>3816</v>
      </c>
      <c r="VDP21" s="282" t="s">
        <v>3816</v>
      </c>
      <c r="VDQ21" s="282" t="s">
        <v>3816</v>
      </c>
      <c r="VDR21" s="282" t="s">
        <v>3816</v>
      </c>
      <c r="VDS21" s="282" t="s">
        <v>3816</v>
      </c>
      <c r="VDT21" s="282" t="s">
        <v>3816</v>
      </c>
      <c r="VDU21" s="282" t="s">
        <v>3816</v>
      </c>
      <c r="VDV21" s="282" t="s">
        <v>3816</v>
      </c>
      <c r="VDW21" s="282" t="s">
        <v>3816</v>
      </c>
      <c r="VDX21" s="282" t="s">
        <v>3816</v>
      </c>
      <c r="VDY21" s="282" t="s">
        <v>3816</v>
      </c>
      <c r="VDZ21" s="282" t="s">
        <v>3816</v>
      </c>
      <c r="VEA21" s="282" t="s">
        <v>3816</v>
      </c>
      <c r="VEB21" s="282" t="s">
        <v>3816</v>
      </c>
      <c r="VEC21" s="282" t="s">
        <v>3816</v>
      </c>
      <c r="VED21" s="282" t="s">
        <v>3816</v>
      </c>
      <c r="VEE21" s="282" t="s">
        <v>3816</v>
      </c>
      <c r="VEF21" s="282" t="s">
        <v>3816</v>
      </c>
      <c r="VEG21" s="282" t="s">
        <v>3816</v>
      </c>
      <c r="VEH21" s="282" t="s">
        <v>3816</v>
      </c>
      <c r="VEI21" s="282" t="s">
        <v>3816</v>
      </c>
      <c r="VEJ21" s="282" t="s">
        <v>3816</v>
      </c>
      <c r="VEK21" s="282" t="s">
        <v>3816</v>
      </c>
      <c r="VEL21" s="282" t="s">
        <v>3816</v>
      </c>
      <c r="VEM21" s="282" t="s">
        <v>3816</v>
      </c>
      <c r="VEN21" s="282" t="s">
        <v>3816</v>
      </c>
      <c r="VEO21" s="282" t="s">
        <v>3816</v>
      </c>
      <c r="VEP21" s="282" t="s">
        <v>3816</v>
      </c>
      <c r="VEQ21" s="282" t="s">
        <v>3816</v>
      </c>
      <c r="VER21" s="282" t="s">
        <v>3816</v>
      </c>
      <c r="VES21" s="282" t="s">
        <v>3816</v>
      </c>
      <c r="VET21" s="282" t="s">
        <v>3816</v>
      </c>
      <c r="VEU21" s="282" t="s">
        <v>3816</v>
      </c>
      <c r="VEV21" s="282" t="s">
        <v>3816</v>
      </c>
      <c r="VEW21" s="282" t="s">
        <v>3816</v>
      </c>
      <c r="VEX21" s="282" t="s">
        <v>3816</v>
      </c>
      <c r="VEY21" s="282" t="s">
        <v>3816</v>
      </c>
      <c r="VEZ21" s="282" t="s">
        <v>3816</v>
      </c>
      <c r="VFA21" s="282" t="s">
        <v>3816</v>
      </c>
      <c r="VFB21" s="282" t="s">
        <v>3816</v>
      </c>
      <c r="VFC21" s="282" t="s">
        <v>3816</v>
      </c>
      <c r="VFD21" s="282" t="s">
        <v>3816</v>
      </c>
      <c r="VFE21" s="282" t="s">
        <v>3816</v>
      </c>
      <c r="VFF21" s="282" t="s">
        <v>3816</v>
      </c>
      <c r="VFG21" s="282" t="s">
        <v>3816</v>
      </c>
      <c r="VFH21" s="282" t="s">
        <v>3816</v>
      </c>
      <c r="VFI21" s="282" t="s">
        <v>3816</v>
      </c>
      <c r="VFJ21" s="282" t="s">
        <v>3816</v>
      </c>
      <c r="VFK21" s="282" t="s">
        <v>3816</v>
      </c>
      <c r="VFL21" s="282" t="s">
        <v>3816</v>
      </c>
      <c r="VFM21" s="282" t="s">
        <v>3816</v>
      </c>
      <c r="VFN21" s="282" t="s">
        <v>3816</v>
      </c>
      <c r="VFO21" s="282" t="s">
        <v>3816</v>
      </c>
      <c r="VFP21" s="282" t="s">
        <v>3816</v>
      </c>
      <c r="VFQ21" s="282" t="s">
        <v>3816</v>
      </c>
      <c r="VFR21" s="282" t="s">
        <v>3816</v>
      </c>
      <c r="VFS21" s="282" t="s">
        <v>3816</v>
      </c>
      <c r="VFT21" s="282" t="s">
        <v>3816</v>
      </c>
      <c r="VFU21" s="282" t="s">
        <v>3816</v>
      </c>
      <c r="VFV21" s="282" t="s">
        <v>3816</v>
      </c>
      <c r="VFW21" s="282" t="s">
        <v>3816</v>
      </c>
      <c r="VFX21" s="282" t="s">
        <v>3816</v>
      </c>
      <c r="VFY21" s="282" t="s">
        <v>3816</v>
      </c>
      <c r="VFZ21" s="282" t="s">
        <v>3816</v>
      </c>
      <c r="VGA21" s="282" t="s">
        <v>3816</v>
      </c>
      <c r="VGB21" s="282" t="s">
        <v>3816</v>
      </c>
      <c r="VGC21" s="282" t="s">
        <v>3816</v>
      </c>
      <c r="VGD21" s="282" t="s">
        <v>3816</v>
      </c>
      <c r="VGE21" s="282" t="s">
        <v>3816</v>
      </c>
      <c r="VGF21" s="282" t="s">
        <v>3816</v>
      </c>
      <c r="VGG21" s="282" t="s">
        <v>3816</v>
      </c>
      <c r="VGH21" s="282" t="s">
        <v>3816</v>
      </c>
      <c r="VGI21" s="282" t="s">
        <v>3816</v>
      </c>
      <c r="VGJ21" s="282" t="s">
        <v>3816</v>
      </c>
      <c r="VGK21" s="282" t="s">
        <v>3816</v>
      </c>
      <c r="VGL21" s="282" t="s">
        <v>3816</v>
      </c>
      <c r="VGM21" s="282" t="s">
        <v>3816</v>
      </c>
      <c r="VGN21" s="282" t="s">
        <v>3816</v>
      </c>
      <c r="VGO21" s="282" t="s">
        <v>3816</v>
      </c>
      <c r="VGP21" s="282" t="s">
        <v>3816</v>
      </c>
      <c r="VGQ21" s="282" t="s">
        <v>3816</v>
      </c>
      <c r="VGR21" s="282" t="s">
        <v>3816</v>
      </c>
      <c r="VGS21" s="282" t="s">
        <v>3816</v>
      </c>
      <c r="VGT21" s="282" t="s">
        <v>3816</v>
      </c>
      <c r="VGU21" s="282" t="s">
        <v>3816</v>
      </c>
      <c r="VGV21" s="282" t="s">
        <v>3816</v>
      </c>
      <c r="VGW21" s="282" t="s">
        <v>3816</v>
      </c>
      <c r="VGX21" s="282" t="s">
        <v>3816</v>
      </c>
      <c r="VGY21" s="282" t="s">
        <v>3816</v>
      </c>
      <c r="VGZ21" s="282" t="s">
        <v>3816</v>
      </c>
      <c r="VHA21" s="282" t="s">
        <v>3816</v>
      </c>
      <c r="VHB21" s="282" t="s">
        <v>3816</v>
      </c>
      <c r="VHC21" s="282" t="s">
        <v>3816</v>
      </c>
      <c r="VHD21" s="282" t="s">
        <v>3816</v>
      </c>
      <c r="VHE21" s="282" t="s">
        <v>3816</v>
      </c>
      <c r="VHF21" s="282" t="s">
        <v>3816</v>
      </c>
      <c r="VHG21" s="282" t="s">
        <v>3816</v>
      </c>
      <c r="VHH21" s="282" t="s">
        <v>3816</v>
      </c>
      <c r="VHI21" s="282" t="s">
        <v>3816</v>
      </c>
      <c r="VHJ21" s="282" t="s">
        <v>3816</v>
      </c>
      <c r="VHK21" s="282" t="s">
        <v>3816</v>
      </c>
      <c r="VHL21" s="282" t="s">
        <v>3816</v>
      </c>
      <c r="VHM21" s="282" t="s">
        <v>3816</v>
      </c>
      <c r="VHN21" s="282" t="s">
        <v>3816</v>
      </c>
      <c r="VHO21" s="282" t="s">
        <v>3816</v>
      </c>
      <c r="VHP21" s="282" t="s">
        <v>3816</v>
      </c>
      <c r="VHQ21" s="282" t="s">
        <v>3816</v>
      </c>
      <c r="VHR21" s="282" t="s">
        <v>3816</v>
      </c>
      <c r="VHS21" s="282" t="s">
        <v>3816</v>
      </c>
      <c r="VHT21" s="282" t="s">
        <v>3816</v>
      </c>
      <c r="VHU21" s="282" t="s">
        <v>3816</v>
      </c>
      <c r="VHV21" s="282" t="s">
        <v>3816</v>
      </c>
      <c r="VHW21" s="282" t="s">
        <v>3816</v>
      </c>
      <c r="VHX21" s="282" t="s">
        <v>3816</v>
      </c>
      <c r="VHY21" s="282" t="s">
        <v>3816</v>
      </c>
      <c r="VHZ21" s="282" t="s">
        <v>3816</v>
      </c>
      <c r="VIA21" s="282" t="s">
        <v>3816</v>
      </c>
      <c r="VIB21" s="282" t="s">
        <v>3816</v>
      </c>
      <c r="VIC21" s="282" t="s">
        <v>3816</v>
      </c>
      <c r="VID21" s="282" t="s">
        <v>3816</v>
      </c>
      <c r="VIE21" s="282" t="s">
        <v>3816</v>
      </c>
      <c r="VIF21" s="282" t="s">
        <v>3816</v>
      </c>
      <c r="VIG21" s="282" t="s">
        <v>3816</v>
      </c>
      <c r="VIH21" s="282" t="s">
        <v>3816</v>
      </c>
      <c r="VII21" s="282" t="s">
        <v>3816</v>
      </c>
      <c r="VIJ21" s="282" t="s">
        <v>3816</v>
      </c>
      <c r="VIK21" s="282" t="s">
        <v>3816</v>
      </c>
      <c r="VIL21" s="282" t="s">
        <v>3816</v>
      </c>
      <c r="VIM21" s="282" t="s">
        <v>3816</v>
      </c>
      <c r="VIN21" s="282" t="s">
        <v>3816</v>
      </c>
      <c r="VIO21" s="282" t="s">
        <v>3816</v>
      </c>
      <c r="VIP21" s="282" t="s">
        <v>3816</v>
      </c>
      <c r="VIQ21" s="282" t="s">
        <v>3816</v>
      </c>
      <c r="VIR21" s="282" t="s">
        <v>3816</v>
      </c>
      <c r="VIS21" s="282" t="s">
        <v>3816</v>
      </c>
      <c r="VIT21" s="282" t="s">
        <v>3816</v>
      </c>
      <c r="VIU21" s="282" t="s">
        <v>3816</v>
      </c>
      <c r="VIV21" s="282" t="s">
        <v>3816</v>
      </c>
      <c r="VIW21" s="282" t="s">
        <v>3816</v>
      </c>
      <c r="VIX21" s="282" t="s">
        <v>3816</v>
      </c>
      <c r="VIY21" s="282" t="s">
        <v>3816</v>
      </c>
      <c r="VIZ21" s="282" t="s">
        <v>3816</v>
      </c>
      <c r="VJA21" s="282" t="s">
        <v>3816</v>
      </c>
      <c r="VJB21" s="282" t="s">
        <v>3816</v>
      </c>
      <c r="VJC21" s="282" t="s">
        <v>3816</v>
      </c>
      <c r="VJD21" s="282" t="s">
        <v>3816</v>
      </c>
      <c r="VJE21" s="282" t="s">
        <v>3816</v>
      </c>
      <c r="VJF21" s="282" t="s">
        <v>3816</v>
      </c>
      <c r="VJG21" s="282" t="s">
        <v>3816</v>
      </c>
      <c r="VJH21" s="282" t="s">
        <v>3816</v>
      </c>
      <c r="VJI21" s="282" t="s">
        <v>3816</v>
      </c>
      <c r="VJJ21" s="282" t="s">
        <v>3816</v>
      </c>
      <c r="VJK21" s="282" t="s">
        <v>3816</v>
      </c>
      <c r="VJL21" s="282" t="s">
        <v>3816</v>
      </c>
      <c r="VJM21" s="282" t="s">
        <v>3816</v>
      </c>
      <c r="VJN21" s="282" t="s">
        <v>3816</v>
      </c>
      <c r="VJO21" s="282" t="s">
        <v>3816</v>
      </c>
      <c r="VJP21" s="282" t="s">
        <v>3816</v>
      </c>
      <c r="VJQ21" s="282" t="s">
        <v>3816</v>
      </c>
      <c r="VJR21" s="282" t="s">
        <v>3816</v>
      </c>
      <c r="VJS21" s="282" t="s">
        <v>3816</v>
      </c>
      <c r="VJT21" s="282" t="s">
        <v>3816</v>
      </c>
      <c r="VJU21" s="282" t="s">
        <v>3816</v>
      </c>
      <c r="VJV21" s="282" t="s">
        <v>3816</v>
      </c>
      <c r="VJW21" s="282" t="s">
        <v>3816</v>
      </c>
      <c r="VJX21" s="282" t="s">
        <v>3816</v>
      </c>
      <c r="VJY21" s="282" t="s">
        <v>3816</v>
      </c>
      <c r="VJZ21" s="282" t="s">
        <v>3816</v>
      </c>
      <c r="VKA21" s="282" t="s">
        <v>3816</v>
      </c>
      <c r="VKB21" s="282" t="s">
        <v>3816</v>
      </c>
      <c r="VKC21" s="282" t="s">
        <v>3816</v>
      </c>
      <c r="VKD21" s="282" t="s">
        <v>3816</v>
      </c>
      <c r="VKE21" s="282" t="s">
        <v>3816</v>
      </c>
      <c r="VKF21" s="282" t="s">
        <v>3816</v>
      </c>
      <c r="VKG21" s="282" t="s">
        <v>3816</v>
      </c>
      <c r="VKH21" s="282" t="s">
        <v>3816</v>
      </c>
      <c r="VKI21" s="282" t="s">
        <v>3816</v>
      </c>
      <c r="VKJ21" s="282" t="s">
        <v>3816</v>
      </c>
      <c r="VKK21" s="282" t="s">
        <v>3816</v>
      </c>
      <c r="VKL21" s="282" t="s">
        <v>3816</v>
      </c>
      <c r="VKM21" s="282" t="s">
        <v>3816</v>
      </c>
      <c r="VKN21" s="282" t="s">
        <v>3816</v>
      </c>
      <c r="VKO21" s="282" t="s">
        <v>3816</v>
      </c>
      <c r="VKP21" s="282" t="s">
        <v>3816</v>
      </c>
      <c r="VKQ21" s="282" t="s">
        <v>3816</v>
      </c>
      <c r="VKR21" s="282" t="s">
        <v>3816</v>
      </c>
      <c r="VKS21" s="282" t="s">
        <v>3816</v>
      </c>
      <c r="VKT21" s="282" t="s">
        <v>3816</v>
      </c>
      <c r="VKU21" s="282" t="s">
        <v>3816</v>
      </c>
      <c r="VKV21" s="282" t="s">
        <v>3816</v>
      </c>
      <c r="VKW21" s="282" t="s">
        <v>3816</v>
      </c>
      <c r="VKX21" s="282" t="s">
        <v>3816</v>
      </c>
      <c r="VKY21" s="282" t="s">
        <v>3816</v>
      </c>
      <c r="VKZ21" s="282" t="s">
        <v>3816</v>
      </c>
      <c r="VLA21" s="282" t="s">
        <v>3816</v>
      </c>
      <c r="VLB21" s="282" t="s">
        <v>3816</v>
      </c>
      <c r="VLC21" s="282" t="s">
        <v>3816</v>
      </c>
      <c r="VLD21" s="282" t="s">
        <v>3816</v>
      </c>
      <c r="VLE21" s="282" t="s">
        <v>3816</v>
      </c>
      <c r="VLF21" s="282" t="s">
        <v>3816</v>
      </c>
      <c r="VLG21" s="282" t="s">
        <v>3816</v>
      </c>
      <c r="VLH21" s="282" t="s">
        <v>3816</v>
      </c>
      <c r="VLI21" s="282" t="s">
        <v>3816</v>
      </c>
      <c r="VLJ21" s="282" t="s">
        <v>3816</v>
      </c>
      <c r="VLK21" s="282" t="s">
        <v>3816</v>
      </c>
      <c r="VLL21" s="282" t="s">
        <v>3816</v>
      </c>
      <c r="VLM21" s="282" t="s">
        <v>3816</v>
      </c>
      <c r="VLN21" s="282" t="s">
        <v>3816</v>
      </c>
      <c r="VLO21" s="282" t="s">
        <v>3816</v>
      </c>
      <c r="VLP21" s="282" t="s">
        <v>3816</v>
      </c>
      <c r="VLQ21" s="282" t="s">
        <v>3816</v>
      </c>
      <c r="VLR21" s="282" t="s">
        <v>3816</v>
      </c>
      <c r="VLS21" s="282" t="s">
        <v>3816</v>
      </c>
      <c r="VLT21" s="282" t="s">
        <v>3816</v>
      </c>
      <c r="VLU21" s="282" t="s">
        <v>3816</v>
      </c>
      <c r="VLV21" s="282" t="s">
        <v>3816</v>
      </c>
      <c r="VLW21" s="282" t="s">
        <v>3816</v>
      </c>
      <c r="VLX21" s="282" t="s">
        <v>3816</v>
      </c>
      <c r="VLY21" s="282" t="s">
        <v>3816</v>
      </c>
      <c r="VLZ21" s="282" t="s">
        <v>3816</v>
      </c>
      <c r="VMA21" s="282" t="s">
        <v>3816</v>
      </c>
      <c r="VMB21" s="282" t="s">
        <v>3816</v>
      </c>
      <c r="VMC21" s="282" t="s">
        <v>3816</v>
      </c>
      <c r="VMD21" s="282" t="s">
        <v>3816</v>
      </c>
      <c r="VME21" s="282" t="s">
        <v>3816</v>
      </c>
      <c r="VMF21" s="282" t="s">
        <v>3816</v>
      </c>
      <c r="VMG21" s="282" t="s">
        <v>3816</v>
      </c>
      <c r="VMH21" s="282" t="s">
        <v>3816</v>
      </c>
      <c r="VMI21" s="282" t="s">
        <v>3816</v>
      </c>
      <c r="VMJ21" s="282" t="s">
        <v>3816</v>
      </c>
      <c r="VMK21" s="282" t="s">
        <v>3816</v>
      </c>
      <c r="VML21" s="282" t="s">
        <v>3816</v>
      </c>
      <c r="VMM21" s="282" t="s">
        <v>3816</v>
      </c>
      <c r="VMN21" s="282" t="s">
        <v>3816</v>
      </c>
      <c r="VMO21" s="282" t="s">
        <v>3816</v>
      </c>
      <c r="VMP21" s="282" t="s">
        <v>3816</v>
      </c>
      <c r="VMQ21" s="282" t="s">
        <v>3816</v>
      </c>
      <c r="VMR21" s="282" t="s">
        <v>3816</v>
      </c>
      <c r="VMS21" s="282" t="s">
        <v>3816</v>
      </c>
      <c r="VMT21" s="282" t="s">
        <v>3816</v>
      </c>
      <c r="VMU21" s="282" t="s">
        <v>3816</v>
      </c>
      <c r="VMV21" s="282" t="s">
        <v>3816</v>
      </c>
      <c r="VMW21" s="282" t="s">
        <v>3816</v>
      </c>
      <c r="VMX21" s="282" t="s">
        <v>3816</v>
      </c>
      <c r="VMY21" s="282" t="s">
        <v>3816</v>
      </c>
      <c r="VMZ21" s="282" t="s">
        <v>3816</v>
      </c>
      <c r="VNA21" s="282" t="s">
        <v>3816</v>
      </c>
      <c r="VNB21" s="282" t="s">
        <v>3816</v>
      </c>
      <c r="VNC21" s="282" t="s">
        <v>3816</v>
      </c>
      <c r="VND21" s="282" t="s">
        <v>3816</v>
      </c>
      <c r="VNE21" s="282" t="s">
        <v>3816</v>
      </c>
      <c r="VNF21" s="282" t="s">
        <v>3816</v>
      </c>
      <c r="VNG21" s="282" t="s">
        <v>3816</v>
      </c>
      <c r="VNH21" s="282" t="s">
        <v>3816</v>
      </c>
      <c r="VNI21" s="282" t="s">
        <v>3816</v>
      </c>
      <c r="VNJ21" s="282" t="s">
        <v>3816</v>
      </c>
      <c r="VNK21" s="282" t="s">
        <v>3816</v>
      </c>
      <c r="VNL21" s="282" t="s">
        <v>3816</v>
      </c>
      <c r="VNM21" s="282" t="s">
        <v>3816</v>
      </c>
      <c r="VNN21" s="282" t="s">
        <v>3816</v>
      </c>
      <c r="VNO21" s="282" t="s">
        <v>3816</v>
      </c>
      <c r="VNP21" s="282" t="s">
        <v>3816</v>
      </c>
      <c r="VNQ21" s="282" t="s">
        <v>3816</v>
      </c>
      <c r="VNR21" s="282" t="s">
        <v>3816</v>
      </c>
      <c r="VNS21" s="282" t="s">
        <v>3816</v>
      </c>
      <c r="VNT21" s="282" t="s">
        <v>3816</v>
      </c>
      <c r="VNU21" s="282" t="s">
        <v>3816</v>
      </c>
      <c r="VNV21" s="282" t="s">
        <v>3816</v>
      </c>
      <c r="VNW21" s="282" t="s">
        <v>3816</v>
      </c>
      <c r="VNX21" s="282" t="s">
        <v>3816</v>
      </c>
      <c r="VNY21" s="282" t="s">
        <v>3816</v>
      </c>
      <c r="VNZ21" s="282" t="s">
        <v>3816</v>
      </c>
      <c r="VOA21" s="282" t="s">
        <v>3816</v>
      </c>
      <c r="VOB21" s="282" t="s">
        <v>3816</v>
      </c>
      <c r="VOC21" s="282" t="s">
        <v>3816</v>
      </c>
      <c r="VOD21" s="282" t="s">
        <v>3816</v>
      </c>
      <c r="VOE21" s="282" t="s">
        <v>3816</v>
      </c>
      <c r="VOF21" s="282" t="s">
        <v>3816</v>
      </c>
      <c r="VOG21" s="282" t="s">
        <v>3816</v>
      </c>
      <c r="VOH21" s="282" t="s">
        <v>3816</v>
      </c>
      <c r="VOI21" s="282" t="s">
        <v>3816</v>
      </c>
      <c r="VOJ21" s="282" t="s">
        <v>3816</v>
      </c>
      <c r="VOK21" s="282" t="s">
        <v>3816</v>
      </c>
      <c r="VOL21" s="282" t="s">
        <v>3816</v>
      </c>
      <c r="VOM21" s="282" t="s">
        <v>3816</v>
      </c>
      <c r="VON21" s="282" t="s">
        <v>3816</v>
      </c>
      <c r="VOO21" s="282" t="s">
        <v>3816</v>
      </c>
      <c r="VOP21" s="282" t="s">
        <v>3816</v>
      </c>
      <c r="VOQ21" s="282" t="s">
        <v>3816</v>
      </c>
      <c r="VOR21" s="282" t="s">
        <v>3816</v>
      </c>
      <c r="VOS21" s="282" t="s">
        <v>3816</v>
      </c>
      <c r="VOT21" s="282" t="s">
        <v>3816</v>
      </c>
      <c r="VOU21" s="282" t="s">
        <v>3816</v>
      </c>
      <c r="VOV21" s="282" t="s">
        <v>3816</v>
      </c>
      <c r="VOW21" s="282" t="s">
        <v>3816</v>
      </c>
      <c r="VOX21" s="282" t="s">
        <v>3816</v>
      </c>
      <c r="VOY21" s="282" t="s">
        <v>3816</v>
      </c>
      <c r="VOZ21" s="282" t="s">
        <v>3816</v>
      </c>
      <c r="VPA21" s="282" t="s">
        <v>3816</v>
      </c>
      <c r="VPB21" s="282" t="s">
        <v>3816</v>
      </c>
      <c r="VPC21" s="282" t="s">
        <v>3816</v>
      </c>
      <c r="VPD21" s="282" t="s">
        <v>3816</v>
      </c>
      <c r="VPE21" s="282" t="s">
        <v>3816</v>
      </c>
      <c r="VPF21" s="282" t="s">
        <v>3816</v>
      </c>
      <c r="VPG21" s="282" t="s">
        <v>3816</v>
      </c>
      <c r="VPH21" s="282" t="s">
        <v>3816</v>
      </c>
      <c r="VPI21" s="282" t="s">
        <v>3816</v>
      </c>
      <c r="VPJ21" s="282" t="s">
        <v>3816</v>
      </c>
      <c r="VPK21" s="282" t="s">
        <v>3816</v>
      </c>
      <c r="VPL21" s="282" t="s">
        <v>3816</v>
      </c>
      <c r="VPM21" s="282" t="s">
        <v>3816</v>
      </c>
      <c r="VPN21" s="282" t="s">
        <v>3816</v>
      </c>
      <c r="VPO21" s="282" t="s">
        <v>3816</v>
      </c>
      <c r="VPP21" s="282" t="s">
        <v>3816</v>
      </c>
      <c r="VPQ21" s="282" t="s">
        <v>3816</v>
      </c>
      <c r="VPR21" s="282" t="s">
        <v>3816</v>
      </c>
      <c r="VPS21" s="282" t="s">
        <v>3816</v>
      </c>
      <c r="VPT21" s="282" t="s">
        <v>3816</v>
      </c>
      <c r="VPU21" s="282" t="s">
        <v>3816</v>
      </c>
      <c r="VPV21" s="282" t="s">
        <v>3816</v>
      </c>
      <c r="VPW21" s="282" t="s">
        <v>3816</v>
      </c>
      <c r="VPX21" s="282" t="s">
        <v>3816</v>
      </c>
      <c r="VPY21" s="282" t="s">
        <v>3816</v>
      </c>
      <c r="VPZ21" s="282" t="s">
        <v>3816</v>
      </c>
      <c r="VQA21" s="282" t="s">
        <v>3816</v>
      </c>
      <c r="VQB21" s="282" t="s">
        <v>3816</v>
      </c>
      <c r="VQC21" s="282" t="s">
        <v>3816</v>
      </c>
      <c r="VQD21" s="282" t="s">
        <v>3816</v>
      </c>
      <c r="VQE21" s="282" t="s">
        <v>3816</v>
      </c>
      <c r="VQF21" s="282" t="s">
        <v>3816</v>
      </c>
      <c r="VQG21" s="282" t="s">
        <v>3816</v>
      </c>
      <c r="VQH21" s="282" t="s">
        <v>3816</v>
      </c>
      <c r="VQI21" s="282" t="s">
        <v>3816</v>
      </c>
      <c r="VQJ21" s="282" t="s">
        <v>3816</v>
      </c>
      <c r="VQK21" s="282" t="s">
        <v>3816</v>
      </c>
      <c r="VQL21" s="282" t="s">
        <v>3816</v>
      </c>
      <c r="VQM21" s="282" t="s">
        <v>3816</v>
      </c>
      <c r="VQN21" s="282" t="s">
        <v>3816</v>
      </c>
      <c r="VQO21" s="282" t="s">
        <v>3816</v>
      </c>
      <c r="VQP21" s="282" t="s">
        <v>3816</v>
      </c>
      <c r="VQQ21" s="282" t="s">
        <v>3816</v>
      </c>
      <c r="VQR21" s="282" t="s">
        <v>3816</v>
      </c>
      <c r="VQS21" s="282" t="s">
        <v>3816</v>
      </c>
      <c r="VQT21" s="282" t="s">
        <v>3816</v>
      </c>
      <c r="VQU21" s="282" t="s">
        <v>3816</v>
      </c>
      <c r="VQV21" s="282" t="s">
        <v>3816</v>
      </c>
      <c r="VQW21" s="282" t="s">
        <v>3816</v>
      </c>
      <c r="VQX21" s="282" t="s">
        <v>3816</v>
      </c>
      <c r="VQY21" s="282" t="s">
        <v>3816</v>
      </c>
      <c r="VQZ21" s="282" t="s">
        <v>3816</v>
      </c>
      <c r="VRA21" s="282" t="s">
        <v>3816</v>
      </c>
      <c r="VRB21" s="282" t="s">
        <v>3816</v>
      </c>
      <c r="VRC21" s="282" t="s">
        <v>3816</v>
      </c>
      <c r="VRD21" s="282" t="s">
        <v>3816</v>
      </c>
      <c r="VRE21" s="282" t="s">
        <v>3816</v>
      </c>
      <c r="VRF21" s="282" t="s">
        <v>3816</v>
      </c>
      <c r="VRG21" s="282" t="s">
        <v>3816</v>
      </c>
      <c r="VRH21" s="282" t="s">
        <v>3816</v>
      </c>
      <c r="VRI21" s="282" t="s">
        <v>3816</v>
      </c>
      <c r="VRJ21" s="282" t="s">
        <v>3816</v>
      </c>
      <c r="VRK21" s="282" t="s">
        <v>3816</v>
      </c>
      <c r="VRL21" s="282" t="s">
        <v>3816</v>
      </c>
      <c r="VRM21" s="282" t="s">
        <v>3816</v>
      </c>
      <c r="VRN21" s="282" t="s">
        <v>3816</v>
      </c>
      <c r="VRO21" s="282" t="s">
        <v>3816</v>
      </c>
      <c r="VRP21" s="282" t="s">
        <v>3816</v>
      </c>
      <c r="VRQ21" s="282" t="s">
        <v>3816</v>
      </c>
      <c r="VRR21" s="282" t="s">
        <v>3816</v>
      </c>
      <c r="VRS21" s="282" t="s">
        <v>3816</v>
      </c>
      <c r="VRT21" s="282" t="s">
        <v>3816</v>
      </c>
      <c r="VRU21" s="282" t="s">
        <v>3816</v>
      </c>
      <c r="VRV21" s="282" t="s">
        <v>3816</v>
      </c>
      <c r="VRW21" s="282" t="s">
        <v>3816</v>
      </c>
      <c r="VRX21" s="282" t="s">
        <v>3816</v>
      </c>
      <c r="VRY21" s="282" t="s">
        <v>3816</v>
      </c>
      <c r="VRZ21" s="282" t="s">
        <v>3816</v>
      </c>
      <c r="VSA21" s="282" t="s">
        <v>3816</v>
      </c>
      <c r="VSB21" s="282" t="s">
        <v>3816</v>
      </c>
      <c r="VSC21" s="282" t="s">
        <v>3816</v>
      </c>
      <c r="VSD21" s="282" t="s">
        <v>3816</v>
      </c>
      <c r="VSE21" s="282" t="s">
        <v>3816</v>
      </c>
      <c r="VSF21" s="282" t="s">
        <v>3816</v>
      </c>
      <c r="VSG21" s="282" t="s">
        <v>3816</v>
      </c>
      <c r="VSH21" s="282" t="s">
        <v>3816</v>
      </c>
      <c r="VSI21" s="282" t="s">
        <v>3816</v>
      </c>
      <c r="VSJ21" s="282" t="s">
        <v>3816</v>
      </c>
      <c r="VSK21" s="282" t="s">
        <v>3816</v>
      </c>
      <c r="VSL21" s="282" t="s">
        <v>3816</v>
      </c>
      <c r="VSM21" s="282" t="s">
        <v>3816</v>
      </c>
      <c r="VSN21" s="282" t="s">
        <v>3816</v>
      </c>
      <c r="VSO21" s="282" t="s">
        <v>3816</v>
      </c>
      <c r="VSP21" s="282" t="s">
        <v>3816</v>
      </c>
      <c r="VSQ21" s="282" t="s">
        <v>3816</v>
      </c>
      <c r="VSR21" s="282" t="s">
        <v>3816</v>
      </c>
      <c r="VSS21" s="282" t="s">
        <v>3816</v>
      </c>
      <c r="VST21" s="282" t="s">
        <v>3816</v>
      </c>
      <c r="VSU21" s="282" t="s">
        <v>3816</v>
      </c>
      <c r="VSV21" s="282" t="s">
        <v>3816</v>
      </c>
      <c r="VSW21" s="282" t="s">
        <v>3816</v>
      </c>
      <c r="VSX21" s="282" t="s">
        <v>3816</v>
      </c>
      <c r="VSY21" s="282" t="s">
        <v>3816</v>
      </c>
      <c r="VSZ21" s="282" t="s">
        <v>3816</v>
      </c>
      <c r="VTA21" s="282" t="s">
        <v>3816</v>
      </c>
      <c r="VTB21" s="282" t="s">
        <v>3816</v>
      </c>
      <c r="VTC21" s="282" t="s">
        <v>3816</v>
      </c>
      <c r="VTD21" s="282" t="s">
        <v>3816</v>
      </c>
      <c r="VTE21" s="282" t="s">
        <v>3816</v>
      </c>
      <c r="VTF21" s="282" t="s">
        <v>3816</v>
      </c>
      <c r="VTG21" s="282" t="s">
        <v>3816</v>
      </c>
      <c r="VTH21" s="282" t="s">
        <v>3816</v>
      </c>
      <c r="VTI21" s="282" t="s">
        <v>3816</v>
      </c>
      <c r="VTJ21" s="282" t="s">
        <v>3816</v>
      </c>
      <c r="VTK21" s="282" t="s">
        <v>3816</v>
      </c>
      <c r="VTL21" s="282" t="s">
        <v>3816</v>
      </c>
      <c r="VTM21" s="282" t="s">
        <v>3816</v>
      </c>
      <c r="VTN21" s="282" t="s">
        <v>3816</v>
      </c>
      <c r="VTO21" s="282" t="s">
        <v>3816</v>
      </c>
      <c r="VTP21" s="282" t="s">
        <v>3816</v>
      </c>
      <c r="VTQ21" s="282" t="s">
        <v>3816</v>
      </c>
      <c r="VTR21" s="282" t="s">
        <v>3816</v>
      </c>
      <c r="VTS21" s="282" t="s">
        <v>3816</v>
      </c>
      <c r="VTT21" s="282" t="s">
        <v>3816</v>
      </c>
      <c r="VTU21" s="282" t="s">
        <v>3816</v>
      </c>
      <c r="VTV21" s="282" t="s">
        <v>3816</v>
      </c>
      <c r="VTW21" s="282" t="s">
        <v>3816</v>
      </c>
      <c r="VTX21" s="282" t="s">
        <v>3816</v>
      </c>
      <c r="VTY21" s="282" t="s">
        <v>3816</v>
      </c>
      <c r="VTZ21" s="282" t="s">
        <v>3816</v>
      </c>
      <c r="VUA21" s="282" t="s">
        <v>3816</v>
      </c>
      <c r="VUB21" s="282" t="s">
        <v>3816</v>
      </c>
      <c r="VUC21" s="282" t="s">
        <v>3816</v>
      </c>
      <c r="VUD21" s="282" t="s">
        <v>3816</v>
      </c>
      <c r="VUE21" s="282" t="s">
        <v>3816</v>
      </c>
      <c r="VUF21" s="282" t="s">
        <v>3816</v>
      </c>
      <c r="VUG21" s="282" t="s">
        <v>3816</v>
      </c>
      <c r="VUH21" s="282" t="s">
        <v>3816</v>
      </c>
      <c r="VUI21" s="282" t="s">
        <v>3816</v>
      </c>
      <c r="VUJ21" s="282" t="s">
        <v>3816</v>
      </c>
      <c r="VUK21" s="282" t="s">
        <v>3816</v>
      </c>
      <c r="VUL21" s="282" t="s">
        <v>3816</v>
      </c>
      <c r="VUM21" s="282" t="s">
        <v>3816</v>
      </c>
      <c r="VUN21" s="282" t="s">
        <v>3816</v>
      </c>
      <c r="VUO21" s="282" t="s">
        <v>3816</v>
      </c>
      <c r="VUP21" s="282" t="s">
        <v>3816</v>
      </c>
      <c r="VUQ21" s="282" t="s">
        <v>3816</v>
      </c>
      <c r="VUR21" s="282" t="s">
        <v>3816</v>
      </c>
      <c r="VUS21" s="282" t="s">
        <v>3816</v>
      </c>
      <c r="VUT21" s="282" t="s">
        <v>3816</v>
      </c>
      <c r="VUU21" s="282" t="s">
        <v>3816</v>
      </c>
      <c r="VUV21" s="282" t="s">
        <v>3816</v>
      </c>
      <c r="VUW21" s="282" t="s">
        <v>3816</v>
      </c>
      <c r="VUX21" s="282" t="s">
        <v>3816</v>
      </c>
      <c r="VUY21" s="282" t="s">
        <v>3816</v>
      </c>
      <c r="VUZ21" s="282" t="s">
        <v>3816</v>
      </c>
      <c r="VVA21" s="282" t="s">
        <v>3816</v>
      </c>
      <c r="VVB21" s="282" t="s">
        <v>3816</v>
      </c>
      <c r="VVC21" s="282" t="s">
        <v>3816</v>
      </c>
      <c r="VVD21" s="282" t="s">
        <v>3816</v>
      </c>
      <c r="VVE21" s="282" t="s">
        <v>3816</v>
      </c>
      <c r="VVF21" s="282" t="s">
        <v>3816</v>
      </c>
      <c r="VVG21" s="282" t="s">
        <v>3816</v>
      </c>
      <c r="VVH21" s="282" t="s">
        <v>3816</v>
      </c>
      <c r="VVI21" s="282" t="s">
        <v>3816</v>
      </c>
      <c r="VVJ21" s="282" t="s">
        <v>3816</v>
      </c>
      <c r="VVK21" s="282" t="s">
        <v>3816</v>
      </c>
      <c r="VVL21" s="282" t="s">
        <v>3816</v>
      </c>
      <c r="VVM21" s="282" t="s">
        <v>3816</v>
      </c>
      <c r="VVN21" s="282" t="s">
        <v>3816</v>
      </c>
      <c r="VVO21" s="282" t="s">
        <v>3816</v>
      </c>
      <c r="VVP21" s="282" t="s">
        <v>3816</v>
      </c>
      <c r="VVQ21" s="282" t="s">
        <v>3816</v>
      </c>
      <c r="VVR21" s="282" t="s">
        <v>3816</v>
      </c>
      <c r="VVS21" s="282" t="s">
        <v>3816</v>
      </c>
      <c r="VVT21" s="282" t="s">
        <v>3816</v>
      </c>
      <c r="VVU21" s="282" t="s">
        <v>3816</v>
      </c>
      <c r="VVV21" s="282" t="s">
        <v>3816</v>
      </c>
      <c r="VVW21" s="282" t="s">
        <v>3816</v>
      </c>
      <c r="VVX21" s="282" t="s">
        <v>3816</v>
      </c>
      <c r="VVY21" s="282" t="s">
        <v>3816</v>
      </c>
      <c r="VVZ21" s="282" t="s">
        <v>3816</v>
      </c>
      <c r="VWA21" s="282" t="s">
        <v>3816</v>
      </c>
      <c r="VWB21" s="282" t="s">
        <v>3816</v>
      </c>
      <c r="VWC21" s="282" t="s">
        <v>3816</v>
      </c>
      <c r="VWD21" s="282" t="s">
        <v>3816</v>
      </c>
      <c r="VWE21" s="282" t="s">
        <v>3816</v>
      </c>
      <c r="VWF21" s="282" t="s">
        <v>3816</v>
      </c>
      <c r="VWG21" s="282" t="s">
        <v>3816</v>
      </c>
      <c r="VWH21" s="282" t="s">
        <v>3816</v>
      </c>
      <c r="VWI21" s="282" t="s">
        <v>3816</v>
      </c>
      <c r="VWJ21" s="282" t="s">
        <v>3816</v>
      </c>
      <c r="VWK21" s="282" t="s">
        <v>3816</v>
      </c>
      <c r="VWL21" s="282" t="s">
        <v>3816</v>
      </c>
      <c r="VWM21" s="282" t="s">
        <v>3816</v>
      </c>
      <c r="VWN21" s="282" t="s">
        <v>3816</v>
      </c>
      <c r="VWO21" s="282" t="s">
        <v>3816</v>
      </c>
      <c r="VWP21" s="282" t="s">
        <v>3816</v>
      </c>
      <c r="VWQ21" s="282" t="s">
        <v>3816</v>
      </c>
      <c r="VWR21" s="282" t="s">
        <v>3816</v>
      </c>
      <c r="VWS21" s="282" t="s">
        <v>3816</v>
      </c>
      <c r="VWT21" s="282" t="s">
        <v>3816</v>
      </c>
      <c r="VWU21" s="282" t="s">
        <v>3816</v>
      </c>
      <c r="VWV21" s="282" t="s">
        <v>3816</v>
      </c>
      <c r="VWW21" s="282" t="s">
        <v>3816</v>
      </c>
      <c r="VWX21" s="282" t="s">
        <v>3816</v>
      </c>
      <c r="VWY21" s="282" t="s">
        <v>3816</v>
      </c>
      <c r="VWZ21" s="282" t="s">
        <v>3816</v>
      </c>
      <c r="VXA21" s="282" t="s">
        <v>3816</v>
      </c>
      <c r="VXB21" s="282" t="s">
        <v>3816</v>
      </c>
      <c r="VXC21" s="282" t="s">
        <v>3816</v>
      </c>
      <c r="VXD21" s="282" t="s">
        <v>3816</v>
      </c>
      <c r="VXE21" s="282" t="s">
        <v>3816</v>
      </c>
      <c r="VXF21" s="282" t="s">
        <v>3816</v>
      </c>
      <c r="VXG21" s="282" t="s">
        <v>3816</v>
      </c>
      <c r="VXH21" s="282" t="s">
        <v>3816</v>
      </c>
      <c r="VXI21" s="282" t="s">
        <v>3816</v>
      </c>
      <c r="VXJ21" s="282" t="s">
        <v>3816</v>
      </c>
      <c r="VXK21" s="282" t="s">
        <v>3816</v>
      </c>
      <c r="VXL21" s="282" t="s">
        <v>3816</v>
      </c>
      <c r="VXM21" s="282" t="s">
        <v>3816</v>
      </c>
      <c r="VXN21" s="282" t="s">
        <v>3816</v>
      </c>
      <c r="VXO21" s="282" t="s">
        <v>3816</v>
      </c>
      <c r="VXP21" s="282" t="s">
        <v>3816</v>
      </c>
      <c r="VXQ21" s="282" t="s">
        <v>3816</v>
      </c>
      <c r="VXR21" s="282" t="s">
        <v>3816</v>
      </c>
      <c r="VXS21" s="282" t="s">
        <v>3816</v>
      </c>
      <c r="VXT21" s="282" t="s">
        <v>3816</v>
      </c>
      <c r="VXU21" s="282" t="s">
        <v>3816</v>
      </c>
      <c r="VXV21" s="282" t="s">
        <v>3816</v>
      </c>
      <c r="VXW21" s="282" t="s">
        <v>3816</v>
      </c>
      <c r="VXX21" s="282" t="s">
        <v>3816</v>
      </c>
      <c r="VXY21" s="282" t="s">
        <v>3816</v>
      </c>
      <c r="VXZ21" s="282" t="s">
        <v>3816</v>
      </c>
      <c r="VYA21" s="282" t="s">
        <v>3816</v>
      </c>
      <c r="VYB21" s="282" t="s">
        <v>3816</v>
      </c>
      <c r="VYC21" s="282" t="s">
        <v>3816</v>
      </c>
      <c r="VYD21" s="282" t="s">
        <v>3816</v>
      </c>
      <c r="VYE21" s="282" t="s">
        <v>3816</v>
      </c>
      <c r="VYF21" s="282" t="s">
        <v>3816</v>
      </c>
      <c r="VYG21" s="282" t="s">
        <v>3816</v>
      </c>
      <c r="VYH21" s="282" t="s">
        <v>3816</v>
      </c>
      <c r="VYI21" s="282" t="s">
        <v>3816</v>
      </c>
      <c r="VYJ21" s="282" t="s">
        <v>3816</v>
      </c>
      <c r="VYK21" s="282" t="s">
        <v>3816</v>
      </c>
      <c r="VYL21" s="282" t="s">
        <v>3816</v>
      </c>
      <c r="VYM21" s="282" t="s">
        <v>3816</v>
      </c>
      <c r="VYN21" s="282" t="s">
        <v>3816</v>
      </c>
      <c r="VYO21" s="282" t="s">
        <v>3816</v>
      </c>
      <c r="VYP21" s="282" t="s">
        <v>3816</v>
      </c>
      <c r="VYQ21" s="282" t="s">
        <v>3816</v>
      </c>
      <c r="VYR21" s="282" t="s">
        <v>3816</v>
      </c>
      <c r="VYS21" s="282" t="s">
        <v>3816</v>
      </c>
      <c r="VYT21" s="282" t="s">
        <v>3816</v>
      </c>
      <c r="VYU21" s="282" t="s">
        <v>3816</v>
      </c>
      <c r="VYV21" s="282" t="s">
        <v>3816</v>
      </c>
      <c r="VYW21" s="282" t="s">
        <v>3816</v>
      </c>
      <c r="VYX21" s="282" t="s">
        <v>3816</v>
      </c>
      <c r="VYY21" s="282" t="s">
        <v>3816</v>
      </c>
      <c r="VYZ21" s="282" t="s">
        <v>3816</v>
      </c>
      <c r="VZA21" s="282" t="s">
        <v>3816</v>
      </c>
      <c r="VZB21" s="282" t="s">
        <v>3816</v>
      </c>
      <c r="VZC21" s="282" t="s">
        <v>3816</v>
      </c>
      <c r="VZD21" s="282" t="s">
        <v>3816</v>
      </c>
      <c r="VZE21" s="282" t="s">
        <v>3816</v>
      </c>
      <c r="VZF21" s="282" t="s">
        <v>3816</v>
      </c>
      <c r="VZG21" s="282" t="s">
        <v>3816</v>
      </c>
      <c r="VZH21" s="282" t="s">
        <v>3816</v>
      </c>
      <c r="VZI21" s="282" t="s">
        <v>3816</v>
      </c>
      <c r="VZJ21" s="282" t="s">
        <v>3816</v>
      </c>
      <c r="VZK21" s="282" t="s">
        <v>3816</v>
      </c>
      <c r="VZL21" s="282" t="s">
        <v>3816</v>
      </c>
      <c r="VZM21" s="282" t="s">
        <v>3816</v>
      </c>
      <c r="VZN21" s="282" t="s">
        <v>3816</v>
      </c>
      <c r="VZO21" s="282" t="s">
        <v>3816</v>
      </c>
      <c r="VZP21" s="282" t="s">
        <v>3816</v>
      </c>
      <c r="VZQ21" s="282" t="s">
        <v>3816</v>
      </c>
      <c r="VZR21" s="282" t="s">
        <v>3816</v>
      </c>
      <c r="VZS21" s="282" t="s">
        <v>3816</v>
      </c>
      <c r="VZT21" s="282" t="s">
        <v>3816</v>
      </c>
      <c r="VZU21" s="282" t="s">
        <v>3816</v>
      </c>
      <c r="VZV21" s="282" t="s">
        <v>3816</v>
      </c>
      <c r="VZW21" s="282" t="s">
        <v>3816</v>
      </c>
      <c r="VZX21" s="282" t="s">
        <v>3816</v>
      </c>
      <c r="VZY21" s="282" t="s">
        <v>3816</v>
      </c>
      <c r="VZZ21" s="282" t="s">
        <v>3816</v>
      </c>
      <c r="WAA21" s="282" t="s">
        <v>3816</v>
      </c>
      <c r="WAB21" s="282" t="s">
        <v>3816</v>
      </c>
      <c r="WAC21" s="282" t="s">
        <v>3816</v>
      </c>
      <c r="WAD21" s="282" t="s">
        <v>3816</v>
      </c>
      <c r="WAE21" s="282" t="s">
        <v>3816</v>
      </c>
      <c r="WAF21" s="282" t="s">
        <v>3816</v>
      </c>
      <c r="WAG21" s="282" t="s">
        <v>3816</v>
      </c>
      <c r="WAH21" s="282" t="s">
        <v>3816</v>
      </c>
      <c r="WAI21" s="282" t="s">
        <v>3816</v>
      </c>
      <c r="WAJ21" s="282" t="s">
        <v>3816</v>
      </c>
      <c r="WAK21" s="282" t="s">
        <v>3816</v>
      </c>
      <c r="WAL21" s="282" t="s">
        <v>3816</v>
      </c>
      <c r="WAM21" s="282" t="s">
        <v>3816</v>
      </c>
      <c r="WAN21" s="282" t="s">
        <v>3816</v>
      </c>
      <c r="WAO21" s="282" t="s">
        <v>3816</v>
      </c>
      <c r="WAP21" s="282" t="s">
        <v>3816</v>
      </c>
      <c r="WAQ21" s="282" t="s">
        <v>3816</v>
      </c>
      <c r="WAR21" s="282" t="s">
        <v>3816</v>
      </c>
      <c r="WAS21" s="282" t="s">
        <v>3816</v>
      </c>
      <c r="WAT21" s="282" t="s">
        <v>3816</v>
      </c>
      <c r="WAU21" s="282" t="s">
        <v>3816</v>
      </c>
      <c r="WAV21" s="282" t="s">
        <v>3816</v>
      </c>
      <c r="WAW21" s="282" t="s">
        <v>3816</v>
      </c>
      <c r="WAX21" s="282" t="s">
        <v>3816</v>
      </c>
      <c r="WAY21" s="282" t="s">
        <v>3816</v>
      </c>
      <c r="WAZ21" s="282" t="s">
        <v>3816</v>
      </c>
      <c r="WBA21" s="282" t="s">
        <v>3816</v>
      </c>
      <c r="WBB21" s="282" t="s">
        <v>3816</v>
      </c>
      <c r="WBC21" s="282" t="s">
        <v>3816</v>
      </c>
      <c r="WBD21" s="282" t="s">
        <v>3816</v>
      </c>
      <c r="WBE21" s="282" t="s">
        <v>3816</v>
      </c>
      <c r="WBF21" s="282" t="s">
        <v>3816</v>
      </c>
      <c r="WBG21" s="282" t="s">
        <v>3816</v>
      </c>
      <c r="WBH21" s="282" t="s">
        <v>3816</v>
      </c>
      <c r="WBI21" s="282" t="s">
        <v>3816</v>
      </c>
      <c r="WBJ21" s="282" t="s">
        <v>3816</v>
      </c>
      <c r="WBK21" s="282" t="s">
        <v>3816</v>
      </c>
      <c r="WBL21" s="282" t="s">
        <v>3816</v>
      </c>
      <c r="WBM21" s="282" t="s">
        <v>3816</v>
      </c>
      <c r="WBN21" s="282" t="s">
        <v>3816</v>
      </c>
      <c r="WBO21" s="282" t="s">
        <v>3816</v>
      </c>
      <c r="WBP21" s="282" t="s">
        <v>3816</v>
      </c>
      <c r="WBQ21" s="282" t="s">
        <v>3816</v>
      </c>
      <c r="WBR21" s="282" t="s">
        <v>3816</v>
      </c>
      <c r="WBS21" s="282" t="s">
        <v>3816</v>
      </c>
      <c r="WBT21" s="282" t="s">
        <v>3816</v>
      </c>
      <c r="WBU21" s="282" t="s">
        <v>3816</v>
      </c>
      <c r="WBV21" s="282" t="s">
        <v>3816</v>
      </c>
      <c r="WBW21" s="282" t="s">
        <v>3816</v>
      </c>
      <c r="WBX21" s="282" t="s">
        <v>3816</v>
      </c>
      <c r="WBY21" s="282" t="s">
        <v>3816</v>
      </c>
      <c r="WBZ21" s="282" t="s">
        <v>3816</v>
      </c>
      <c r="WCA21" s="282" t="s">
        <v>3816</v>
      </c>
      <c r="WCB21" s="282" t="s">
        <v>3816</v>
      </c>
      <c r="WCC21" s="282" t="s">
        <v>3816</v>
      </c>
      <c r="WCD21" s="282" t="s">
        <v>3816</v>
      </c>
      <c r="WCE21" s="282" t="s">
        <v>3816</v>
      </c>
      <c r="WCF21" s="282" t="s">
        <v>3816</v>
      </c>
      <c r="WCG21" s="282" t="s">
        <v>3816</v>
      </c>
      <c r="WCH21" s="282" t="s">
        <v>3816</v>
      </c>
      <c r="WCI21" s="282" t="s">
        <v>3816</v>
      </c>
      <c r="WCJ21" s="282" t="s">
        <v>3816</v>
      </c>
      <c r="WCK21" s="282" t="s">
        <v>3816</v>
      </c>
      <c r="WCL21" s="282" t="s">
        <v>3816</v>
      </c>
      <c r="WCM21" s="282" t="s">
        <v>3816</v>
      </c>
      <c r="WCN21" s="282" t="s">
        <v>3816</v>
      </c>
      <c r="WCO21" s="282" t="s">
        <v>3816</v>
      </c>
      <c r="WCP21" s="282" t="s">
        <v>3816</v>
      </c>
      <c r="WCQ21" s="282" t="s">
        <v>3816</v>
      </c>
      <c r="WCR21" s="282" t="s">
        <v>3816</v>
      </c>
      <c r="WCS21" s="282" t="s">
        <v>3816</v>
      </c>
      <c r="WCT21" s="282" t="s">
        <v>3816</v>
      </c>
      <c r="WCU21" s="282" t="s">
        <v>3816</v>
      </c>
      <c r="WCV21" s="282" t="s">
        <v>3816</v>
      </c>
      <c r="WCW21" s="282" t="s">
        <v>3816</v>
      </c>
      <c r="WCX21" s="282" t="s">
        <v>3816</v>
      </c>
      <c r="WCY21" s="282" t="s">
        <v>3816</v>
      </c>
      <c r="WCZ21" s="282" t="s">
        <v>3816</v>
      </c>
      <c r="WDA21" s="282" t="s">
        <v>3816</v>
      </c>
      <c r="WDB21" s="282" t="s">
        <v>3816</v>
      </c>
      <c r="WDC21" s="282" t="s">
        <v>3816</v>
      </c>
      <c r="WDD21" s="282" t="s">
        <v>3816</v>
      </c>
      <c r="WDE21" s="282" t="s">
        <v>3816</v>
      </c>
      <c r="WDF21" s="282" t="s">
        <v>3816</v>
      </c>
      <c r="WDG21" s="282" t="s">
        <v>3816</v>
      </c>
      <c r="WDH21" s="282" t="s">
        <v>3816</v>
      </c>
      <c r="WDI21" s="282" t="s">
        <v>3816</v>
      </c>
      <c r="WDJ21" s="282" t="s">
        <v>3816</v>
      </c>
      <c r="WDK21" s="282" t="s">
        <v>3816</v>
      </c>
      <c r="WDL21" s="282" t="s">
        <v>3816</v>
      </c>
      <c r="WDM21" s="282" t="s">
        <v>3816</v>
      </c>
      <c r="WDN21" s="282" t="s">
        <v>3816</v>
      </c>
      <c r="WDO21" s="282" t="s">
        <v>3816</v>
      </c>
      <c r="WDP21" s="282" t="s">
        <v>3816</v>
      </c>
      <c r="WDQ21" s="282" t="s">
        <v>3816</v>
      </c>
      <c r="WDR21" s="282" t="s">
        <v>3816</v>
      </c>
      <c r="WDS21" s="282" t="s">
        <v>3816</v>
      </c>
      <c r="WDT21" s="282" t="s">
        <v>3816</v>
      </c>
      <c r="WDU21" s="282" t="s">
        <v>3816</v>
      </c>
      <c r="WDV21" s="282" t="s">
        <v>3816</v>
      </c>
      <c r="WDW21" s="282" t="s">
        <v>3816</v>
      </c>
      <c r="WDX21" s="282" t="s">
        <v>3816</v>
      </c>
      <c r="WDY21" s="282" t="s">
        <v>3816</v>
      </c>
      <c r="WDZ21" s="282" t="s">
        <v>3816</v>
      </c>
      <c r="WEA21" s="282" t="s">
        <v>3816</v>
      </c>
      <c r="WEB21" s="282" t="s">
        <v>3816</v>
      </c>
      <c r="WEC21" s="282" t="s">
        <v>3816</v>
      </c>
      <c r="WED21" s="282" t="s">
        <v>3816</v>
      </c>
      <c r="WEE21" s="282" t="s">
        <v>3816</v>
      </c>
      <c r="WEF21" s="282" t="s">
        <v>3816</v>
      </c>
      <c r="WEG21" s="282" t="s">
        <v>3816</v>
      </c>
      <c r="WEH21" s="282" t="s">
        <v>3816</v>
      </c>
      <c r="WEI21" s="282" t="s">
        <v>3816</v>
      </c>
      <c r="WEJ21" s="282" t="s">
        <v>3816</v>
      </c>
      <c r="WEK21" s="282" t="s">
        <v>3816</v>
      </c>
      <c r="WEL21" s="282" t="s">
        <v>3816</v>
      </c>
      <c r="WEM21" s="282" t="s">
        <v>3816</v>
      </c>
      <c r="WEN21" s="282" t="s">
        <v>3816</v>
      </c>
      <c r="WEO21" s="282" t="s">
        <v>3816</v>
      </c>
      <c r="WEP21" s="282" t="s">
        <v>3816</v>
      </c>
      <c r="WEQ21" s="282" t="s">
        <v>3816</v>
      </c>
      <c r="WER21" s="282" t="s">
        <v>3816</v>
      </c>
      <c r="WES21" s="282" t="s">
        <v>3816</v>
      </c>
      <c r="WET21" s="282" t="s">
        <v>3816</v>
      </c>
      <c r="WEU21" s="282" t="s">
        <v>3816</v>
      </c>
      <c r="WEV21" s="282" t="s">
        <v>3816</v>
      </c>
      <c r="WEW21" s="282" t="s">
        <v>3816</v>
      </c>
      <c r="WEX21" s="282" t="s">
        <v>3816</v>
      </c>
      <c r="WEY21" s="282" t="s">
        <v>3816</v>
      </c>
      <c r="WEZ21" s="282" t="s">
        <v>3816</v>
      </c>
      <c r="WFA21" s="282" t="s">
        <v>3816</v>
      </c>
      <c r="WFB21" s="282" t="s">
        <v>3816</v>
      </c>
      <c r="WFC21" s="282" t="s">
        <v>3816</v>
      </c>
      <c r="WFD21" s="282" t="s">
        <v>3816</v>
      </c>
      <c r="WFE21" s="282" t="s">
        <v>3816</v>
      </c>
      <c r="WFF21" s="282" t="s">
        <v>3816</v>
      </c>
      <c r="WFG21" s="282" t="s">
        <v>3816</v>
      </c>
      <c r="WFH21" s="282" t="s">
        <v>3816</v>
      </c>
      <c r="WFI21" s="282" t="s">
        <v>3816</v>
      </c>
      <c r="WFJ21" s="282" t="s">
        <v>3816</v>
      </c>
      <c r="WFK21" s="282" t="s">
        <v>3816</v>
      </c>
      <c r="WFL21" s="282" t="s">
        <v>3816</v>
      </c>
      <c r="WFM21" s="282" t="s">
        <v>3816</v>
      </c>
      <c r="WFN21" s="282" t="s">
        <v>3816</v>
      </c>
      <c r="WFO21" s="282" t="s">
        <v>3816</v>
      </c>
      <c r="WFP21" s="282" t="s">
        <v>3816</v>
      </c>
      <c r="WFQ21" s="282" t="s">
        <v>3816</v>
      </c>
      <c r="WFR21" s="282" t="s">
        <v>3816</v>
      </c>
      <c r="WFS21" s="282" t="s">
        <v>3816</v>
      </c>
      <c r="WFT21" s="282" t="s">
        <v>3816</v>
      </c>
      <c r="WFU21" s="282" t="s">
        <v>3816</v>
      </c>
      <c r="WFV21" s="282" t="s">
        <v>3816</v>
      </c>
      <c r="WFW21" s="282" t="s">
        <v>3816</v>
      </c>
      <c r="WFX21" s="282" t="s">
        <v>3816</v>
      </c>
      <c r="WFY21" s="282" t="s">
        <v>3816</v>
      </c>
      <c r="WFZ21" s="282" t="s">
        <v>3816</v>
      </c>
      <c r="WGA21" s="282" t="s">
        <v>3816</v>
      </c>
      <c r="WGB21" s="282" t="s">
        <v>3816</v>
      </c>
      <c r="WGC21" s="282" t="s">
        <v>3816</v>
      </c>
      <c r="WGD21" s="282" t="s">
        <v>3816</v>
      </c>
      <c r="WGE21" s="282" t="s">
        <v>3816</v>
      </c>
      <c r="WGF21" s="282" t="s">
        <v>3816</v>
      </c>
      <c r="WGG21" s="282" t="s">
        <v>3816</v>
      </c>
      <c r="WGH21" s="282" t="s">
        <v>3816</v>
      </c>
      <c r="WGI21" s="282" t="s">
        <v>3816</v>
      </c>
      <c r="WGJ21" s="282" t="s">
        <v>3816</v>
      </c>
      <c r="WGK21" s="282" t="s">
        <v>3816</v>
      </c>
      <c r="WGL21" s="282" t="s">
        <v>3816</v>
      </c>
      <c r="WGM21" s="282" t="s">
        <v>3816</v>
      </c>
      <c r="WGN21" s="282" t="s">
        <v>3816</v>
      </c>
      <c r="WGO21" s="282" t="s">
        <v>3816</v>
      </c>
      <c r="WGP21" s="282" t="s">
        <v>3816</v>
      </c>
      <c r="WGQ21" s="282" t="s">
        <v>3816</v>
      </c>
      <c r="WGR21" s="282" t="s">
        <v>3816</v>
      </c>
      <c r="WGS21" s="282" t="s">
        <v>3816</v>
      </c>
      <c r="WGT21" s="282" t="s">
        <v>3816</v>
      </c>
      <c r="WGU21" s="282" t="s">
        <v>3816</v>
      </c>
      <c r="WGV21" s="282" t="s">
        <v>3816</v>
      </c>
      <c r="WGW21" s="282" t="s">
        <v>3816</v>
      </c>
      <c r="WGX21" s="282" t="s">
        <v>3816</v>
      </c>
      <c r="WGY21" s="282" t="s">
        <v>3816</v>
      </c>
      <c r="WGZ21" s="282" t="s">
        <v>3816</v>
      </c>
      <c r="WHA21" s="282" t="s">
        <v>3816</v>
      </c>
      <c r="WHB21" s="282" t="s">
        <v>3816</v>
      </c>
      <c r="WHC21" s="282" t="s">
        <v>3816</v>
      </c>
      <c r="WHD21" s="282" t="s">
        <v>3816</v>
      </c>
      <c r="WHE21" s="282" t="s">
        <v>3816</v>
      </c>
      <c r="WHF21" s="282" t="s">
        <v>3816</v>
      </c>
      <c r="WHG21" s="282" t="s">
        <v>3816</v>
      </c>
      <c r="WHH21" s="282" t="s">
        <v>3816</v>
      </c>
      <c r="WHI21" s="282" t="s">
        <v>3816</v>
      </c>
      <c r="WHJ21" s="282" t="s">
        <v>3816</v>
      </c>
      <c r="WHK21" s="282" t="s">
        <v>3816</v>
      </c>
      <c r="WHL21" s="282" t="s">
        <v>3816</v>
      </c>
      <c r="WHM21" s="282" t="s">
        <v>3816</v>
      </c>
      <c r="WHN21" s="282" t="s">
        <v>3816</v>
      </c>
      <c r="WHO21" s="282" t="s">
        <v>3816</v>
      </c>
      <c r="WHP21" s="282" t="s">
        <v>3816</v>
      </c>
      <c r="WHQ21" s="282" t="s">
        <v>3816</v>
      </c>
      <c r="WHR21" s="282" t="s">
        <v>3816</v>
      </c>
      <c r="WHS21" s="282" t="s">
        <v>3816</v>
      </c>
      <c r="WHT21" s="282" t="s">
        <v>3816</v>
      </c>
      <c r="WHU21" s="282" t="s">
        <v>3816</v>
      </c>
      <c r="WHV21" s="282" t="s">
        <v>3816</v>
      </c>
      <c r="WHW21" s="282" t="s">
        <v>3816</v>
      </c>
      <c r="WHX21" s="282" t="s">
        <v>3816</v>
      </c>
      <c r="WHY21" s="282" t="s">
        <v>3816</v>
      </c>
      <c r="WHZ21" s="282" t="s">
        <v>3816</v>
      </c>
      <c r="WIA21" s="282" t="s">
        <v>3816</v>
      </c>
      <c r="WIB21" s="282" t="s">
        <v>3816</v>
      </c>
      <c r="WIC21" s="282" t="s">
        <v>3816</v>
      </c>
      <c r="WID21" s="282" t="s">
        <v>3816</v>
      </c>
      <c r="WIE21" s="282" t="s">
        <v>3816</v>
      </c>
      <c r="WIF21" s="282" t="s">
        <v>3816</v>
      </c>
      <c r="WIG21" s="282" t="s">
        <v>3816</v>
      </c>
      <c r="WIH21" s="282" t="s">
        <v>3816</v>
      </c>
      <c r="WII21" s="282" t="s">
        <v>3816</v>
      </c>
      <c r="WIJ21" s="282" t="s">
        <v>3816</v>
      </c>
      <c r="WIK21" s="282" t="s">
        <v>3816</v>
      </c>
      <c r="WIL21" s="282" t="s">
        <v>3816</v>
      </c>
      <c r="WIM21" s="282" t="s">
        <v>3816</v>
      </c>
      <c r="WIN21" s="282" t="s">
        <v>3816</v>
      </c>
      <c r="WIO21" s="282" t="s">
        <v>3816</v>
      </c>
      <c r="WIP21" s="282" t="s">
        <v>3816</v>
      </c>
      <c r="WIQ21" s="282" t="s">
        <v>3816</v>
      </c>
      <c r="WIR21" s="282" t="s">
        <v>3816</v>
      </c>
      <c r="WIS21" s="282" t="s">
        <v>3816</v>
      </c>
      <c r="WIT21" s="282" t="s">
        <v>3816</v>
      </c>
      <c r="WIU21" s="282" t="s">
        <v>3816</v>
      </c>
      <c r="WIV21" s="282" t="s">
        <v>3816</v>
      </c>
      <c r="WIW21" s="282" t="s">
        <v>3816</v>
      </c>
      <c r="WIX21" s="282" t="s">
        <v>3816</v>
      </c>
      <c r="WIY21" s="282" t="s">
        <v>3816</v>
      </c>
      <c r="WIZ21" s="282" t="s">
        <v>3816</v>
      </c>
      <c r="WJA21" s="282" t="s">
        <v>3816</v>
      </c>
      <c r="WJB21" s="282" t="s">
        <v>3816</v>
      </c>
      <c r="WJC21" s="282" t="s">
        <v>3816</v>
      </c>
      <c r="WJD21" s="282" t="s">
        <v>3816</v>
      </c>
      <c r="WJE21" s="282" t="s">
        <v>3816</v>
      </c>
      <c r="WJF21" s="282" t="s">
        <v>3816</v>
      </c>
      <c r="WJG21" s="282" t="s">
        <v>3816</v>
      </c>
      <c r="WJH21" s="282" t="s">
        <v>3816</v>
      </c>
      <c r="WJI21" s="282" t="s">
        <v>3816</v>
      </c>
      <c r="WJJ21" s="282" t="s">
        <v>3816</v>
      </c>
      <c r="WJK21" s="282" t="s">
        <v>3816</v>
      </c>
      <c r="WJL21" s="282" t="s">
        <v>3816</v>
      </c>
      <c r="WJM21" s="282" t="s">
        <v>3816</v>
      </c>
      <c r="WJN21" s="282" t="s">
        <v>3816</v>
      </c>
      <c r="WJO21" s="282" t="s">
        <v>3816</v>
      </c>
      <c r="WJP21" s="282" t="s">
        <v>3816</v>
      </c>
      <c r="WJQ21" s="282" t="s">
        <v>3816</v>
      </c>
      <c r="WJR21" s="282" t="s">
        <v>3816</v>
      </c>
      <c r="WJS21" s="282" t="s">
        <v>3816</v>
      </c>
      <c r="WJT21" s="282" t="s">
        <v>3816</v>
      </c>
      <c r="WJU21" s="282" t="s">
        <v>3816</v>
      </c>
      <c r="WJV21" s="282" t="s">
        <v>3816</v>
      </c>
      <c r="WJW21" s="282" t="s">
        <v>3816</v>
      </c>
      <c r="WJX21" s="282" t="s">
        <v>3816</v>
      </c>
      <c r="WJY21" s="282" t="s">
        <v>3816</v>
      </c>
      <c r="WJZ21" s="282" t="s">
        <v>3816</v>
      </c>
      <c r="WKA21" s="282" t="s">
        <v>3816</v>
      </c>
      <c r="WKB21" s="282" t="s">
        <v>3816</v>
      </c>
      <c r="WKC21" s="282" t="s">
        <v>3816</v>
      </c>
      <c r="WKD21" s="282" t="s">
        <v>3816</v>
      </c>
      <c r="WKE21" s="282" t="s">
        <v>3816</v>
      </c>
      <c r="WKF21" s="282" t="s">
        <v>3816</v>
      </c>
      <c r="WKG21" s="282" t="s">
        <v>3816</v>
      </c>
      <c r="WKH21" s="282" t="s">
        <v>3816</v>
      </c>
      <c r="WKI21" s="282" t="s">
        <v>3816</v>
      </c>
      <c r="WKJ21" s="282" t="s">
        <v>3816</v>
      </c>
      <c r="WKK21" s="282" t="s">
        <v>3816</v>
      </c>
      <c r="WKL21" s="282" t="s">
        <v>3816</v>
      </c>
      <c r="WKM21" s="282" t="s">
        <v>3816</v>
      </c>
      <c r="WKN21" s="282" t="s">
        <v>3816</v>
      </c>
      <c r="WKO21" s="282" t="s">
        <v>3816</v>
      </c>
      <c r="WKP21" s="282" t="s">
        <v>3816</v>
      </c>
      <c r="WKQ21" s="282" t="s">
        <v>3816</v>
      </c>
      <c r="WKR21" s="282" t="s">
        <v>3816</v>
      </c>
      <c r="WKS21" s="282" t="s">
        <v>3816</v>
      </c>
      <c r="WKT21" s="282" t="s">
        <v>3816</v>
      </c>
      <c r="WKU21" s="282" t="s">
        <v>3816</v>
      </c>
      <c r="WKV21" s="282" t="s">
        <v>3816</v>
      </c>
      <c r="WKW21" s="282" t="s">
        <v>3816</v>
      </c>
      <c r="WKX21" s="282" t="s">
        <v>3816</v>
      </c>
      <c r="WKY21" s="282" t="s">
        <v>3816</v>
      </c>
      <c r="WKZ21" s="282" t="s">
        <v>3816</v>
      </c>
      <c r="WLA21" s="282" t="s">
        <v>3816</v>
      </c>
      <c r="WLB21" s="282" t="s">
        <v>3816</v>
      </c>
      <c r="WLC21" s="282" t="s">
        <v>3816</v>
      </c>
      <c r="WLD21" s="282" t="s">
        <v>3816</v>
      </c>
      <c r="WLE21" s="282" t="s">
        <v>3816</v>
      </c>
      <c r="WLF21" s="282" t="s">
        <v>3816</v>
      </c>
      <c r="WLG21" s="282" t="s">
        <v>3816</v>
      </c>
      <c r="WLH21" s="282" t="s">
        <v>3816</v>
      </c>
      <c r="WLI21" s="282" t="s">
        <v>3816</v>
      </c>
      <c r="WLJ21" s="282" t="s">
        <v>3816</v>
      </c>
      <c r="WLK21" s="282" t="s">
        <v>3816</v>
      </c>
      <c r="WLL21" s="282" t="s">
        <v>3816</v>
      </c>
      <c r="WLM21" s="282" t="s">
        <v>3816</v>
      </c>
      <c r="WLN21" s="282" t="s">
        <v>3816</v>
      </c>
      <c r="WLO21" s="282" t="s">
        <v>3816</v>
      </c>
      <c r="WLP21" s="282" t="s">
        <v>3816</v>
      </c>
      <c r="WLQ21" s="282" t="s">
        <v>3816</v>
      </c>
      <c r="WLR21" s="282" t="s">
        <v>3816</v>
      </c>
      <c r="WLS21" s="282" t="s">
        <v>3816</v>
      </c>
      <c r="WLT21" s="282" t="s">
        <v>3816</v>
      </c>
      <c r="WLU21" s="282" t="s">
        <v>3816</v>
      </c>
      <c r="WLV21" s="282" t="s">
        <v>3816</v>
      </c>
      <c r="WLW21" s="282" t="s">
        <v>3816</v>
      </c>
      <c r="WLX21" s="282" t="s">
        <v>3816</v>
      </c>
      <c r="WLY21" s="282" t="s">
        <v>3816</v>
      </c>
      <c r="WLZ21" s="282" t="s">
        <v>3816</v>
      </c>
      <c r="WMA21" s="282" t="s">
        <v>3816</v>
      </c>
      <c r="WMB21" s="282" t="s">
        <v>3816</v>
      </c>
      <c r="WMC21" s="282" t="s">
        <v>3816</v>
      </c>
      <c r="WMD21" s="282" t="s">
        <v>3816</v>
      </c>
      <c r="WME21" s="282" t="s">
        <v>3816</v>
      </c>
      <c r="WMF21" s="282" t="s">
        <v>3816</v>
      </c>
      <c r="WMG21" s="282" t="s">
        <v>3816</v>
      </c>
      <c r="WMH21" s="282" t="s">
        <v>3816</v>
      </c>
      <c r="WMI21" s="282" t="s">
        <v>3816</v>
      </c>
      <c r="WMJ21" s="282" t="s">
        <v>3816</v>
      </c>
      <c r="WMK21" s="282" t="s">
        <v>3816</v>
      </c>
      <c r="WML21" s="282" t="s">
        <v>3816</v>
      </c>
      <c r="WMM21" s="282" t="s">
        <v>3816</v>
      </c>
      <c r="WMN21" s="282" t="s">
        <v>3816</v>
      </c>
      <c r="WMO21" s="282" t="s">
        <v>3816</v>
      </c>
      <c r="WMP21" s="282" t="s">
        <v>3816</v>
      </c>
      <c r="WMQ21" s="282" t="s">
        <v>3816</v>
      </c>
      <c r="WMR21" s="282" t="s">
        <v>3816</v>
      </c>
      <c r="WMS21" s="282" t="s">
        <v>3816</v>
      </c>
      <c r="WMT21" s="282" t="s">
        <v>3816</v>
      </c>
      <c r="WMU21" s="282" t="s">
        <v>3816</v>
      </c>
      <c r="WMV21" s="282" t="s">
        <v>3816</v>
      </c>
      <c r="WMW21" s="282" t="s">
        <v>3816</v>
      </c>
      <c r="WMX21" s="282" t="s">
        <v>3816</v>
      </c>
      <c r="WMY21" s="282" t="s">
        <v>3816</v>
      </c>
      <c r="WMZ21" s="282" t="s">
        <v>3816</v>
      </c>
      <c r="WNA21" s="282" t="s">
        <v>3816</v>
      </c>
      <c r="WNB21" s="282" t="s">
        <v>3816</v>
      </c>
      <c r="WNC21" s="282" t="s">
        <v>3816</v>
      </c>
      <c r="WND21" s="282" t="s">
        <v>3816</v>
      </c>
      <c r="WNE21" s="282" t="s">
        <v>3816</v>
      </c>
      <c r="WNF21" s="282" t="s">
        <v>3816</v>
      </c>
      <c r="WNG21" s="282" t="s">
        <v>3816</v>
      </c>
      <c r="WNH21" s="282" t="s">
        <v>3816</v>
      </c>
      <c r="WNI21" s="282" t="s">
        <v>3816</v>
      </c>
      <c r="WNJ21" s="282" t="s">
        <v>3816</v>
      </c>
      <c r="WNK21" s="282" t="s">
        <v>3816</v>
      </c>
      <c r="WNL21" s="282" t="s">
        <v>3816</v>
      </c>
      <c r="WNM21" s="282" t="s">
        <v>3816</v>
      </c>
      <c r="WNN21" s="282" t="s">
        <v>3816</v>
      </c>
      <c r="WNO21" s="282" t="s">
        <v>3816</v>
      </c>
      <c r="WNP21" s="282" t="s">
        <v>3816</v>
      </c>
      <c r="WNQ21" s="282" t="s">
        <v>3816</v>
      </c>
      <c r="WNR21" s="282" t="s">
        <v>3816</v>
      </c>
      <c r="WNS21" s="282" t="s">
        <v>3816</v>
      </c>
      <c r="WNT21" s="282" t="s">
        <v>3816</v>
      </c>
      <c r="WNU21" s="282" t="s">
        <v>3816</v>
      </c>
      <c r="WNV21" s="282" t="s">
        <v>3816</v>
      </c>
      <c r="WNW21" s="282" t="s">
        <v>3816</v>
      </c>
      <c r="WNX21" s="282" t="s">
        <v>3816</v>
      </c>
      <c r="WNY21" s="282" t="s">
        <v>3816</v>
      </c>
      <c r="WNZ21" s="282" t="s">
        <v>3816</v>
      </c>
      <c r="WOA21" s="282" t="s">
        <v>3816</v>
      </c>
      <c r="WOB21" s="282" t="s">
        <v>3816</v>
      </c>
      <c r="WOC21" s="282" t="s">
        <v>3816</v>
      </c>
      <c r="WOD21" s="282" t="s">
        <v>3816</v>
      </c>
      <c r="WOE21" s="282" t="s">
        <v>3816</v>
      </c>
      <c r="WOF21" s="282" t="s">
        <v>3816</v>
      </c>
      <c r="WOG21" s="282" t="s">
        <v>3816</v>
      </c>
      <c r="WOH21" s="282" t="s">
        <v>3816</v>
      </c>
      <c r="WOI21" s="282" t="s">
        <v>3816</v>
      </c>
      <c r="WOJ21" s="282" t="s">
        <v>3816</v>
      </c>
      <c r="WOK21" s="282" t="s">
        <v>3816</v>
      </c>
      <c r="WOL21" s="282" t="s">
        <v>3816</v>
      </c>
      <c r="WOM21" s="282" t="s">
        <v>3816</v>
      </c>
      <c r="WON21" s="282" t="s">
        <v>3816</v>
      </c>
      <c r="WOO21" s="282" t="s">
        <v>3816</v>
      </c>
      <c r="WOP21" s="282" t="s">
        <v>3816</v>
      </c>
      <c r="WOQ21" s="282" t="s">
        <v>3816</v>
      </c>
      <c r="WOR21" s="282" t="s">
        <v>3816</v>
      </c>
      <c r="WOS21" s="282" t="s">
        <v>3816</v>
      </c>
      <c r="WOT21" s="282" t="s">
        <v>3816</v>
      </c>
      <c r="WOU21" s="282" t="s">
        <v>3816</v>
      </c>
      <c r="WOV21" s="282" t="s">
        <v>3816</v>
      </c>
      <c r="WOW21" s="282" t="s">
        <v>3816</v>
      </c>
      <c r="WOX21" s="282" t="s">
        <v>3816</v>
      </c>
      <c r="WOY21" s="282" t="s">
        <v>3816</v>
      </c>
      <c r="WOZ21" s="282" t="s">
        <v>3816</v>
      </c>
      <c r="WPA21" s="282" t="s">
        <v>3816</v>
      </c>
      <c r="WPB21" s="282" t="s">
        <v>3816</v>
      </c>
      <c r="WPC21" s="282" t="s">
        <v>3816</v>
      </c>
      <c r="WPD21" s="282" t="s">
        <v>3816</v>
      </c>
      <c r="WPE21" s="282" t="s">
        <v>3816</v>
      </c>
      <c r="WPF21" s="282" t="s">
        <v>3816</v>
      </c>
      <c r="WPG21" s="282" t="s">
        <v>3816</v>
      </c>
      <c r="WPH21" s="282" t="s">
        <v>3816</v>
      </c>
      <c r="WPI21" s="282" t="s">
        <v>3816</v>
      </c>
      <c r="WPJ21" s="282" t="s">
        <v>3816</v>
      </c>
      <c r="WPK21" s="282" t="s">
        <v>3816</v>
      </c>
      <c r="WPL21" s="282" t="s">
        <v>3816</v>
      </c>
      <c r="WPM21" s="282" t="s">
        <v>3816</v>
      </c>
      <c r="WPN21" s="282" t="s">
        <v>3816</v>
      </c>
      <c r="WPO21" s="282" t="s">
        <v>3816</v>
      </c>
      <c r="WPP21" s="282" t="s">
        <v>3816</v>
      </c>
      <c r="WPQ21" s="282" t="s">
        <v>3816</v>
      </c>
      <c r="WPR21" s="282" t="s">
        <v>3816</v>
      </c>
      <c r="WPS21" s="282" t="s">
        <v>3816</v>
      </c>
      <c r="WPT21" s="282" t="s">
        <v>3816</v>
      </c>
      <c r="WPU21" s="282" t="s">
        <v>3816</v>
      </c>
      <c r="WPV21" s="282" t="s">
        <v>3816</v>
      </c>
      <c r="WPW21" s="282" t="s">
        <v>3816</v>
      </c>
      <c r="WPX21" s="282" t="s">
        <v>3816</v>
      </c>
      <c r="WPY21" s="282" t="s">
        <v>3816</v>
      </c>
      <c r="WPZ21" s="282" t="s">
        <v>3816</v>
      </c>
      <c r="WQA21" s="282" t="s">
        <v>3816</v>
      </c>
      <c r="WQB21" s="282" t="s">
        <v>3816</v>
      </c>
      <c r="WQC21" s="282" t="s">
        <v>3816</v>
      </c>
      <c r="WQD21" s="282" t="s">
        <v>3816</v>
      </c>
      <c r="WQE21" s="282" t="s">
        <v>3816</v>
      </c>
      <c r="WQF21" s="282" t="s">
        <v>3816</v>
      </c>
      <c r="WQG21" s="282" t="s">
        <v>3816</v>
      </c>
      <c r="WQH21" s="282" t="s">
        <v>3816</v>
      </c>
      <c r="WQI21" s="282" t="s">
        <v>3816</v>
      </c>
      <c r="WQJ21" s="282" t="s">
        <v>3816</v>
      </c>
      <c r="WQK21" s="282" t="s">
        <v>3816</v>
      </c>
      <c r="WQL21" s="282" t="s">
        <v>3816</v>
      </c>
      <c r="WQM21" s="282" t="s">
        <v>3816</v>
      </c>
      <c r="WQN21" s="282" t="s">
        <v>3816</v>
      </c>
      <c r="WQO21" s="282" t="s">
        <v>3816</v>
      </c>
      <c r="WQP21" s="282" t="s">
        <v>3816</v>
      </c>
      <c r="WQQ21" s="282" t="s">
        <v>3816</v>
      </c>
      <c r="WQR21" s="282" t="s">
        <v>3816</v>
      </c>
      <c r="WQS21" s="282" t="s">
        <v>3816</v>
      </c>
      <c r="WQT21" s="282" t="s">
        <v>3816</v>
      </c>
      <c r="WQU21" s="282" t="s">
        <v>3816</v>
      </c>
      <c r="WQV21" s="282" t="s">
        <v>3816</v>
      </c>
      <c r="WQW21" s="282" t="s">
        <v>3816</v>
      </c>
      <c r="WQX21" s="282" t="s">
        <v>3816</v>
      </c>
      <c r="WQY21" s="282" t="s">
        <v>3816</v>
      </c>
      <c r="WQZ21" s="282" t="s">
        <v>3816</v>
      </c>
      <c r="WRA21" s="282" t="s">
        <v>3816</v>
      </c>
      <c r="WRB21" s="282" t="s">
        <v>3816</v>
      </c>
      <c r="WRC21" s="282" t="s">
        <v>3816</v>
      </c>
      <c r="WRD21" s="282" t="s">
        <v>3816</v>
      </c>
      <c r="WRE21" s="282" t="s">
        <v>3816</v>
      </c>
      <c r="WRF21" s="282" t="s">
        <v>3816</v>
      </c>
      <c r="WRG21" s="282" t="s">
        <v>3816</v>
      </c>
      <c r="WRH21" s="282" t="s">
        <v>3816</v>
      </c>
      <c r="WRI21" s="282" t="s">
        <v>3816</v>
      </c>
      <c r="WRJ21" s="282" t="s">
        <v>3816</v>
      </c>
      <c r="WRK21" s="282" t="s">
        <v>3816</v>
      </c>
      <c r="WRL21" s="282" t="s">
        <v>3816</v>
      </c>
      <c r="WRM21" s="282" t="s">
        <v>3816</v>
      </c>
      <c r="WRN21" s="282" t="s">
        <v>3816</v>
      </c>
      <c r="WRO21" s="282" t="s">
        <v>3816</v>
      </c>
      <c r="WRP21" s="282" t="s">
        <v>3816</v>
      </c>
      <c r="WRQ21" s="282" t="s">
        <v>3816</v>
      </c>
      <c r="WRR21" s="282" t="s">
        <v>3816</v>
      </c>
      <c r="WRS21" s="282" t="s">
        <v>3816</v>
      </c>
      <c r="WRT21" s="282" t="s">
        <v>3816</v>
      </c>
      <c r="WRU21" s="282" t="s">
        <v>3816</v>
      </c>
      <c r="WRV21" s="282" t="s">
        <v>3816</v>
      </c>
      <c r="WRW21" s="282" t="s">
        <v>3816</v>
      </c>
      <c r="WRX21" s="282" t="s">
        <v>3816</v>
      </c>
      <c r="WRY21" s="282" t="s">
        <v>3816</v>
      </c>
      <c r="WRZ21" s="282" t="s">
        <v>3816</v>
      </c>
      <c r="WSA21" s="282" t="s">
        <v>3816</v>
      </c>
      <c r="WSB21" s="282" t="s">
        <v>3816</v>
      </c>
      <c r="WSC21" s="282" t="s">
        <v>3816</v>
      </c>
      <c r="WSD21" s="282" t="s">
        <v>3816</v>
      </c>
      <c r="WSE21" s="282" t="s">
        <v>3816</v>
      </c>
      <c r="WSF21" s="282" t="s">
        <v>3816</v>
      </c>
      <c r="WSG21" s="282" t="s">
        <v>3816</v>
      </c>
      <c r="WSH21" s="282" t="s">
        <v>3816</v>
      </c>
      <c r="WSI21" s="282" t="s">
        <v>3816</v>
      </c>
      <c r="WSJ21" s="282" t="s">
        <v>3816</v>
      </c>
      <c r="WSK21" s="282" t="s">
        <v>3816</v>
      </c>
      <c r="WSL21" s="282" t="s">
        <v>3816</v>
      </c>
      <c r="WSM21" s="282" t="s">
        <v>3816</v>
      </c>
      <c r="WSN21" s="282" t="s">
        <v>3816</v>
      </c>
      <c r="WSO21" s="282" t="s">
        <v>3816</v>
      </c>
      <c r="WSP21" s="282" t="s">
        <v>3816</v>
      </c>
      <c r="WSQ21" s="282" t="s">
        <v>3816</v>
      </c>
      <c r="WSR21" s="282" t="s">
        <v>3816</v>
      </c>
      <c r="WSS21" s="282" t="s">
        <v>3816</v>
      </c>
      <c r="WST21" s="282" t="s">
        <v>3816</v>
      </c>
      <c r="WSU21" s="282" t="s">
        <v>3816</v>
      </c>
      <c r="WSV21" s="282" t="s">
        <v>3816</v>
      </c>
      <c r="WSW21" s="282" t="s">
        <v>3816</v>
      </c>
      <c r="WSX21" s="282" t="s">
        <v>3816</v>
      </c>
      <c r="WSY21" s="282" t="s">
        <v>3816</v>
      </c>
      <c r="WSZ21" s="282" t="s">
        <v>3816</v>
      </c>
      <c r="WTA21" s="282" t="s">
        <v>3816</v>
      </c>
      <c r="WTB21" s="282" t="s">
        <v>3816</v>
      </c>
      <c r="WTC21" s="282" t="s">
        <v>3816</v>
      </c>
      <c r="WTD21" s="282" t="s">
        <v>3816</v>
      </c>
      <c r="WTE21" s="282" t="s">
        <v>3816</v>
      </c>
      <c r="WTF21" s="282" t="s">
        <v>3816</v>
      </c>
      <c r="WTG21" s="282" t="s">
        <v>3816</v>
      </c>
      <c r="WTH21" s="282" t="s">
        <v>3816</v>
      </c>
      <c r="WTI21" s="282" t="s">
        <v>3816</v>
      </c>
      <c r="WTJ21" s="282" t="s">
        <v>3816</v>
      </c>
      <c r="WTK21" s="282" t="s">
        <v>3816</v>
      </c>
      <c r="WTL21" s="282" t="s">
        <v>3816</v>
      </c>
      <c r="WTM21" s="282" t="s">
        <v>3816</v>
      </c>
      <c r="WTN21" s="282" t="s">
        <v>3816</v>
      </c>
      <c r="WTO21" s="282" t="s">
        <v>3816</v>
      </c>
      <c r="WTP21" s="282" t="s">
        <v>3816</v>
      </c>
      <c r="WTQ21" s="282" t="s">
        <v>3816</v>
      </c>
      <c r="WTR21" s="282" t="s">
        <v>3816</v>
      </c>
      <c r="WTS21" s="282" t="s">
        <v>3816</v>
      </c>
      <c r="WTT21" s="282" t="s">
        <v>3816</v>
      </c>
      <c r="WTU21" s="282" t="s">
        <v>3816</v>
      </c>
      <c r="WTV21" s="282" t="s">
        <v>3816</v>
      </c>
      <c r="WTW21" s="282" t="s">
        <v>3816</v>
      </c>
      <c r="WTX21" s="282" t="s">
        <v>3816</v>
      </c>
      <c r="WTY21" s="282" t="s">
        <v>3816</v>
      </c>
      <c r="WTZ21" s="282" t="s">
        <v>3816</v>
      </c>
      <c r="WUA21" s="282" t="s">
        <v>3816</v>
      </c>
      <c r="WUB21" s="282" t="s">
        <v>3816</v>
      </c>
      <c r="WUC21" s="282" t="s">
        <v>3816</v>
      </c>
      <c r="WUD21" s="282" t="s">
        <v>3816</v>
      </c>
      <c r="WUE21" s="282" t="s">
        <v>3816</v>
      </c>
      <c r="WUF21" s="282" t="s">
        <v>3816</v>
      </c>
      <c r="WUG21" s="282" t="s">
        <v>3816</v>
      </c>
      <c r="WUH21" s="282" t="s">
        <v>3816</v>
      </c>
      <c r="WUI21" s="282" t="s">
        <v>3816</v>
      </c>
      <c r="WUJ21" s="282" t="s">
        <v>3816</v>
      </c>
      <c r="WUK21" s="282" t="s">
        <v>3816</v>
      </c>
      <c r="WUL21" s="282" t="s">
        <v>3816</v>
      </c>
      <c r="WUM21" s="282" t="s">
        <v>3816</v>
      </c>
      <c r="WUN21" s="282" t="s">
        <v>3816</v>
      </c>
      <c r="WUO21" s="282" t="s">
        <v>3816</v>
      </c>
      <c r="WUP21" s="282" t="s">
        <v>3816</v>
      </c>
      <c r="WUQ21" s="282" t="s">
        <v>3816</v>
      </c>
      <c r="WUR21" s="282" t="s">
        <v>3816</v>
      </c>
      <c r="WUS21" s="282" t="s">
        <v>3816</v>
      </c>
      <c r="WUT21" s="282" t="s">
        <v>3816</v>
      </c>
      <c r="WUU21" s="282" t="s">
        <v>3816</v>
      </c>
      <c r="WUV21" s="282" t="s">
        <v>3816</v>
      </c>
      <c r="WUW21" s="282" t="s">
        <v>3816</v>
      </c>
      <c r="WUX21" s="282" t="s">
        <v>3816</v>
      </c>
      <c r="WUY21" s="282" t="s">
        <v>3816</v>
      </c>
      <c r="WUZ21" s="282" t="s">
        <v>3816</v>
      </c>
      <c r="WVA21" s="282" t="s">
        <v>3816</v>
      </c>
      <c r="WVB21" s="282" t="s">
        <v>3816</v>
      </c>
      <c r="WVC21" s="282" t="s">
        <v>3816</v>
      </c>
      <c r="WVD21" s="282" t="s">
        <v>3816</v>
      </c>
      <c r="WVE21" s="282" t="s">
        <v>3816</v>
      </c>
      <c r="WVF21" s="282" t="s">
        <v>3816</v>
      </c>
      <c r="WVG21" s="282" t="s">
        <v>3816</v>
      </c>
      <c r="WVH21" s="282" t="s">
        <v>3816</v>
      </c>
      <c r="WVI21" s="282" t="s">
        <v>3816</v>
      </c>
      <c r="WVJ21" s="282" t="s">
        <v>3816</v>
      </c>
      <c r="WVK21" s="282" t="s">
        <v>3816</v>
      </c>
      <c r="WVL21" s="282" t="s">
        <v>3816</v>
      </c>
      <c r="WVM21" s="282" t="s">
        <v>3816</v>
      </c>
      <c r="WVN21" s="282" t="s">
        <v>3816</v>
      </c>
      <c r="WVO21" s="282" t="s">
        <v>3816</v>
      </c>
      <c r="WVP21" s="282" t="s">
        <v>3816</v>
      </c>
      <c r="WVQ21" s="282" t="s">
        <v>3816</v>
      </c>
      <c r="WVR21" s="282" t="s">
        <v>3816</v>
      </c>
      <c r="WVS21" s="282" t="s">
        <v>3816</v>
      </c>
      <c r="WVT21" s="282" t="s">
        <v>3816</v>
      </c>
      <c r="WVU21" s="282" t="s">
        <v>3816</v>
      </c>
      <c r="WVV21" s="282" t="s">
        <v>3816</v>
      </c>
      <c r="WVW21" s="282" t="s">
        <v>3816</v>
      </c>
      <c r="WVX21" s="282" t="s">
        <v>3816</v>
      </c>
      <c r="WVY21" s="282" t="s">
        <v>3816</v>
      </c>
      <c r="WVZ21" s="282" t="s">
        <v>3816</v>
      </c>
      <c r="WWA21" s="282" t="s">
        <v>3816</v>
      </c>
      <c r="WWB21" s="282" t="s">
        <v>3816</v>
      </c>
      <c r="WWC21" s="282" t="s">
        <v>3816</v>
      </c>
      <c r="WWD21" s="282" t="s">
        <v>3816</v>
      </c>
      <c r="WWE21" s="282" t="s">
        <v>3816</v>
      </c>
      <c r="WWF21" s="282" t="s">
        <v>3816</v>
      </c>
      <c r="WWG21" s="282" t="s">
        <v>3816</v>
      </c>
      <c r="WWH21" s="282" t="s">
        <v>3816</v>
      </c>
      <c r="WWI21" s="282" t="s">
        <v>3816</v>
      </c>
      <c r="WWJ21" s="282" t="s">
        <v>3816</v>
      </c>
      <c r="WWK21" s="282" t="s">
        <v>3816</v>
      </c>
      <c r="WWL21" s="282" t="s">
        <v>3816</v>
      </c>
      <c r="WWM21" s="282" t="s">
        <v>3816</v>
      </c>
      <c r="WWN21" s="282" t="s">
        <v>3816</v>
      </c>
      <c r="WWO21" s="282" t="s">
        <v>3816</v>
      </c>
      <c r="WWP21" s="282" t="s">
        <v>3816</v>
      </c>
      <c r="WWQ21" s="282" t="s">
        <v>3816</v>
      </c>
      <c r="WWR21" s="282" t="s">
        <v>3816</v>
      </c>
      <c r="WWS21" s="282" t="s">
        <v>3816</v>
      </c>
      <c r="WWT21" s="282" t="s">
        <v>3816</v>
      </c>
      <c r="WWU21" s="282" t="s">
        <v>3816</v>
      </c>
      <c r="WWV21" s="282" t="s">
        <v>3816</v>
      </c>
      <c r="WWW21" s="282" t="s">
        <v>3816</v>
      </c>
      <c r="WWX21" s="282" t="s">
        <v>3816</v>
      </c>
      <c r="WWY21" s="282" t="s">
        <v>3816</v>
      </c>
      <c r="WWZ21" s="282" t="s">
        <v>3816</v>
      </c>
      <c r="WXA21" s="282" t="s">
        <v>3816</v>
      </c>
      <c r="WXB21" s="282" t="s">
        <v>3816</v>
      </c>
      <c r="WXC21" s="282" t="s">
        <v>3816</v>
      </c>
      <c r="WXD21" s="282" t="s">
        <v>3816</v>
      </c>
      <c r="WXE21" s="282" t="s">
        <v>3816</v>
      </c>
      <c r="WXF21" s="282" t="s">
        <v>3816</v>
      </c>
      <c r="WXG21" s="282" t="s">
        <v>3816</v>
      </c>
      <c r="WXH21" s="282" t="s">
        <v>3816</v>
      </c>
      <c r="WXI21" s="282" t="s">
        <v>3816</v>
      </c>
      <c r="WXJ21" s="282" t="s">
        <v>3816</v>
      </c>
      <c r="WXK21" s="282" t="s">
        <v>3816</v>
      </c>
      <c r="WXL21" s="282" t="s">
        <v>3816</v>
      </c>
      <c r="WXM21" s="282" t="s">
        <v>3816</v>
      </c>
      <c r="WXN21" s="282" t="s">
        <v>3816</v>
      </c>
      <c r="WXO21" s="282" t="s">
        <v>3816</v>
      </c>
      <c r="WXP21" s="282" t="s">
        <v>3816</v>
      </c>
      <c r="WXQ21" s="282" t="s">
        <v>3816</v>
      </c>
      <c r="WXR21" s="282" t="s">
        <v>3816</v>
      </c>
      <c r="WXS21" s="282" t="s">
        <v>3816</v>
      </c>
      <c r="WXT21" s="282" t="s">
        <v>3816</v>
      </c>
      <c r="WXU21" s="282" t="s">
        <v>3816</v>
      </c>
      <c r="WXV21" s="282" t="s">
        <v>3816</v>
      </c>
      <c r="WXW21" s="282" t="s">
        <v>3816</v>
      </c>
      <c r="WXX21" s="282" t="s">
        <v>3816</v>
      </c>
      <c r="WXY21" s="282" t="s">
        <v>3816</v>
      </c>
      <c r="WXZ21" s="282" t="s">
        <v>3816</v>
      </c>
      <c r="WYA21" s="282" t="s">
        <v>3816</v>
      </c>
      <c r="WYB21" s="282" t="s">
        <v>3816</v>
      </c>
      <c r="WYC21" s="282" t="s">
        <v>3816</v>
      </c>
      <c r="WYD21" s="282" t="s">
        <v>3816</v>
      </c>
      <c r="WYE21" s="282" t="s">
        <v>3816</v>
      </c>
      <c r="WYF21" s="282" t="s">
        <v>3816</v>
      </c>
      <c r="WYG21" s="282" t="s">
        <v>3816</v>
      </c>
      <c r="WYH21" s="282" t="s">
        <v>3816</v>
      </c>
      <c r="WYI21" s="282" t="s">
        <v>3816</v>
      </c>
      <c r="WYJ21" s="282" t="s">
        <v>3816</v>
      </c>
      <c r="WYK21" s="282" t="s">
        <v>3816</v>
      </c>
      <c r="WYL21" s="282" t="s">
        <v>3816</v>
      </c>
      <c r="WYM21" s="282" t="s">
        <v>3816</v>
      </c>
      <c r="WYN21" s="282" t="s">
        <v>3816</v>
      </c>
      <c r="WYO21" s="282" t="s">
        <v>3816</v>
      </c>
      <c r="WYP21" s="282" t="s">
        <v>3816</v>
      </c>
      <c r="WYQ21" s="282" t="s">
        <v>3816</v>
      </c>
      <c r="WYR21" s="282" t="s">
        <v>3816</v>
      </c>
      <c r="WYS21" s="282" t="s">
        <v>3816</v>
      </c>
      <c r="WYT21" s="282" t="s">
        <v>3816</v>
      </c>
      <c r="WYU21" s="282" t="s">
        <v>3816</v>
      </c>
      <c r="WYV21" s="282" t="s">
        <v>3816</v>
      </c>
      <c r="WYW21" s="282" t="s">
        <v>3816</v>
      </c>
      <c r="WYX21" s="282" t="s">
        <v>3816</v>
      </c>
      <c r="WYY21" s="282" t="s">
        <v>3816</v>
      </c>
      <c r="WYZ21" s="282" t="s">
        <v>3816</v>
      </c>
      <c r="WZA21" s="282" t="s">
        <v>3816</v>
      </c>
      <c r="WZB21" s="282" t="s">
        <v>3816</v>
      </c>
      <c r="WZC21" s="282" t="s">
        <v>3816</v>
      </c>
      <c r="WZD21" s="282" t="s">
        <v>3816</v>
      </c>
      <c r="WZE21" s="282" t="s">
        <v>3816</v>
      </c>
      <c r="WZF21" s="282" t="s">
        <v>3816</v>
      </c>
      <c r="WZG21" s="282" t="s">
        <v>3816</v>
      </c>
      <c r="WZH21" s="282" t="s">
        <v>3816</v>
      </c>
      <c r="WZI21" s="282" t="s">
        <v>3816</v>
      </c>
      <c r="WZJ21" s="282" t="s">
        <v>3816</v>
      </c>
      <c r="WZK21" s="282" t="s">
        <v>3816</v>
      </c>
      <c r="WZL21" s="282" t="s">
        <v>3816</v>
      </c>
      <c r="WZM21" s="282" t="s">
        <v>3816</v>
      </c>
      <c r="WZN21" s="282" t="s">
        <v>3816</v>
      </c>
      <c r="WZO21" s="282" t="s">
        <v>3816</v>
      </c>
      <c r="WZP21" s="282" t="s">
        <v>3816</v>
      </c>
      <c r="WZQ21" s="282" t="s">
        <v>3816</v>
      </c>
      <c r="WZR21" s="282" t="s">
        <v>3816</v>
      </c>
      <c r="WZS21" s="282" t="s">
        <v>3816</v>
      </c>
      <c r="WZT21" s="282" t="s">
        <v>3816</v>
      </c>
      <c r="WZU21" s="282" t="s">
        <v>3816</v>
      </c>
      <c r="WZV21" s="282" t="s">
        <v>3816</v>
      </c>
      <c r="WZW21" s="282" t="s">
        <v>3816</v>
      </c>
      <c r="WZX21" s="282" t="s">
        <v>3816</v>
      </c>
      <c r="WZY21" s="282" t="s">
        <v>3816</v>
      </c>
      <c r="WZZ21" s="282" t="s">
        <v>3816</v>
      </c>
      <c r="XAA21" s="282" t="s">
        <v>3816</v>
      </c>
      <c r="XAB21" s="282" t="s">
        <v>3816</v>
      </c>
      <c r="XAC21" s="282" t="s">
        <v>3816</v>
      </c>
      <c r="XAD21" s="282" t="s">
        <v>3816</v>
      </c>
      <c r="XAE21" s="282" t="s">
        <v>3816</v>
      </c>
      <c r="XAF21" s="282" t="s">
        <v>3816</v>
      </c>
      <c r="XAG21" s="282" t="s">
        <v>3816</v>
      </c>
      <c r="XAH21" s="282" t="s">
        <v>3816</v>
      </c>
      <c r="XAI21" s="282" t="s">
        <v>3816</v>
      </c>
      <c r="XAJ21" s="282" t="s">
        <v>3816</v>
      </c>
      <c r="XAK21" s="282" t="s">
        <v>3816</v>
      </c>
      <c r="XAL21" s="282" t="s">
        <v>3816</v>
      </c>
      <c r="XAM21" s="282" t="s">
        <v>3816</v>
      </c>
      <c r="XAN21" s="282" t="s">
        <v>3816</v>
      </c>
      <c r="XAO21" s="282" t="s">
        <v>3816</v>
      </c>
      <c r="XAP21" s="282" t="s">
        <v>3816</v>
      </c>
      <c r="XAQ21" s="282" t="s">
        <v>3816</v>
      </c>
      <c r="XAR21" s="282" t="s">
        <v>3816</v>
      </c>
      <c r="XAS21" s="282" t="s">
        <v>3816</v>
      </c>
      <c r="XAT21" s="282" t="s">
        <v>3816</v>
      </c>
      <c r="XAU21" s="282" t="s">
        <v>3816</v>
      </c>
      <c r="XAV21" s="282" t="s">
        <v>3816</v>
      </c>
      <c r="XAW21" s="282" t="s">
        <v>3816</v>
      </c>
      <c r="XAX21" s="282" t="s">
        <v>3816</v>
      </c>
      <c r="XAY21" s="282" t="s">
        <v>3816</v>
      </c>
      <c r="XAZ21" s="282" t="s">
        <v>3816</v>
      </c>
      <c r="XBA21" s="282" t="s">
        <v>3816</v>
      </c>
      <c r="XBB21" s="282" t="s">
        <v>3816</v>
      </c>
      <c r="XBC21" s="282" t="s">
        <v>3816</v>
      </c>
      <c r="XBD21" s="282" t="s">
        <v>3816</v>
      </c>
      <c r="XBE21" s="282" t="s">
        <v>3816</v>
      </c>
      <c r="XBF21" s="282" t="s">
        <v>3816</v>
      </c>
      <c r="XBG21" s="282" t="s">
        <v>3816</v>
      </c>
      <c r="XBH21" s="282" t="s">
        <v>3816</v>
      </c>
      <c r="XBI21" s="282" t="s">
        <v>3816</v>
      </c>
      <c r="XBJ21" s="282" t="s">
        <v>3816</v>
      </c>
      <c r="XBK21" s="282" t="s">
        <v>3816</v>
      </c>
      <c r="XBL21" s="282" t="s">
        <v>3816</v>
      </c>
      <c r="XBM21" s="282" t="s">
        <v>3816</v>
      </c>
      <c r="XBN21" s="282" t="s">
        <v>3816</v>
      </c>
      <c r="XBO21" s="282" t="s">
        <v>3816</v>
      </c>
      <c r="XBP21" s="282" t="s">
        <v>3816</v>
      </c>
      <c r="XBQ21" s="282" t="s">
        <v>3816</v>
      </c>
      <c r="XBR21" s="282" t="s">
        <v>3816</v>
      </c>
      <c r="XBS21" s="282" t="s">
        <v>3816</v>
      </c>
      <c r="XBT21" s="282" t="s">
        <v>3816</v>
      </c>
      <c r="XBU21" s="282" t="s">
        <v>3816</v>
      </c>
      <c r="XBV21" s="282" t="s">
        <v>3816</v>
      </c>
      <c r="XBW21" s="282" t="s">
        <v>3816</v>
      </c>
      <c r="XBX21" s="282" t="s">
        <v>3816</v>
      </c>
      <c r="XBY21" s="282" t="s">
        <v>3816</v>
      </c>
      <c r="XBZ21" s="282" t="s">
        <v>3816</v>
      </c>
      <c r="XCA21" s="282" t="s">
        <v>3816</v>
      </c>
      <c r="XCB21" s="282" t="s">
        <v>3816</v>
      </c>
      <c r="XCC21" s="282" t="s">
        <v>3816</v>
      </c>
      <c r="XCD21" s="282" t="s">
        <v>3816</v>
      </c>
      <c r="XCE21" s="282" t="s">
        <v>3816</v>
      </c>
      <c r="XCF21" s="282" t="s">
        <v>3816</v>
      </c>
      <c r="XCG21" s="282" t="s">
        <v>3816</v>
      </c>
      <c r="XCH21" s="282" t="s">
        <v>3816</v>
      </c>
      <c r="XCI21" s="282" t="s">
        <v>3816</v>
      </c>
      <c r="XCJ21" s="282" t="s">
        <v>3816</v>
      </c>
      <c r="XCK21" s="282" t="s">
        <v>3816</v>
      </c>
      <c r="XCL21" s="282" t="s">
        <v>3816</v>
      </c>
      <c r="XCM21" s="282" t="s">
        <v>3816</v>
      </c>
      <c r="XCN21" s="282" t="s">
        <v>3816</v>
      </c>
      <c r="XCO21" s="282" t="s">
        <v>3816</v>
      </c>
      <c r="XCP21" s="282" t="s">
        <v>3816</v>
      </c>
      <c r="XCQ21" s="282" t="s">
        <v>3816</v>
      </c>
      <c r="XCR21" s="282" t="s">
        <v>3816</v>
      </c>
      <c r="XCS21" s="282" t="s">
        <v>3816</v>
      </c>
      <c r="XCT21" s="282" t="s">
        <v>3816</v>
      </c>
      <c r="XCU21" s="282" t="s">
        <v>3816</v>
      </c>
      <c r="XCV21" s="282" t="s">
        <v>3816</v>
      </c>
      <c r="XCW21" s="282" t="s">
        <v>3816</v>
      </c>
      <c r="XCX21" s="282" t="s">
        <v>3816</v>
      </c>
      <c r="XCY21" s="282" t="s">
        <v>3816</v>
      </c>
      <c r="XCZ21" s="282" t="s">
        <v>3816</v>
      </c>
      <c r="XDA21" s="282" t="s">
        <v>3816</v>
      </c>
      <c r="XDB21" s="282" t="s">
        <v>3816</v>
      </c>
      <c r="XDC21" s="282" t="s">
        <v>3816</v>
      </c>
      <c r="XDD21" s="282" t="s">
        <v>3816</v>
      </c>
      <c r="XDE21" s="282" t="s">
        <v>3816</v>
      </c>
      <c r="XDF21" s="282" t="s">
        <v>3816</v>
      </c>
    </row>
    <row r="22" spans="1:16334" s="278" customFormat="1" ht="120" customHeight="1">
      <c r="A22" s="861">
        <v>8</v>
      </c>
      <c r="B22" s="947" t="s">
        <v>3817</v>
      </c>
      <c r="C22" s="948" t="s">
        <v>15</v>
      </c>
      <c r="D22" s="947" t="s">
        <v>3818</v>
      </c>
      <c r="E22" s="957" t="s">
        <v>3819</v>
      </c>
      <c r="F22" s="947" t="s">
        <v>3820</v>
      </c>
      <c r="G22" s="947" t="s">
        <v>3821</v>
      </c>
      <c r="H22" s="948"/>
      <c r="I22" s="948"/>
      <c r="J22" s="948">
        <v>1</v>
      </c>
      <c r="K22" s="948">
        <v>5</v>
      </c>
      <c r="L22" s="948">
        <v>1</v>
      </c>
      <c r="M22" s="948"/>
      <c r="N22" s="948"/>
      <c r="O22" s="947" t="s">
        <v>3822</v>
      </c>
      <c r="P22" s="958"/>
      <c r="Q22" s="947" t="s">
        <v>3823</v>
      </c>
    </row>
    <row r="23" spans="1:16334" s="278" customFormat="1" ht="120" customHeight="1">
      <c r="A23" s="861">
        <v>9</v>
      </c>
      <c r="B23" s="947" t="s">
        <v>3824</v>
      </c>
      <c r="C23" s="948" t="s">
        <v>15</v>
      </c>
      <c r="D23" s="947" t="s">
        <v>3818</v>
      </c>
      <c r="E23" s="957" t="s">
        <v>3819</v>
      </c>
      <c r="F23" s="947" t="s">
        <v>3820</v>
      </c>
      <c r="G23" s="947" t="s">
        <v>3821</v>
      </c>
      <c r="H23" s="948"/>
      <c r="I23" s="948"/>
      <c r="J23" s="948">
        <v>1</v>
      </c>
      <c r="K23" s="948">
        <v>12</v>
      </c>
      <c r="L23" s="948">
        <v>1</v>
      </c>
      <c r="M23" s="948">
        <v>2010</v>
      </c>
      <c r="N23" s="948" t="s">
        <v>10</v>
      </c>
      <c r="O23" s="947" t="s">
        <v>3822</v>
      </c>
      <c r="P23" s="958" t="s">
        <v>10</v>
      </c>
      <c r="Q23" s="947" t="s">
        <v>3823</v>
      </c>
    </row>
    <row r="24" spans="1:16334" s="278" customFormat="1" ht="120" customHeight="1">
      <c r="A24" s="861">
        <v>10</v>
      </c>
      <c r="B24" s="947" t="s">
        <v>3825</v>
      </c>
      <c r="C24" s="948" t="s">
        <v>15</v>
      </c>
      <c r="D24" s="947" t="s">
        <v>3818</v>
      </c>
      <c r="E24" s="957" t="s">
        <v>3819</v>
      </c>
      <c r="F24" s="947" t="s">
        <v>3820</v>
      </c>
      <c r="G24" s="947" t="s">
        <v>3821</v>
      </c>
      <c r="H24" s="948"/>
      <c r="I24" s="948"/>
      <c r="J24" s="948">
        <v>3</v>
      </c>
      <c r="K24" s="948">
        <v>10</v>
      </c>
      <c r="L24" s="948">
        <v>1</v>
      </c>
      <c r="M24" s="948">
        <v>2020</v>
      </c>
      <c r="N24" s="948" t="s">
        <v>10</v>
      </c>
      <c r="O24" s="947" t="s">
        <v>3826</v>
      </c>
      <c r="P24" s="958" t="s">
        <v>10</v>
      </c>
      <c r="Q24" s="947" t="s">
        <v>3823</v>
      </c>
    </row>
    <row r="25" spans="1:16334" s="278" customFormat="1" ht="120" customHeight="1">
      <c r="A25" s="861">
        <v>11</v>
      </c>
      <c r="B25" s="947" t="s">
        <v>3827</v>
      </c>
      <c r="C25" s="948" t="s">
        <v>15</v>
      </c>
      <c r="D25" s="947" t="s">
        <v>3818</v>
      </c>
      <c r="E25" s="957" t="s">
        <v>3819</v>
      </c>
      <c r="F25" s="947" t="s">
        <v>3820</v>
      </c>
      <c r="G25" s="947" t="s">
        <v>3821</v>
      </c>
      <c r="H25" s="959"/>
      <c r="I25" s="959"/>
      <c r="J25" s="960">
        <v>2</v>
      </c>
      <c r="K25" s="960">
        <v>12</v>
      </c>
      <c r="L25" s="960">
        <v>1</v>
      </c>
      <c r="M25" s="960">
        <v>2023</v>
      </c>
      <c r="N25" s="960" t="s">
        <v>10</v>
      </c>
      <c r="O25" s="960" t="s">
        <v>3828</v>
      </c>
      <c r="P25" s="959" t="s">
        <v>10</v>
      </c>
      <c r="Q25" s="947" t="s">
        <v>3823</v>
      </c>
    </row>
    <row r="26" spans="1:16334" s="278" customFormat="1" ht="120" customHeight="1">
      <c r="A26" s="861">
        <v>12</v>
      </c>
      <c r="B26" s="947" t="s">
        <v>3829</v>
      </c>
      <c r="C26" s="947" t="s">
        <v>15</v>
      </c>
      <c r="D26" s="947" t="s">
        <v>3830</v>
      </c>
      <c r="E26" s="949" t="s">
        <v>3831</v>
      </c>
      <c r="F26" s="961">
        <v>45222</v>
      </c>
      <c r="G26" s="951" t="s">
        <v>395</v>
      </c>
      <c r="H26" s="947"/>
      <c r="I26" s="947"/>
      <c r="J26" s="960">
        <v>5</v>
      </c>
      <c r="K26" s="960">
        <v>24</v>
      </c>
      <c r="L26" s="960">
        <v>1</v>
      </c>
      <c r="M26" s="960">
        <v>2018</v>
      </c>
      <c r="N26" s="960" t="s">
        <v>10</v>
      </c>
      <c r="O26" s="960" t="s">
        <v>3832</v>
      </c>
      <c r="P26" s="947"/>
      <c r="Q26" s="947"/>
    </row>
    <row r="27" spans="1:16334" ht="120" customHeight="1">
      <c r="A27" s="252">
        <v>13</v>
      </c>
      <c r="B27" s="947" t="s">
        <v>4999</v>
      </c>
      <c r="C27" s="948" t="s">
        <v>511</v>
      </c>
      <c r="D27" s="947" t="s">
        <v>5000</v>
      </c>
      <c r="E27" s="949" t="s">
        <v>5001</v>
      </c>
      <c r="F27" s="950">
        <v>44013</v>
      </c>
      <c r="G27" s="955"/>
      <c r="H27" s="947" t="s">
        <v>10</v>
      </c>
      <c r="I27" s="947"/>
      <c r="J27" s="947">
        <v>1</v>
      </c>
      <c r="K27" s="953">
        <v>5</v>
      </c>
      <c r="L27" s="947">
        <v>0</v>
      </c>
      <c r="M27" s="947">
        <v>2021</v>
      </c>
      <c r="N27" s="947" t="s">
        <v>10</v>
      </c>
      <c r="O27" s="947" t="s">
        <v>5002</v>
      </c>
      <c r="P27" s="954"/>
      <c r="Q27" s="954"/>
      <c r="R27" s="85"/>
    </row>
    <row r="28" spans="1:16334" ht="120" customHeight="1">
      <c r="A28" s="252">
        <v>14</v>
      </c>
      <c r="B28" s="947" t="s">
        <v>5003</v>
      </c>
      <c r="C28" s="948" t="s">
        <v>511</v>
      </c>
      <c r="D28" s="947" t="s">
        <v>5004</v>
      </c>
      <c r="E28" s="949" t="s">
        <v>5005</v>
      </c>
      <c r="F28" s="950">
        <v>44375</v>
      </c>
      <c r="G28" s="955"/>
      <c r="H28" s="947" t="s">
        <v>10</v>
      </c>
      <c r="I28" s="947"/>
      <c r="J28" s="947">
        <v>1</v>
      </c>
      <c r="K28" s="953">
        <v>6</v>
      </c>
      <c r="L28" s="947">
        <v>0</v>
      </c>
      <c r="M28" s="947">
        <v>2019</v>
      </c>
      <c r="N28" s="947" t="s">
        <v>10</v>
      </c>
      <c r="O28" s="947" t="s">
        <v>5006</v>
      </c>
      <c r="P28" s="954"/>
      <c r="Q28" s="954"/>
      <c r="R28" s="85"/>
    </row>
    <row r="29" spans="1:16334" ht="120" customHeight="1">
      <c r="A29" s="252">
        <v>15</v>
      </c>
      <c r="B29" s="947" t="s">
        <v>5007</v>
      </c>
      <c r="C29" s="948" t="s">
        <v>511</v>
      </c>
      <c r="D29" s="947" t="s">
        <v>5008</v>
      </c>
      <c r="E29" s="949" t="s">
        <v>5009</v>
      </c>
      <c r="F29" s="950">
        <v>44534</v>
      </c>
      <c r="G29" s="955"/>
      <c r="H29" s="947" t="s">
        <v>10</v>
      </c>
      <c r="I29" s="947"/>
      <c r="J29" s="947">
        <v>1</v>
      </c>
      <c r="K29" s="953">
        <v>6</v>
      </c>
      <c r="L29" s="947">
        <v>0</v>
      </c>
      <c r="M29" s="947">
        <v>2019</v>
      </c>
      <c r="N29" s="947" t="s">
        <v>10</v>
      </c>
      <c r="O29" s="947" t="s">
        <v>5010</v>
      </c>
      <c r="P29" s="954"/>
      <c r="Q29" s="954"/>
      <c r="R29" s="85"/>
    </row>
    <row r="30" spans="1:16334" ht="120" customHeight="1">
      <c r="A30" s="252">
        <v>16</v>
      </c>
      <c r="B30" s="947" t="s">
        <v>5011</v>
      </c>
      <c r="C30" s="948" t="s">
        <v>27</v>
      </c>
      <c r="D30" s="947" t="s">
        <v>3833</v>
      </c>
      <c r="E30" s="949" t="s">
        <v>3834</v>
      </c>
      <c r="F30" s="950">
        <v>43593</v>
      </c>
      <c r="G30" s="955"/>
      <c r="H30" s="956" t="s">
        <v>10</v>
      </c>
      <c r="I30" s="956"/>
      <c r="J30" s="947">
        <v>1</v>
      </c>
      <c r="K30" s="953">
        <v>3</v>
      </c>
      <c r="L30" s="947">
        <v>0</v>
      </c>
      <c r="M30" s="947">
        <v>2018</v>
      </c>
      <c r="N30" s="947" t="s">
        <v>10</v>
      </c>
      <c r="O30" s="947" t="s">
        <v>5012</v>
      </c>
      <c r="P30" s="954"/>
      <c r="Q30" s="954"/>
      <c r="R30" s="85"/>
    </row>
    <row r="31" spans="1:16334" ht="120" customHeight="1">
      <c r="A31" s="252">
        <v>17</v>
      </c>
      <c r="B31" s="947" t="s">
        <v>5013</v>
      </c>
      <c r="C31" s="948" t="s">
        <v>27</v>
      </c>
      <c r="D31" s="947" t="s">
        <v>3833</v>
      </c>
      <c r="E31" s="949" t="s">
        <v>3834</v>
      </c>
      <c r="F31" s="950">
        <v>43593</v>
      </c>
      <c r="G31" s="955"/>
      <c r="H31" s="948" t="s">
        <v>10</v>
      </c>
      <c r="I31" s="948"/>
      <c r="J31" s="947">
        <v>1</v>
      </c>
      <c r="K31" s="953">
        <v>8</v>
      </c>
      <c r="L31" s="947">
        <v>0</v>
      </c>
      <c r="M31" s="947">
        <v>2018</v>
      </c>
      <c r="N31" s="947" t="s">
        <v>10</v>
      </c>
      <c r="O31" s="947" t="s">
        <v>5014</v>
      </c>
      <c r="P31" s="954"/>
      <c r="Q31" s="954"/>
      <c r="R31" s="85"/>
    </row>
    <row r="32" spans="1:16334" ht="120" customHeight="1">
      <c r="A32" s="252">
        <v>18</v>
      </c>
      <c r="B32" s="947" t="s">
        <v>5015</v>
      </c>
      <c r="C32" s="948" t="s">
        <v>27</v>
      </c>
      <c r="D32" s="947" t="s">
        <v>5016</v>
      </c>
      <c r="E32" s="949" t="s">
        <v>5017</v>
      </c>
      <c r="F32" s="950">
        <v>44151</v>
      </c>
      <c r="G32" s="955"/>
      <c r="H32" s="947" t="s">
        <v>10</v>
      </c>
      <c r="I32" s="947"/>
      <c r="J32" s="947">
        <v>1</v>
      </c>
      <c r="K32" s="953">
        <v>5</v>
      </c>
      <c r="L32" s="947">
        <v>0</v>
      </c>
      <c r="M32" s="947">
        <v>2019</v>
      </c>
      <c r="N32" s="947" t="s">
        <v>10</v>
      </c>
      <c r="O32" s="947" t="s">
        <v>5018</v>
      </c>
      <c r="P32" s="954"/>
      <c r="Q32" s="954"/>
      <c r="R32" s="85"/>
    </row>
    <row r="33" spans="1:24" ht="120" customHeight="1">
      <c r="A33" s="252">
        <v>19</v>
      </c>
      <c r="B33" s="947" t="s">
        <v>5019</v>
      </c>
      <c r="C33" s="948" t="s">
        <v>27</v>
      </c>
      <c r="D33" s="947" t="s">
        <v>5016</v>
      </c>
      <c r="E33" s="949" t="s">
        <v>5017</v>
      </c>
      <c r="F33" s="950">
        <v>44151</v>
      </c>
      <c r="G33" s="955"/>
      <c r="H33" s="947" t="s">
        <v>10</v>
      </c>
      <c r="I33" s="947"/>
      <c r="J33" s="947">
        <v>1</v>
      </c>
      <c r="K33" s="953">
        <v>6</v>
      </c>
      <c r="L33" s="947">
        <v>0</v>
      </c>
      <c r="M33" s="947">
        <v>2019</v>
      </c>
      <c r="N33" s="947" t="s">
        <v>10</v>
      </c>
      <c r="O33" s="947" t="s">
        <v>5020</v>
      </c>
      <c r="P33" s="954"/>
      <c r="Q33" s="954"/>
      <c r="R33" s="85"/>
    </row>
    <row r="34" spans="1:24" s="87" customFormat="1" ht="105" customHeight="1">
      <c r="A34" s="252">
        <v>20</v>
      </c>
      <c r="B34" s="947" t="s">
        <v>5021</v>
      </c>
      <c r="C34" s="948" t="s">
        <v>27</v>
      </c>
      <c r="D34" s="947" t="s">
        <v>3835</v>
      </c>
      <c r="E34" s="957" t="s">
        <v>3836</v>
      </c>
      <c r="F34" s="951">
        <v>44905</v>
      </c>
      <c r="G34" s="951" t="s">
        <v>395</v>
      </c>
      <c r="H34" s="948" t="s">
        <v>10</v>
      </c>
      <c r="I34" s="948"/>
      <c r="J34" s="948">
        <v>2</v>
      </c>
      <c r="K34" s="948">
        <v>10</v>
      </c>
      <c r="L34" s="948">
        <v>0</v>
      </c>
      <c r="M34" s="948">
        <v>2022</v>
      </c>
      <c r="N34" s="948" t="s">
        <v>10</v>
      </c>
      <c r="O34" s="947" t="s">
        <v>5022</v>
      </c>
      <c r="P34" s="958"/>
      <c r="Q34" s="947"/>
    </row>
    <row r="35" spans="1:24" s="278" customFormat="1" ht="199.5" customHeight="1">
      <c r="A35" s="252">
        <v>21</v>
      </c>
      <c r="B35" s="947" t="s">
        <v>3837</v>
      </c>
      <c r="C35" s="948" t="s">
        <v>179</v>
      </c>
      <c r="D35" s="947" t="s">
        <v>3838</v>
      </c>
      <c r="E35" s="949">
        <v>1017009860</v>
      </c>
      <c r="F35" s="950">
        <v>37781</v>
      </c>
      <c r="G35" s="951" t="s">
        <v>63</v>
      </c>
      <c r="H35" s="947" t="s">
        <v>4328</v>
      </c>
      <c r="I35" s="947"/>
      <c r="J35" s="952">
        <v>15</v>
      </c>
      <c r="K35" s="953">
        <v>24</v>
      </c>
      <c r="L35" s="947">
        <v>3</v>
      </c>
      <c r="M35" s="947">
        <v>2004</v>
      </c>
      <c r="N35" s="947" t="s">
        <v>10</v>
      </c>
      <c r="O35" s="947" t="s">
        <v>3839</v>
      </c>
      <c r="P35" s="947" t="s">
        <v>3840</v>
      </c>
      <c r="Q35" s="947" t="s">
        <v>3841</v>
      </c>
      <c r="R35" s="279"/>
      <c r="S35" s="271"/>
      <c r="T35" s="271"/>
      <c r="U35" s="271"/>
      <c r="V35" s="271"/>
      <c r="W35" s="271"/>
      <c r="X35" s="272"/>
    </row>
    <row r="36" spans="1:24" s="278" customFormat="1" ht="179.25" customHeight="1">
      <c r="A36" s="861">
        <v>22</v>
      </c>
      <c r="B36" s="947" t="s">
        <v>4329</v>
      </c>
      <c r="C36" s="948" t="s">
        <v>179</v>
      </c>
      <c r="D36" s="947" t="s">
        <v>3838</v>
      </c>
      <c r="E36" s="949">
        <v>1017009860</v>
      </c>
      <c r="F36" s="950">
        <v>37781</v>
      </c>
      <c r="G36" s="951" t="s">
        <v>63</v>
      </c>
      <c r="H36" s="947" t="s">
        <v>3842</v>
      </c>
      <c r="I36" s="947"/>
      <c r="J36" s="952">
        <v>21</v>
      </c>
      <c r="K36" s="953">
        <v>70</v>
      </c>
      <c r="L36" s="947">
        <v>3</v>
      </c>
      <c r="M36" s="947">
        <v>1998</v>
      </c>
      <c r="N36" s="947" t="s">
        <v>10</v>
      </c>
      <c r="O36" s="947" t="s">
        <v>3843</v>
      </c>
      <c r="P36" s="947" t="s">
        <v>3840</v>
      </c>
      <c r="Q36" s="947"/>
      <c r="R36" s="279"/>
    </row>
    <row r="37" spans="1:24" s="278" customFormat="1" ht="120" customHeight="1">
      <c r="A37" s="861">
        <v>23</v>
      </c>
      <c r="B37" s="947" t="s">
        <v>3844</v>
      </c>
      <c r="C37" s="948" t="s">
        <v>179</v>
      </c>
      <c r="D37" s="947" t="s">
        <v>3838</v>
      </c>
      <c r="E37" s="949">
        <v>1017009860</v>
      </c>
      <c r="F37" s="950">
        <v>37781</v>
      </c>
      <c r="G37" s="951" t="s">
        <v>63</v>
      </c>
      <c r="H37" s="947" t="s">
        <v>10</v>
      </c>
      <c r="I37" s="947"/>
      <c r="J37" s="960">
        <v>6</v>
      </c>
      <c r="K37" s="947">
        <v>12</v>
      </c>
      <c r="L37" s="962" t="s">
        <v>10</v>
      </c>
      <c r="M37" s="962" t="s">
        <v>3845</v>
      </c>
      <c r="N37" s="962" t="s">
        <v>10</v>
      </c>
      <c r="O37" s="960" t="s">
        <v>3846</v>
      </c>
      <c r="P37" s="947" t="s">
        <v>3840</v>
      </c>
      <c r="Q37" s="947"/>
    </row>
    <row r="38" spans="1:24" s="278" customFormat="1" ht="15.75">
      <c r="A38" s="260"/>
      <c r="B38" s="1164" t="s">
        <v>3847</v>
      </c>
      <c r="C38" s="1165"/>
      <c r="D38" s="1165"/>
      <c r="E38" s="1165"/>
      <c r="F38" s="1165"/>
      <c r="G38" s="1165"/>
      <c r="H38" s="1165"/>
      <c r="I38" s="1166"/>
      <c r="J38" s="1165"/>
      <c r="K38" s="1165"/>
      <c r="L38" s="1165"/>
      <c r="M38" s="1165"/>
      <c r="N38" s="1165"/>
      <c r="O38" s="1165"/>
      <c r="P38" s="1165"/>
      <c r="Q38" s="1167"/>
    </row>
    <row r="39" spans="1:24" s="278" customFormat="1" ht="15.75">
      <c r="A39" s="256"/>
      <c r="B39" s="245"/>
      <c r="C39" s="257"/>
      <c r="D39" s="245"/>
      <c r="E39" s="258"/>
      <c r="F39" s="257"/>
      <c r="G39" s="259"/>
      <c r="H39" s="256"/>
      <c r="I39" s="256"/>
      <c r="J39" s="257"/>
      <c r="K39" s="257"/>
      <c r="L39" s="257"/>
      <c r="M39" s="257"/>
      <c r="N39" s="257"/>
      <c r="O39" s="256"/>
      <c r="P39" s="259"/>
      <c r="Q39" s="259"/>
    </row>
    <row r="40" spans="1:24" s="278" customFormat="1" ht="15.75">
      <c r="A40" s="256"/>
      <c r="B40" s="245"/>
      <c r="C40" s="257"/>
      <c r="D40" s="245"/>
      <c r="E40" s="258"/>
      <c r="F40" s="257"/>
      <c r="G40" s="259"/>
      <c r="H40" s="256"/>
      <c r="I40" s="256"/>
      <c r="J40" s="257"/>
      <c r="K40" s="257"/>
      <c r="L40" s="257"/>
      <c r="M40" s="257"/>
      <c r="N40" s="257"/>
      <c r="O40" s="256"/>
      <c r="P40" s="259"/>
      <c r="Q40" s="259"/>
    </row>
    <row r="41" spans="1:24" s="278" customFormat="1" ht="15.75">
      <c r="A41" s="256"/>
      <c r="B41" s="245"/>
      <c r="C41" s="257"/>
      <c r="D41" s="245"/>
      <c r="E41" s="258"/>
      <c r="F41" s="257"/>
      <c r="G41" s="259"/>
      <c r="H41" s="256"/>
      <c r="I41" s="256"/>
      <c r="J41" s="257"/>
      <c r="K41" s="257"/>
      <c r="L41" s="257"/>
      <c r="M41" s="257"/>
      <c r="N41" s="257"/>
      <c r="O41" s="256"/>
      <c r="P41" s="259"/>
      <c r="Q41" s="259"/>
    </row>
    <row r="42" spans="1:24" s="277" customFormat="1" ht="126">
      <c r="A42" s="260">
        <v>16</v>
      </c>
      <c r="B42" s="252" t="s">
        <v>3848</v>
      </c>
      <c r="C42" s="265" t="s">
        <v>27</v>
      </c>
      <c r="D42" s="252" t="s">
        <v>3835</v>
      </c>
      <c r="E42" s="275" t="s">
        <v>3836</v>
      </c>
      <c r="F42" s="252" t="s">
        <v>3849</v>
      </c>
      <c r="G42" s="268" t="s">
        <v>395</v>
      </c>
      <c r="H42" s="265" t="s">
        <v>10</v>
      </c>
      <c r="I42" s="1073"/>
      <c r="J42" s="252">
        <v>1</v>
      </c>
      <c r="K42" s="269">
        <v>4</v>
      </c>
      <c r="L42" s="252">
        <v>0</v>
      </c>
      <c r="M42" s="252">
        <v>2022</v>
      </c>
      <c r="N42" s="252" t="s">
        <v>10</v>
      </c>
      <c r="O42" s="252" t="s">
        <v>3850</v>
      </c>
      <c r="P42" s="270"/>
      <c r="Q42" s="270" t="s">
        <v>3851</v>
      </c>
      <c r="R42" s="276"/>
    </row>
    <row r="43" spans="1:24" s="278" customFormat="1" ht="15.75">
      <c r="A43" s="283"/>
      <c r="B43" s="273"/>
      <c r="C43" s="284"/>
      <c r="D43" s="273"/>
      <c r="E43" s="285"/>
      <c r="F43" s="284"/>
      <c r="H43" s="283"/>
      <c r="I43" s="283"/>
      <c r="J43" s="284"/>
      <c r="K43" s="284"/>
      <c r="L43" s="284"/>
      <c r="M43" s="284"/>
      <c r="N43" s="284"/>
      <c r="O43" s="283"/>
    </row>
    <row r="44" spans="1:24" s="278" customFormat="1" ht="15.75">
      <c r="A44" s="283"/>
      <c r="B44" s="273"/>
      <c r="C44" s="284"/>
      <c r="D44" s="273"/>
      <c r="E44" s="285"/>
      <c r="F44" s="284"/>
      <c r="H44" s="283"/>
      <c r="I44" s="283"/>
      <c r="J44" s="284"/>
      <c r="K44" s="284"/>
      <c r="L44" s="284"/>
      <c r="M44" s="284"/>
      <c r="N44" s="284"/>
      <c r="O44" s="283"/>
    </row>
    <row r="45" spans="1:24" s="278" customFormat="1" ht="15.75">
      <c r="A45" s="283"/>
      <c r="B45" s="273"/>
      <c r="C45" s="284"/>
      <c r="D45" s="273"/>
      <c r="E45" s="285"/>
      <c r="F45" s="284"/>
      <c r="H45" s="283"/>
      <c r="I45" s="283"/>
      <c r="J45" s="284"/>
      <c r="K45" s="284"/>
      <c r="L45" s="284"/>
      <c r="M45" s="284"/>
      <c r="N45" s="284"/>
      <c r="O45" s="283"/>
    </row>
    <row r="46" spans="1:24" s="278" customFormat="1" ht="15.75">
      <c r="A46" s="283"/>
      <c r="B46" s="273"/>
      <c r="C46" s="284"/>
      <c r="D46" s="273"/>
      <c r="E46" s="285"/>
      <c r="F46" s="284"/>
      <c r="H46" s="283"/>
      <c r="I46" s="283"/>
      <c r="J46" s="284"/>
      <c r="K46" s="284"/>
      <c r="L46" s="284"/>
      <c r="M46" s="284"/>
      <c r="N46" s="284"/>
      <c r="O46" s="283"/>
    </row>
    <row r="47" spans="1:24" s="278" customFormat="1" ht="15.75">
      <c r="A47" s="283"/>
      <c r="B47" s="273"/>
      <c r="C47" s="284"/>
      <c r="D47" s="273"/>
      <c r="E47" s="285"/>
      <c r="F47" s="284"/>
      <c r="H47" s="283"/>
      <c r="I47" s="283"/>
      <c r="J47" s="284"/>
      <c r="K47" s="284"/>
      <c r="L47" s="284"/>
      <c r="M47" s="284"/>
      <c r="N47" s="284"/>
      <c r="O47" s="283"/>
    </row>
  </sheetData>
  <mergeCells count="6">
    <mergeCell ref="B38:Q38"/>
    <mergeCell ref="A1:O1"/>
    <mergeCell ref="E8:F8"/>
    <mergeCell ref="B10:Q10"/>
    <mergeCell ref="B12:Q12"/>
    <mergeCell ref="B13:Q13"/>
  </mergeCells>
  <pageMargins left="0.7" right="0.7" top="0.75" bottom="0.75" header="0.3" footer="0.3"/>
  <pageSetup paperSize="9" scale="53" fitToHeight="0" orientation="landscape" r:id="rId1"/>
</worksheet>
</file>

<file path=xl/worksheets/sheet8.xml><?xml version="1.0" encoding="utf-8"?>
<worksheet xmlns="http://schemas.openxmlformats.org/spreadsheetml/2006/main" xmlns:r="http://schemas.openxmlformats.org/officeDocument/2006/relationships">
  <sheetPr>
    <tabColor theme="0"/>
    <pageSetUpPr fitToPage="1"/>
  </sheetPr>
  <dimension ref="A1:R43"/>
  <sheetViews>
    <sheetView zoomScale="93" zoomScaleNormal="93" workbookViewId="0">
      <selection activeCell="H11" sqref="H11"/>
    </sheetView>
  </sheetViews>
  <sheetFormatPr defaultColWidth="9.140625" defaultRowHeight="15"/>
  <cols>
    <col min="1" max="1" width="7" style="26" customWidth="1"/>
    <col min="2" max="2" width="23.85546875" style="26" customWidth="1"/>
    <col min="3" max="3" width="13.42578125" style="26" customWidth="1"/>
    <col min="4" max="4" width="22.7109375" style="26" customWidth="1"/>
    <col min="5" max="5" width="18.7109375" style="32" customWidth="1"/>
    <col min="6" max="6" width="18.140625" style="26" customWidth="1"/>
    <col min="7" max="7" width="19.85546875" style="26" customWidth="1"/>
    <col min="8" max="9" width="21.7109375" style="26" customWidth="1"/>
    <col min="10" max="10" width="15.5703125" style="26" customWidth="1"/>
    <col min="11" max="11" width="16.42578125" style="26" customWidth="1"/>
    <col min="12" max="12" width="15.85546875" style="26" customWidth="1"/>
    <col min="13" max="13" width="13.140625" style="26" customWidth="1"/>
    <col min="14" max="14" width="17.7109375" style="26" customWidth="1"/>
    <col min="15" max="17" width="20.42578125" style="26" customWidth="1"/>
    <col min="18" max="16384" width="9.140625" style="26"/>
  </cols>
  <sheetData>
    <row r="1" spans="1:18" s="317" customFormat="1" ht="26.25" customHeight="1">
      <c r="B1" s="1172" t="s">
        <v>720</v>
      </c>
      <c r="C1" s="1172"/>
      <c r="D1" s="1172"/>
      <c r="E1" s="1172"/>
      <c r="F1" s="1172"/>
      <c r="G1" s="1172"/>
      <c r="H1" s="1172"/>
      <c r="I1" s="1172"/>
      <c r="J1" s="1172"/>
      <c r="K1" s="1172"/>
      <c r="L1" s="1172"/>
      <c r="M1" s="1172"/>
      <c r="N1" s="1172"/>
      <c r="O1" s="1172"/>
      <c r="P1" s="1172"/>
    </row>
    <row r="2" spans="1:18" s="320" customFormat="1" ht="79.5" customHeight="1">
      <c r="A2" s="318" t="s">
        <v>173</v>
      </c>
      <c r="B2" s="319" t="s">
        <v>186</v>
      </c>
      <c r="C2" s="319" t="s">
        <v>184</v>
      </c>
      <c r="E2" s="321"/>
      <c r="F2" s="319" t="s">
        <v>185</v>
      </c>
      <c r="G2" s="319" t="s">
        <v>184</v>
      </c>
      <c r="J2" s="322"/>
      <c r="N2" s="322"/>
      <c r="O2" s="322"/>
      <c r="P2" s="322"/>
      <c r="Q2" s="322"/>
    </row>
    <row r="3" spans="1:18" s="325" customFormat="1" ht="36" customHeight="1">
      <c r="A3" s="323"/>
      <c r="B3" s="324" t="s">
        <v>183</v>
      </c>
      <c r="C3" s="324">
        <v>23</v>
      </c>
      <c r="E3" s="326"/>
      <c r="F3" s="324" t="s">
        <v>182</v>
      </c>
      <c r="G3" s="327">
        <v>22</v>
      </c>
      <c r="J3" s="328"/>
      <c r="N3" s="328"/>
      <c r="O3" s="328"/>
      <c r="P3" s="328"/>
      <c r="Q3" s="328"/>
    </row>
    <row r="4" spans="1:18" s="325" customFormat="1" ht="37.5" customHeight="1">
      <c r="A4" s="323" t="s">
        <v>181</v>
      </c>
      <c r="B4" s="329" t="s">
        <v>180</v>
      </c>
      <c r="C4" s="329">
        <v>22</v>
      </c>
      <c r="E4" s="326"/>
      <c r="F4" s="329" t="s">
        <v>179</v>
      </c>
      <c r="G4" s="330">
        <v>5</v>
      </c>
      <c r="J4" s="328"/>
      <c r="N4" s="328"/>
      <c r="O4" s="328"/>
      <c r="P4" s="328"/>
      <c r="Q4" s="328"/>
    </row>
    <row r="5" spans="1:18" s="325" customFormat="1" ht="33" customHeight="1">
      <c r="A5" s="323" t="s">
        <v>178</v>
      </c>
      <c r="B5" s="329" t="s">
        <v>177</v>
      </c>
      <c r="C5" s="329">
        <v>1</v>
      </c>
      <c r="E5" s="326"/>
      <c r="F5" s="329" t="s">
        <v>15</v>
      </c>
      <c r="G5" s="330">
        <v>7</v>
      </c>
      <c r="J5" s="328"/>
      <c r="N5" s="328"/>
      <c r="O5" s="328"/>
      <c r="P5" s="328"/>
      <c r="Q5" s="328"/>
    </row>
    <row r="6" spans="1:18" s="320" customFormat="1" ht="23.25" customHeight="1">
      <c r="A6" s="321"/>
      <c r="E6" s="321"/>
      <c r="F6" s="331" t="s">
        <v>27</v>
      </c>
      <c r="G6" s="332">
        <v>9</v>
      </c>
      <c r="J6" s="322"/>
      <c r="N6" s="322"/>
      <c r="O6" s="322"/>
      <c r="P6" s="322"/>
      <c r="Q6" s="322"/>
    </row>
    <row r="7" spans="1:18" s="325" customFormat="1" ht="64.150000000000006" customHeight="1">
      <c r="A7" s="326"/>
      <c r="E7" s="326"/>
      <c r="F7" s="329" t="s">
        <v>176</v>
      </c>
      <c r="G7" s="330">
        <v>1</v>
      </c>
      <c r="H7" s="333" t="s">
        <v>4199</v>
      </c>
      <c r="I7" s="333"/>
      <c r="J7" s="328">
        <f>SUM(J21+J22+J23+J24+J25)</f>
        <v>171</v>
      </c>
      <c r="N7" s="328"/>
      <c r="O7" s="328"/>
      <c r="P7" s="328"/>
      <c r="Q7" s="328"/>
    </row>
    <row r="8" spans="1:18" s="325" customFormat="1" ht="56.25" customHeight="1">
      <c r="A8" s="326"/>
      <c r="B8" s="325" t="s">
        <v>156</v>
      </c>
      <c r="E8" s="326"/>
      <c r="F8" s="1180" t="s">
        <v>175</v>
      </c>
      <c r="G8" s="1181"/>
      <c r="H8" s="334">
        <v>7</v>
      </c>
      <c r="I8" s="1074"/>
      <c r="J8" s="334">
        <f>SUM(J15:J37)</f>
        <v>220</v>
      </c>
      <c r="K8" s="334">
        <f>SUM(K15:K37)</f>
        <v>495</v>
      </c>
      <c r="O8" s="328"/>
      <c r="P8" s="328"/>
      <c r="Q8" s="328"/>
      <c r="R8" s="328"/>
    </row>
    <row r="9" spans="1:18" s="320" customFormat="1" ht="15.75">
      <c r="B9" s="335">
        <v>9</v>
      </c>
      <c r="E9" s="321"/>
      <c r="J9" s="322"/>
      <c r="L9" s="322"/>
      <c r="M9" s="322"/>
      <c r="N9" s="322"/>
      <c r="O9" s="322"/>
      <c r="P9" s="322"/>
      <c r="Q9" s="322"/>
    </row>
    <row r="10" spans="1:18" s="320" customFormat="1" ht="14.45" customHeight="1">
      <c r="A10" s="331"/>
      <c r="B10" s="1173" t="s">
        <v>174</v>
      </c>
      <c r="C10" s="1174"/>
      <c r="D10" s="1174"/>
      <c r="E10" s="1174"/>
      <c r="F10" s="1174"/>
      <c r="G10" s="1174"/>
      <c r="H10" s="1174"/>
      <c r="I10" s="1175"/>
      <c r="J10" s="1174"/>
      <c r="K10" s="1174"/>
      <c r="L10" s="1174"/>
      <c r="M10" s="1174"/>
      <c r="N10" s="1174"/>
      <c r="O10" s="1174"/>
      <c r="P10" s="1174"/>
      <c r="Q10" s="1176"/>
    </row>
    <row r="11" spans="1:18" s="320" customFormat="1" ht="126">
      <c r="A11" s="331" t="s">
        <v>173</v>
      </c>
      <c r="B11" s="342" t="s">
        <v>172</v>
      </c>
      <c r="C11" s="343" t="s">
        <v>171</v>
      </c>
      <c r="D11" s="343" t="s">
        <v>170</v>
      </c>
      <c r="E11" s="336" t="s">
        <v>169</v>
      </c>
      <c r="F11" s="331" t="s">
        <v>168</v>
      </c>
      <c r="G11" s="331" t="s">
        <v>167</v>
      </c>
      <c r="H11" s="1064" t="s">
        <v>5073</v>
      </c>
      <c r="I11" s="1065" t="s">
        <v>5074</v>
      </c>
      <c r="J11" s="331" t="s">
        <v>166</v>
      </c>
      <c r="K11" s="331" t="s">
        <v>165</v>
      </c>
      <c r="L11" s="331" t="s">
        <v>164</v>
      </c>
      <c r="M11" s="331" t="s">
        <v>163</v>
      </c>
      <c r="N11" s="331" t="s">
        <v>162</v>
      </c>
      <c r="O11" s="331" t="s">
        <v>161</v>
      </c>
      <c r="P11" s="331" t="s">
        <v>160</v>
      </c>
      <c r="Q11" s="331" t="s">
        <v>159</v>
      </c>
    </row>
    <row r="12" spans="1:18" s="320" customFormat="1" ht="14.45" customHeight="1">
      <c r="A12" s="331"/>
      <c r="B12" s="1173" t="s">
        <v>719</v>
      </c>
      <c r="C12" s="1174"/>
      <c r="D12" s="1174"/>
      <c r="E12" s="1174"/>
      <c r="F12" s="1174"/>
      <c r="G12" s="1174"/>
      <c r="H12" s="1174"/>
      <c r="I12" s="1175"/>
      <c r="J12" s="1174"/>
      <c r="K12" s="1174"/>
      <c r="L12" s="1174"/>
      <c r="M12" s="1174"/>
      <c r="N12" s="1174"/>
      <c r="O12" s="1174"/>
      <c r="P12" s="1174"/>
      <c r="Q12" s="1176"/>
    </row>
    <row r="13" spans="1:18" s="320" customFormat="1" ht="14.45" customHeight="1">
      <c r="A13" s="331"/>
      <c r="B13" s="1173" t="s">
        <v>157</v>
      </c>
      <c r="C13" s="1174"/>
      <c r="D13" s="1174"/>
      <c r="E13" s="1174"/>
      <c r="F13" s="1174"/>
      <c r="G13" s="1174"/>
      <c r="H13" s="1174"/>
      <c r="I13" s="1175"/>
      <c r="J13" s="1174"/>
      <c r="K13" s="1174"/>
      <c r="L13" s="1174"/>
      <c r="M13" s="1174"/>
      <c r="N13" s="1174"/>
      <c r="O13" s="1174"/>
      <c r="P13" s="1174"/>
      <c r="Q13" s="1176"/>
    </row>
    <row r="14" spans="1:18" s="320" customFormat="1" ht="15.75">
      <c r="A14" s="331">
        <v>1</v>
      </c>
      <c r="B14" s="331">
        <v>2</v>
      </c>
      <c r="C14" s="331">
        <v>3</v>
      </c>
      <c r="D14" s="331">
        <v>4</v>
      </c>
      <c r="E14" s="336">
        <v>5</v>
      </c>
      <c r="F14" s="331">
        <v>6</v>
      </c>
      <c r="G14" s="331">
        <v>7</v>
      </c>
      <c r="H14" s="331">
        <v>8</v>
      </c>
      <c r="I14" s="1075"/>
      <c r="J14" s="331">
        <v>9</v>
      </c>
      <c r="K14" s="331">
        <v>10</v>
      </c>
      <c r="L14" s="331">
        <v>11</v>
      </c>
      <c r="M14" s="331"/>
      <c r="N14" s="331"/>
      <c r="O14" s="331">
        <v>12</v>
      </c>
      <c r="P14" s="331">
        <v>13</v>
      </c>
      <c r="Q14" s="331">
        <v>14</v>
      </c>
    </row>
    <row r="15" spans="1:18" s="320" customFormat="1" ht="120" customHeight="1">
      <c r="A15" s="331">
        <v>1</v>
      </c>
      <c r="B15" s="330" t="s">
        <v>718</v>
      </c>
      <c r="C15" s="332" t="s">
        <v>511</v>
      </c>
      <c r="D15" s="332" t="s">
        <v>717</v>
      </c>
      <c r="E15" s="344" t="s">
        <v>716</v>
      </c>
      <c r="F15" s="337">
        <v>44015</v>
      </c>
      <c r="G15" s="337"/>
      <c r="H15" s="332" t="s">
        <v>10</v>
      </c>
      <c r="I15" s="1075"/>
      <c r="J15" s="332">
        <v>3</v>
      </c>
      <c r="K15" s="332">
        <v>9</v>
      </c>
      <c r="L15" s="332">
        <v>0</v>
      </c>
      <c r="M15" s="332"/>
      <c r="N15" s="332"/>
      <c r="O15" s="332" t="s">
        <v>715</v>
      </c>
      <c r="P15" s="332"/>
      <c r="Q15" s="332"/>
    </row>
    <row r="16" spans="1:18" s="320" customFormat="1" ht="120" customHeight="1">
      <c r="A16" s="331">
        <v>2</v>
      </c>
      <c r="B16" s="330" t="s">
        <v>714</v>
      </c>
      <c r="C16" s="332" t="s">
        <v>511</v>
      </c>
      <c r="D16" s="332" t="s">
        <v>713</v>
      </c>
      <c r="E16" s="344" t="s">
        <v>712</v>
      </c>
      <c r="F16" s="337" t="s">
        <v>711</v>
      </c>
      <c r="G16" s="337"/>
      <c r="H16" s="332" t="s">
        <v>10</v>
      </c>
      <c r="I16" s="1075"/>
      <c r="J16" s="332">
        <v>1</v>
      </c>
      <c r="K16" s="332">
        <v>4</v>
      </c>
      <c r="L16" s="332">
        <v>0</v>
      </c>
      <c r="M16" s="332"/>
      <c r="N16" s="332"/>
      <c r="O16" s="332" t="s">
        <v>710</v>
      </c>
      <c r="P16" s="332"/>
      <c r="Q16" s="332"/>
    </row>
    <row r="17" spans="1:17" s="320" customFormat="1" ht="120" customHeight="1">
      <c r="A17" s="331">
        <v>3</v>
      </c>
      <c r="B17" s="330" t="s">
        <v>709</v>
      </c>
      <c r="C17" s="332" t="s">
        <v>27</v>
      </c>
      <c r="D17" s="332" t="s">
        <v>708</v>
      </c>
      <c r="E17" s="344" t="s">
        <v>707</v>
      </c>
      <c r="F17" s="337">
        <v>44668</v>
      </c>
      <c r="G17" s="337"/>
      <c r="H17" s="332" t="s">
        <v>10</v>
      </c>
      <c r="I17" s="1075"/>
      <c r="J17" s="332">
        <v>1</v>
      </c>
      <c r="K17" s="332">
        <v>2</v>
      </c>
      <c r="L17" s="332">
        <v>0</v>
      </c>
      <c r="M17" s="332"/>
      <c r="N17" s="332"/>
      <c r="O17" s="332"/>
      <c r="P17" s="332"/>
      <c r="Q17" s="332"/>
    </row>
    <row r="18" spans="1:17" s="320" customFormat="1" ht="120" customHeight="1">
      <c r="A18" s="331">
        <v>4</v>
      </c>
      <c r="B18" s="330" t="s">
        <v>706</v>
      </c>
      <c r="C18" s="332" t="s">
        <v>27</v>
      </c>
      <c r="D18" s="332" t="s">
        <v>705</v>
      </c>
      <c r="E18" s="344" t="s">
        <v>704</v>
      </c>
      <c r="F18" s="337" t="s">
        <v>703</v>
      </c>
      <c r="G18" s="332" t="s">
        <v>4340</v>
      </c>
      <c r="H18" s="332" t="s">
        <v>10</v>
      </c>
      <c r="I18" s="1075"/>
      <c r="J18" s="332">
        <v>1</v>
      </c>
      <c r="K18" s="332">
        <v>6</v>
      </c>
      <c r="L18" s="332">
        <v>1</v>
      </c>
      <c r="M18" s="332"/>
      <c r="N18" s="332"/>
      <c r="O18" s="332" t="s">
        <v>702</v>
      </c>
      <c r="P18" s="332"/>
      <c r="Q18" s="332"/>
    </row>
    <row r="19" spans="1:17" s="320" customFormat="1" ht="120" customHeight="1">
      <c r="A19" s="331">
        <v>5</v>
      </c>
      <c r="B19" s="330" t="s">
        <v>701</v>
      </c>
      <c r="C19" s="332" t="s">
        <v>15</v>
      </c>
      <c r="D19" s="332" t="s">
        <v>700</v>
      </c>
      <c r="E19" s="344" t="s">
        <v>699</v>
      </c>
      <c r="F19" s="337">
        <v>42767</v>
      </c>
      <c r="G19" s="337" t="s">
        <v>63</v>
      </c>
      <c r="H19" s="332" t="s">
        <v>10</v>
      </c>
      <c r="I19" s="1075"/>
      <c r="J19" s="332">
        <v>5</v>
      </c>
      <c r="K19" s="332">
        <v>30</v>
      </c>
      <c r="L19" s="332">
        <v>1</v>
      </c>
      <c r="M19" s="332"/>
      <c r="N19" s="332"/>
      <c r="O19" s="332" t="s">
        <v>698</v>
      </c>
      <c r="P19" s="332"/>
      <c r="Q19" s="332"/>
    </row>
    <row r="20" spans="1:17" s="320" customFormat="1" ht="120" customHeight="1">
      <c r="A20" s="331">
        <v>6</v>
      </c>
      <c r="B20" s="330" t="s">
        <v>697</v>
      </c>
      <c r="C20" s="332" t="s">
        <v>15</v>
      </c>
      <c r="D20" s="332" t="s">
        <v>696</v>
      </c>
      <c r="E20" s="344" t="s">
        <v>695</v>
      </c>
      <c r="F20" s="337">
        <v>44511</v>
      </c>
      <c r="G20" s="337" t="s">
        <v>694</v>
      </c>
      <c r="H20" s="332" t="s">
        <v>10</v>
      </c>
      <c r="I20" s="1075"/>
      <c r="J20" s="332">
        <v>4</v>
      </c>
      <c r="K20" s="332">
        <v>12</v>
      </c>
      <c r="L20" s="332">
        <v>1</v>
      </c>
      <c r="M20" s="332"/>
      <c r="N20" s="332"/>
      <c r="O20" s="332" t="s">
        <v>693</v>
      </c>
      <c r="P20" s="332"/>
      <c r="Q20" s="332"/>
    </row>
    <row r="21" spans="1:17" s="320" customFormat="1" ht="199.5" customHeight="1">
      <c r="A21" s="331">
        <v>7</v>
      </c>
      <c r="B21" s="330" t="s">
        <v>4341</v>
      </c>
      <c r="C21" s="332" t="s">
        <v>15</v>
      </c>
      <c r="D21" s="332" t="s">
        <v>692</v>
      </c>
      <c r="E21" s="344" t="s">
        <v>691</v>
      </c>
      <c r="F21" s="337">
        <v>42445</v>
      </c>
      <c r="G21" s="337" t="s">
        <v>63</v>
      </c>
      <c r="H21" s="332" t="s">
        <v>4342</v>
      </c>
      <c r="I21" s="1075"/>
      <c r="J21" s="330">
        <v>30</v>
      </c>
      <c r="K21" s="330">
        <v>68</v>
      </c>
      <c r="L21" s="320">
        <v>1</v>
      </c>
      <c r="M21" s="332"/>
      <c r="N21" s="332"/>
      <c r="O21" s="332" t="s">
        <v>690</v>
      </c>
      <c r="P21" s="332"/>
      <c r="Q21" s="332"/>
    </row>
    <row r="22" spans="1:17" s="320" customFormat="1" ht="256.5" customHeight="1">
      <c r="A22" s="331">
        <v>8</v>
      </c>
      <c r="B22" s="330" t="s">
        <v>4343</v>
      </c>
      <c r="C22" s="332" t="s">
        <v>179</v>
      </c>
      <c r="D22" s="332" t="s">
        <v>689</v>
      </c>
      <c r="E22" s="344" t="s">
        <v>688</v>
      </c>
      <c r="F22" s="337">
        <v>35089</v>
      </c>
      <c r="G22" s="337" t="s">
        <v>63</v>
      </c>
      <c r="H22" s="332" t="s">
        <v>4344</v>
      </c>
      <c r="I22" s="1075"/>
      <c r="J22" s="332">
        <v>64</v>
      </c>
      <c r="K22" s="332">
        <v>106</v>
      </c>
      <c r="L22" s="332">
        <v>16</v>
      </c>
      <c r="M22" s="332"/>
      <c r="N22" s="332"/>
      <c r="O22" s="332" t="s">
        <v>687</v>
      </c>
      <c r="P22" s="332"/>
      <c r="Q22" s="332" t="s">
        <v>686</v>
      </c>
    </row>
    <row r="23" spans="1:17" s="320" customFormat="1" ht="176.25" customHeight="1">
      <c r="A23" s="331">
        <v>9</v>
      </c>
      <c r="B23" s="330" t="s">
        <v>685</v>
      </c>
      <c r="C23" s="332" t="s">
        <v>179</v>
      </c>
      <c r="D23" s="332" t="s">
        <v>684</v>
      </c>
      <c r="E23" s="344" t="s">
        <v>683</v>
      </c>
      <c r="F23" s="337">
        <v>33655</v>
      </c>
      <c r="G23" s="332" t="s">
        <v>125</v>
      </c>
      <c r="H23" s="332" t="s">
        <v>4345</v>
      </c>
      <c r="I23" s="1075"/>
      <c r="J23" s="332">
        <v>38</v>
      </c>
      <c r="K23" s="332">
        <v>78</v>
      </c>
      <c r="L23" s="332">
        <v>5</v>
      </c>
      <c r="M23" s="332"/>
      <c r="N23" s="332"/>
      <c r="O23" s="332" t="s">
        <v>682</v>
      </c>
      <c r="P23" s="332"/>
      <c r="Q23" s="332"/>
    </row>
    <row r="24" spans="1:17" s="320" customFormat="1" ht="120" customHeight="1">
      <c r="A24" s="331">
        <v>10</v>
      </c>
      <c r="B24" s="330" t="s">
        <v>4330</v>
      </c>
      <c r="C24" s="332" t="s">
        <v>179</v>
      </c>
      <c r="D24" s="332" t="s">
        <v>681</v>
      </c>
      <c r="E24" s="344" t="s">
        <v>680</v>
      </c>
      <c r="F24" s="337">
        <v>40267</v>
      </c>
      <c r="G24" s="337" t="s">
        <v>63</v>
      </c>
      <c r="H24" s="330" t="s">
        <v>4346</v>
      </c>
      <c r="I24" s="767"/>
      <c r="J24" s="332">
        <v>12</v>
      </c>
      <c r="K24" s="332">
        <v>32</v>
      </c>
      <c r="L24" s="332">
        <v>5</v>
      </c>
      <c r="M24" s="332"/>
      <c r="N24" s="332"/>
      <c r="O24" s="332" t="s">
        <v>679</v>
      </c>
      <c r="P24" s="332"/>
      <c r="Q24" s="332"/>
    </row>
    <row r="25" spans="1:17" s="348" customFormat="1" ht="227.25" customHeight="1">
      <c r="A25" s="345">
        <v>11</v>
      </c>
      <c r="B25" s="330" t="s">
        <v>4347</v>
      </c>
      <c r="C25" s="330" t="s">
        <v>179</v>
      </c>
      <c r="D25" s="330" t="s">
        <v>678</v>
      </c>
      <c r="E25" s="346" t="s">
        <v>4331</v>
      </c>
      <c r="F25" s="338">
        <v>44011</v>
      </c>
      <c r="G25" s="338" t="s">
        <v>383</v>
      </c>
      <c r="H25" s="330" t="s">
        <v>4332</v>
      </c>
      <c r="I25" s="767"/>
      <c r="J25" s="330">
        <v>27</v>
      </c>
      <c r="K25" s="330">
        <v>50</v>
      </c>
      <c r="L25" s="330">
        <v>5</v>
      </c>
      <c r="M25" s="330"/>
      <c r="N25" s="330"/>
      <c r="O25" s="330" t="s">
        <v>677</v>
      </c>
      <c r="P25" s="347" t="s">
        <v>676</v>
      </c>
      <c r="Q25" s="330"/>
    </row>
    <row r="26" spans="1:17" s="325" customFormat="1" ht="157.5">
      <c r="A26" s="331">
        <v>12</v>
      </c>
      <c r="B26" s="330" t="s">
        <v>4348</v>
      </c>
      <c r="C26" s="330" t="s">
        <v>179</v>
      </c>
      <c r="D26" s="330" t="s">
        <v>675</v>
      </c>
      <c r="E26" s="346" t="s">
        <v>674</v>
      </c>
      <c r="F26" s="346" t="s">
        <v>673</v>
      </c>
      <c r="G26" s="330" t="s">
        <v>231</v>
      </c>
      <c r="H26" s="330" t="s">
        <v>4333</v>
      </c>
      <c r="I26" s="767"/>
      <c r="J26" s="330">
        <v>8</v>
      </c>
      <c r="K26" s="330">
        <v>24</v>
      </c>
      <c r="L26" s="330">
        <v>2</v>
      </c>
      <c r="M26" s="330">
        <v>2022</v>
      </c>
      <c r="N26" s="330"/>
      <c r="O26" s="330"/>
      <c r="P26" s="330"/>
      <c r="Q26" s="330"/>
    </row>
    <row r="27" spans="1:17" s="325" customFormat="1" ht="147" customHeight="1">
      <c r="A27" s="331">
        <v>13</v>
      </c>
      <c r="B27" s="330" t="s">
        <v>4334</v>
      </c>
      <c r="C27" s="330" t="s">
        <v>15</v>
      </c>
      <c r="D27" s="330" t="s">
        <v>672</v>
      </c>
      <c r="E27" s="346" t="s">
        <v>671</v>
      </c>
      <c r="F27" s="346" t="s">
        <v>670</v>
      </c>
      <c r="G27" s="330" t="s">
        <v>669</v>
      </c>
      <c r="H27" s="330" t="s">
        <v>4335</v>
      </c>
      <c r="I27" s="767"/>
      <c r="J27" s="330">
        <v>4</v>
      </c>
      <c r="K27" s="330">
        <v>8</v>
      </c>
      <c r="L27" s="330">
        <v>1</v>
      </c>
      <c r="M27" s="330">
        <v>2023</v>
      </c>
      <c r="N27" s="330"/>
      <c r="O27" s="330" t="s">
        <v>668</v>
      </c>
      <c r="P27" s="330"/>
      <c r="Q27" s="330"/>
    </row>
    <row r="28" spans="1:17" s="325" customFormat="1" ht="86.25" customHeight="1">
      <c r="A28" s="331">
        <v>14</v>
      </c>
      <c r="B28" s="349" t="s">
        <v>667</v>
      </c>
      <c r="C28" s="350" t="s">
        <v>27</v>
      </c>
      <c r="D28" s="349" t="s">
        <v>666</v>
      </c>
      <c r="E28" s="339" t="s">
        <v>665</v>
      </c>
      <c r="F28" s="351" t="s">
        <v>664</v>
      </c>
      <c r="G28" s="349"/>
      <c r="H28" s="349" t="s">
        <v>10</v>
      </c>
      <c r="I28" s="1076"/>
      <c r="J28" s="349">
        <v>3</v>
      </c>
      <c r="K28" s="349">
        <v>10</v>
      </c>
      <c r="L28" s="349">
        <v>0</v>
      </c>
      <c r="M28" s="349"/>
      <c r="N28" s="349"/>
      <c r="O28" s="349" t="s">
        <v>663</v>
      </c>
      <c r="P28" s="349"/>
      <c r="Q28" s="349"/>
    </row>
    <row r="29" spans="1:17" s="353" customFormat="1" ht="81" customHeight="1">
      <c r="A29" s="331">
        <v>15</v>
      </c>
      <c r="B29" s="330" t="s">
        <v>662</v>
      </c>
      <c r="C29" s="330" t="s">
        <v>27</v>
      </c>
      <c r="D29" s="330" t="s">
        <v>660</v>
      </c>
      <c r="E29" s="330" t="s">
        <v>659</v>
      </c>
      <c r="F29" s="340">
        <v>44339</v>
      </c>
      <c r="G29" s="341"/>
      <c r="H29" s="352"/>
      <c r="I29" s="1077"/>
      <c r="J29" s="330">
        <v>1</v>
      </c>
      <c r="K29" s="330">
        <v>6</v>
      </c>
      <c r="L29" s="330">
        <v>0</v>
      </c>
      <c r="M29" s="352"/>
      <c r="N29" s="352"/>
      <c r="O29" s="352"/>
      <c r="P29" s="352"/>
      <c r="Q29" s="352"/>
    </row>
    <row r="30" spans="1:17" s="353" customFormat="1" ht="81" customHeight="1">
      <c r="A30" s="331">
        <v>16</v>
      </c>
      <c r="B30" s="330" t="s">
        <v>661</v>
      </c>
      <c r="C30" s="330" t="s">
        <v>27</v>
      </c>
      <c r="D30" s="330" t="s">
        <v>660</v>
      </c>
      <c r="E30" s="330" t="s">
        <v>659</v>
      </c>
      <c r="F30" s="340">
        <v>44339</v>
      </c>
      <c r="G30" s="341"/>
      <c r="H30" s="352"/>
      <c r="I30" s="1077"/>
      <c r="J30" s="330">
        <v>1</v>
      </c>
      <c r="K30" s="330">
        <v>4</v>
      </c>
      <c r="L30" s="330"/>
      <c r="M30" s="352"/>
      <c r="N30" s="352"/>
      <c r="O30" s="352"/>
      <c r="P30" s="352"/>
      <c r="Q30" s="352"/>
    </row>
    <row r="31" spans="1:17" s="353" customFormat="1" ht="67.5" customHeight="1">
      <c r="A31" s="331">
        <v>17</v>
      </c>
      <c r="B31" s="330" t="s">
        <v>658</v>
      </c>
      <c r="C31" s="330" t="s">
        <v>15</v>
      </c>
      <c r="D31" s="330" t="s">
        <v>657</v>
      </c>
      <c r="E31" s="330" t="s">
        <v>656</v>
      </c>
      <c r="F31" s="338">
        <v>39759</v>
      </c>
      <c r="G31" s="338" t="s">
        <v>655</v>
      </c>
      <c r="H31" s="332" t="s">
        <v>10</v>
      </c>
      <c r="I31" s="1075"/>
      <c r="J31" s="330">
        <v>2</v>
      </c>
      <c r="K31" s="330">
        <v>4</v>
      </c>
      <c r="L31" s="330">
        <v>1</v>
      </c>
      <c r="M31" s="352"/>
      <c r="N31" s="352"/>
      <c r="O31" s="352"/>
      <c r="P31" s="352"/>
      <c r="Q31" s="352"/>
    </row>
    <row r="32" spans="1:17" s="353" customFormat="1" ht="67.5" customHeight="1">
      <c r="A32" s="331">
        <v>18</v>
      </c>
      <c r="B32" s="330" t="s">
        <v>654</v>
      </c>
      <c r="C32" s="330" t="s">
        <v>27</v>
      </c>
      <c r="D32" s="332" t="s">
        <v>653</v>
      </c>
      <c r="E32" s="332" t="s">
        <v>652</v>
      </c>
      <c r="F32" s="337">
        <v>44354</v>
      </c>
      <c r="G32" s="338"/>
      <c r="H32" s="352"/>
      <c r="I32" s="1077"/>
      <c r="J32" s="330">
        <v>1</v>
      </c>
      <c r="K32" s="330">
        <v>4</v>
      </c>
      <c r="L32" s="330"/>
      <c r="M32" s="352"/>
      <c r="N32" s="352"/>
      <c r="O32" s="352"/>
      <c r="P32" s="352"/>
      <c r="Q32" s="352"/>
    </row>
    <row r="33" spans="1:17" s="353" customFormat="1" ht="67.5" customHeight="1">
      <c r="A33" s="331">
        <v>19</v>
      </c>
      <c r="B33" s="330" t="s">
        <v>651</v>
      </c>
      <c r="C33" s="330" t="s">
        <v>27</v>
      </c>
      <c r="D33" s="332" t="s">
        <v>650</v>
      </c>
      <c r="E33" s="332" t="s">
        <v>649</v>
      </c>
      <c r="F33" s="337">
        <v>44280</v>
      </c>
      <c r="G33" s="338"/>
      <c r="H33" s="352"/>
      <c r="I33" s="1077"/>
      <c r="J33" s="330">
        <v>1</v>
      </c>
      <c r="K33" s="330">
        <v>4</v>
      </c>
      <c r="L33" s="330"/>
      <c r="M33" s="352"/>
      <c r="N33" s="352"/>
      <c r="O33" s="352"/>
      <c r="P33" s="352"/>
      <c r="Q33" s="352"/>
    </row>
    <row r="34" spans="1:17" s="320" customFormat="1" ht="120" customHeight="1">
      <c r="A34" s="331">
        <v>20</v>
      </c>
      <c r="B34" s="330" t="s">
        <v>648</v>
      </c>
      <c r="C34" s="332" t="s">
        <v>53</v>
      </c>
      <c r="D34" s="332" t="s">
        <v>647</v>
      </c>
      <c r="E34" s="344" t="s">
        <v>646</v>
      </c>
      <c r="F34" s="332" t="s">
        <v>50</v>
      </c>
      <c r="G34" s="337"/>
      <c r="H34" s="332"/>
      <c r="I34" s="1075"/>
      <c r="J34" s="332">
        <v>1</v>
      </c>
      <c r="K34" s="332">
        <v>4</v>
      </c>
      <c r="L34" s="332"/>
      <c r="M34" s="332"/>
      <c r="N34" s="332"/>
      <c r="O34" s="332"/>
      <c r="P34" s="332"/>
      <c r="Q34" s="332" t="s">
        <v>645</v>
      </c>
    </row>
    <row r="35" spans="1:17" s="320" customFormat="1" ht="120" customHeight="1">
      <c r="A35" s="332">
        <v>21</v>
      </c>
      <c r="B35" s="330" t="s">
        <v>644</v>
      </c>
      <c r="C35" s="332" t="s">
        <v>15</v>
      </c>
      <c r="D35" s="332" t="s">
        <v>643</v>
      </c>
      <c r="E35" s="344" t="s">
        <v>642</v>
      </c>
      <c r="F35" s="337">
        <v>45392</v>
      </c>
      <c r="G35" s="337" t="s">
        <v>641</v>
      </c>
      <c r="H35" s="332"/>
      <c r="I35" s="1075"/>
      <c r="J35" s="332">
        <v>1</v>
      </c>
      <c r="K35" s="332">
        <v>8</v>
      </c>
      <c r="L35" s="332"/>
      <c r="M35" s="332"/>
      <c r="N35" s="332"/>
      <c r="O35" s="332" t="s">
        <v>640</v>
      </c>
      <c r="P35" s="332"/>
      <c r="Q35" s="332"/>
    </row>
    <row r="36" spans="1:17" s="320" customFormat="1" ht="120" customHeight="1">
      <c r="A36" s="331">
        <v>22</v>
      </c>
      <c r="B36" s="330" t="s">
        <v>4336</v>
      </c>
      <c r="C36" s="330" t="s">
        <v>15</v>
      </c>
      <c r="D36" s="330" t="s">
        <v>4337</v>
      </c>
      <c r="E36" s="346" t="s">
        <v>4338</v>
      </c>
      <c r="F36" s="338">
        <v>45135</v>
      </c>
      <c r="G36" s="338" t="s">
        <v>383</v>
      </c>
      <c r="H36" s="330" t="s">
        <v>10</v>
      </c>
      <c r="I36" s="767"/>
      <c r="J36" s="330">
        <v>11</v>
      </c>
      <c r="K36" s="330">
        <v>22</v>
      </c>
      <c r="L36" s="330"/>
      <c r="M36" s="330"/>
      <c r="N36" s="330"/>
      <c r="O36" s="330" t="s">
        <v>4339</v>
      </c>
      <c r="P36" s="330"/>
      <c r="Q36" s="330"/>
    </row>
    <row r="37" spans="1:17" s="320" customFormat="1" ht="14.45" customHeight="1">
      <c r="A37" s="331"/>
      <c r="B37" s="1177" t="s">
        <v>16</v>
      </c>
      <c r="C37" s="1178"/>
      <c r="D37" s="1178"/>
      <c r="E37" s="1178"/>
      <c r="F37" s="1178"/>
      <c r="G37" s="1178"/>
      <c r="H37" s="1178"/>
      <c r="I37" s="1175"/>
      <c r="J37" s="1178"/>
      <c r="K37" s="1178"/>
      <c r="L37" s="1178"/>
      <c r="M37" s="1178"/>
      <c r="N37" s="1178"/>
      <c r="O37" s="1178"/>
      <c r="P37" s="1178"/>
      <c r="Q37" s="1179"/>
    </row>
    <row r="38" spans="1:17" s="320" customFormat="1" ht="120" customHeight="1">
      <c r="A38" s="331">
        <v>1</v>
      </c>
      <c r="B38" s="330" t="s">
        <v>639</v>
      </c>
      <c r="C38" s="332" t="s">
        <v>53</v>
      </c>
      <c r="D38" s="332" t="s">
        <v>638</v>
      </c>
      <c r="E38" s="344"/>
      <c r="F38" s="332"/>
      <c r="G38" s="337"/>
      <c r="H38" s="332"/>
      <c r="I38" s="1075"/>
      <c r="J38" s="332">
        <v>1</v>
      </c>
      <c r="K38" s="332">
        <v>4</v>
      </c>
      <c r="L38" s="332"/>
      <c r="M38" s="332"/>
      <c r="N38" s="332"/>
      <c r="O38" s="332"/>
      <c r="P38" s="332"/>
      <c r="Q38" s="332"/>
    </row>
    <row r="39" spans="1:17" s="320" customFormat="1" ht="15.75">
      <c r="E39" s="321"/>
    </row>
    <row r="40" spans="1:17" s="320" customFormat="1" ht="15.75">
      <c r="E40" s="321"/>
    </row>
    <row r="41" spans="1:17" s="320" customFormat="1" ht="15.75">
      <c r="E41" s="321"/>
    </row>
    <row r="42" spans="1:17" s="320" customFormat="1" ht="15.75">
      <c r="E42" s="321"/>
    </row>
    <row r="43" spans="1:17" s="320" customFormat="1" ht="15.75">
      <c r="E43" s="321"/>
    </row>
  </sheetData>
  <autoFilter ref="A14:R38"/>
  <mergeCells count="6">
    <mergeCell ref="B1:P1"/>
    <mergeCell ref="B10:Q10"/>
    <mergeCell ref="B12:Q12"/>
    <mergeCell ref="B13:Q13"/>
    <mergeCell ref="B37:Q37"/>
    <mergeCell ref="F8:G8"/>
  </mergeCells>
  <pageMargins left="0.7" right="0.7" top="0.75" bottom="0.75" header="0.3" footer="0.3"/>
  <pageSetup paperSize="9" scale="45" fitToHeight="0" orientation="landscape" r:id="rId1"/>
</worksheet>
</file>

<file path=xl/worksheets/sheet9.xml><?xml version="1.0" encoding="utf-8"?>
<worksheet xmlns="http://schemas.openxmlformats.org/spreadsheetml/2006/main" xmlns:r="http://schemas.openxmlformats.org/officeDocument/2006/relationships">
  <sheetPr>
    <tabColor theme="0"/>
    <pageSetUpPr fitToPage="1"/>
  </sheetPr>
  <dimension ref="A1:Q404"/>
  <sheetViews>
    <sheetView zoomScaleNormal="100" workbookViewId="0">
      <selection activeCell="H11" sqref="H11"/>
    </sheetView>
  </sheetViews>
  <sheetFormatPr defaultColWidth="9.140625" defaultRowHeight="15"/>
  <cols>
    <col min="1" max="1" width="6.85546875" style="74" customWidth="1"/>
    <col min="2" max="2" width="23.7109375" style="74" customWidth="1"/>
    <col min="3" max="3" width="9.85546875" style="74" customWidth="1"/>
    <col min="4" max="4" width="21.7109375" style="74" customWidth="1"/>
    <col min="5" max="5" width="17.85546875" style="78" customWidth="1"/>
    <col min="6" max="6" width="14.28515625" style="74" customWidth="1"/>
    <col min="7" max="7" width="22.140625" style="74" customWidth="1"/>
    <col min="8" max="8" width="17.42578125" style="75" customWidth="1"/>
    <col min="9" max="9" width="17.42578125" style="1081" customWidth="1"/>
    <col min="10" max="10" width="13.7109375" style="75" customWidth="1"/>
    <col min="11" max="11" width="13.7109375" style="74" customWidth="1"/>
    <col min="12" max="13" width="12.85546875" style="74" customWidth="1"/>
    <col min="14" max="14" width="16.85546875" style="74" customWidth="1"/>
    <col min="15" max="15" width="22" style="74" customWidth="1"/>
    <col min="16" max="17" width="18.28515625" style="74" customWidth="1"/>
    <col min="18" max="16384" width="9.140625" style="74"/>
  </cols>
  <sheetData>
    <row r="1" spans="1:17" s="274" customFormat="1" ht="31.5" customHeight="1">
      <c r="A1" s="1150" t="s">
        <v>2743</v>
      </c>
      <c r="B1" s="1150"/>
      <c r="C1" s="1150"/>
      <c r="D1" s="1150"/>
      <c r="E1" s="1150"/>
      <c r="F1" s="1150"/>
      <c r="G1" s="1150"/>
      <c r="H1" s="1150"/>
      <c r="I1" s="1150"/>
      <c r="J1" s="1150"/>
      <c r="K1" s="1150"/>
      <c r="L1" s="1150"/>
      <c r="M1" s="1150"/>
      <c r="N1" s="1150"/>
      <c r="O1" s="1150"/>
    </row>
    <row r="2" spans="1:17" s="245" customFormat="1" ht="79.5" customHeight="1">
      <c r="A2" s="354" t="s">
        <v>173</v>
      </c>
      <c r="B2" s="355" t="s">
        <v>186</v>
      </c>
      <c r="C2" s="355" t="s">
        <v>184</v>
      </c>
      <c r="E2" s="355" t="s">
        <v>185</v>
      </c>
      <c r="F2" s="355" t="s">
        <v>184</v>
      </c>
      <c r="H2" s="248"/>
      <c r="I2" s="248"/>
      <c r="K2" s="248"/>
      <c r="L2" s="248"/>
      <c r="M2" s="248"/>
      <c r="N2" s="248"/>
      <c r="O2" s="248"/>
      <c r="P2" s="248"/>
    </row>
    <row r="3" spans="1:17" s="245" customFormat="1" ht="36" customHeight="1">
      <c r="A3" s="79"/>
      <c r="B3" s="355" t="s">
        <v>183</v>
      </c>
      <c r="C3" s="250">
        <f>SUM(C4:C5)</f>
        <v>68</v>
      </c>
      <c r="E3" s="355" t="s">
        <v>182</v>
      </c>
      <c r="F3" s="355">
        <v>59</v>
      </c>
      <c r="H3" s="248"/>
      <c r="I3" s="248"/>
      <c r="K3" s="248"/>
      <c r="L3" s="248"/>
      <c r="M3" s="248"/>
      <c r="N3" s="248"/>
      <c r="O3" s="248"/>
      <c r="P3" s="248"/>
    </row>
    <row r="4" spans="1:17" s="245" customFormat="1" ht="37.5" customHeight="1">
      <c r="A4" s="79" t="s">
        <v>181</v>
      </c>
      <c r="B4" s="356" t="s">
        <v>180</v>
      </c>
      <c r="C4" s="252">
        <v>59</v>
      </c>
      <c r="E4" s="356" t="s">
        <v>179</v>
      </c>
      <c r="F4" s="356">
        <v>18</v>
      </c>
      <c r="H4" s="248"/>
      <c r="I4" s="248"/>
      <c r="K4" s="248"/>
      <c r="L4" s="248"/>
      <c r="M4" s="248"/>
      <c r="N4" s="248"/>
      <c r="O4" s="248"/>
      <c r="P4" s="248"/>
    </row>
    <row r="5" spans="1:17" s="245" customFormat="1" ht="33" customHeight="1">
      <c r="A5" s="79" t="s">
        <v>178</v>
      </c>
      <c r="B5" s="356" t="s">
        <v>177</v>
      </c>
      <c r="C5" s="252">
        <v>9</v>
      </c>
      <c r="E5" s="356" t="s">
        <v>15</v>
      </c>
      <c r="F5" s="356">
        <v>16</v>
      </c>
      <c r="H5" s="248"/>
      <c r="I5" s="248"/>
      <c r="K5" s="248"/>
      <c r="L5" s="248"/>
      <c r="M5" s="248"/>
      <c r="N5" s="248"/>
      <c r="O5" s="248"/>
      <c r="P5" s="248"/>
    </row>
    <row r="6" spans="1:17" s="245" customFormat="1" ht="23.25" customHeight="1">
      <c r="A6" s="253"/>
      <c r="E6" s="356" t="s">
        <v>27</v>
      </c>
      <c r="F6" s="356">
        <v>25</v>
      </c>
      <c r="H6" s="248"/>
      <c r="I6" s="248"/>
      <c r="K6" s="248"/>
      <c r="L6" s="248"/>
      <c r="M6" s="248"/>
      <c r="N6" s="248"/>
      <c r="O6" s="248"/>
      <c r="P6" s="248"/>
    </row>
    <row r="7" spans="1:17" s="245" customFormat="1" ht="51.75" customHeight="1">
      <c r="A7" s="253"/>
      <c r="E7" s="356" t="s">
        <v>176</v>
      </c>
      <c r="F7" s="356" t="s">
        <v>5023</v>
      </c>
      <c r="G7" s="245" t="s">
        <v>4199</v>
      </c>
      <c r="H7" s="357">
        <f>SUM(J20+J21+J54+J55+J57+J59+J60+J62+J63+J66)</f>
        <v>182</v>
      </c>
      <c r="I7" s="357"/>
      <c r="K7" s="248"/>
      <c r="L7" s="248"/>
      <c r="M7" s="248"/>
      <c r="N7" s="248"/>
      <c r="O7" s="248"/>
      <c r="P7" s="248"/>
    </row>
    <row r="8" spans="1:17" s="245" customFormat="1" ht="62.25" customHeight="1">
      <c r="A8" s="253"/>
      <c r="E8" s="1186" t="s">
        <v>175</v>
      </c>
      <c r="F8" s="1187"/>
      <c r="G8" s="245" t="s">
        <v>5024</v>
      </c>
      <c r="H8" s="358">
        <v>10</v>
      </c>
      <c r="I8" s="1066"/>
      <c r="J8" s="358">
        <f>SUM(J15:J73)</f>
        <v>487</v>
      </c>
      <c r="K8" s="358">
        <f>SUM(K15:K73)</f>
        <v>2059</v>
      </c>
      <c r="L8" s="248"/>
      <c r="M8" s="248"/>
      <c r="N8" s="248"/>
      <c r="O8" s="248"/>
      <c r="P8" s="248"/>
    </row>
    <row r="9" spans="1:17" s="274" customFormat="1" ht="15.75">
      <c r="B9" s="274">
        <v>11</v>
      </c>
      <c r="E9" s="359"/>
      <c r="H9" s="360"/>
      <c r="I9" s="360"/>
      <c r="J9" s="360"/>
    </row>
    <row r="10" spans="1:17" s="274" customFormat="1" ht="18.75" customHeight="1">
      <c r="A10" s="361"/>
      <c r="B10" s="1184" t="s">
        <v>174</v>
      </c>
      <c r="C10" s="1184"/>
      <c r="D10" s="1184"/>
      <c r="E10" s="1184"/>
      <c r="F10" s="1184"/>
      <c r="G10" s="1184"/>
      <c r="H10" s="1185"/>
      <c r="I10" s="1185"/>
      <c r="J10" s="1185"/>
      <c r="K10" s="1184"/>
      <c r="L10" s="1184"/>
      <c r="M10" s="1184"/>
      <c r="N10" s="1184"/>
      <c r="O10" s="1184"/>
      <c r="P10" s="1184"/>
      <c r="Q10" s="1184"/>
    </row>
    <row r="11" spans="1:17" s="274" customFormat="1" ht="108.75" customHeight="1">
      <c r="A11" s="356" t="s">
        <v>173</v>
      </c>
      <c r="B11" s="362" t="s">
        <v>172</v>
      </c>
      <c r="C11" s="363" t="s">
        <v>171</v>
      </c>
      <c r="D11" s="363" t="s">
        <v>170</v>
      </c>
      <c r="E11" s="356" t="s">
        <v>169</v>
      </c>
      <c r="F11" s="356" t="s">
        <v>168</v>
      </c>
      <c r="G11" s="364" t="s">
        <v>167</v>
      </c>
      <c r="H11" s="1064" t="s">
        <v>5073</v>
      </c>
      <c r="I11" s="1065" t="s">
        <v>5075</v>
      </c>
      <c r="J11" s="356" t="s">
        <v>166</v>
      </c>
      <c r="K11" s="365" t="s">
        <v>165</v>
      </c>
      <c r="L11" s="356" t="s">
        <v>164</v>
      </c>
      <c r="M11" s="356" t="s">
        <v>163</v>
      </c>
      <c r="N11" s="356" t="s">
        <v>162</v>
      </c>
      <c r="O11" s="356" t="s">
        <v>161</v>
      </c>
      <c r="P11" s="356" t="s">
        <v>160</v>
      </c>
      <c r="Q11" s="356" t="s">
        <v>159</v>
      </c>
    </row>
    <row r="12" spans="1:17" s="274" customFormat="1" ht="15.75">
      <c r="A12" s="361"/>
      <c r="B12" s="1184" t="s">
        <v>2742</v>
      </c>
      <c r="C12" s="1184"/>
      <c r="D12" s="1184"/>
      <c r="E12" s="1184"/>
      <c r="F12" s="1184"/>
      <c r="G12" s="1184"/>
      <c r="H12" s="1184"/>
      <c r="I12" s="1183"/>
      <c r="J12" s="1184"/>
      <c r="K12" s="1184"/>
      <c r="L12" s="1184"/>
      <c r="M12" s="1184"/>
      <c r="N12" s="1184"/>
      <c r="O12" s="1184"/>
      <c r="P12" s="1184"/>
      <c r="Q12" s="1184"/>
    </row>
    <row r="13" spans="1:17" s="274" customFormat="1" ht="15.75">
      <c r="A13" s="361"/>
      <c r="B13" s="1184" t="s">
        <v>157</v>
      </c>
      <c r="C13" s="1184"/>
      <c r="D13" s="1184"/>
      <c r="E13" s="1184"/>
      <c r="F13" s="1184"/>
      <c r="G13" s="1184"/>
      <c r="H13" s="1184"/>
      <c r="I13" s="1183"/>
      <c r="J13" s="1184"/>
      <c r="K13" s="1184"/>
      <c r="L13" s="1184"/>
      <c r="M13" s="1184"/>
      <c r="N13" s="1184"/>
      <c r="O13" s="1184"/>
      <c r="P13" s="1184"/>
      <c r="Q13" s="1184"/>
    </row>
    <row r="14" spans="1:17" s="274" customFormat="1" ht="15.75">
      <c r="A14" s="361">
        <v>1</v>
      </c>
      <c r="B14" s="361">
        <v>2</v>
      </c>
      <c r="C14" s="361">
        <v>3</v>
      </c>
      <c r="D14" s="361">
        <v>4</v>
      </c>
      <c r="E14" s="361">
        <v>5</v>
      </c>
      <c r="F14" s="361">
        <v>6</v>
      </c>
      <c r="G14" s="366">
        <v>7</v>
      </c>
      <c r="H14" s="361">
        <v>8</v>
      </c>
      <c r="I14" s="1068"/>
      <c r="J14" s="361">
        <v>9</v>
      </c>
      <c r="K14" s="367">
        <v>10</v>
      </c>
      <c r="L14" s="361">
        <v>11</v>
      </c>
      <c r="M14" s="361"/>
      <c r="N14" s="361"/>
      <c r="O14" s="361">
        <v>12</v>
      </c>
      <c r="P14" s="361">
        <v>13</v>
      </c>
      <c r="Q14" s="361">
        <v>14</v>
      </c>
    </row>
    <row r="15" spans="1:17" s="274" customFormat="1" ht="120" customHeight="1">
      <c r="A15" s="361">
        <v>1</v>
      </c>
      <c r="B15" s="368" t="s">
        <v>2737</v>
      </c>
      <c r="C15" s="368" t="s">
        <v>15</v>
      </c>
      <c r="D15" s="368" t="s">
        <v>2736</v>
      </c>
      <c r="E15" s="369" t="s">
        <v>2735</v>
      </c>
      <c r="F15" s="376">
        <v>42408</v>
      </c>
      <c r="G15" s="370" t="s">
        <v>655</v>
      </c>
      <c r="H15" s="368" t="s">
        <v>10</v>
      </c>
      <c r="I15" s="1068"/>
      <c r="J15" s="368">
        <v>1</v>
      </c>
      <c r="K15" s="371">
        <v>8</v>
      </c>
      <c r="L15" s="368">
        <v>1</v>
      </c>
      <c r="M15" s="368"/>
      <c r="N15" s="368"/>
      <c r="O15" s="368" t="s">
        <v>733</v>
      </c>
      <c r="P15" s="368"/>
      <c r="Q15" s="368"/>
    </row>
    <row r="16" spans="1:17" s="274" customFormat="1" ht="120" customHeight="1">
      <c r="A16" s="361">
        <f>A15+1</f>
        <v>2</v>
      </c>
      <c r="B16" s="368" t="s">
        <v>2734</v>
      </c>
      <c r="C16" s="368" t="s">
        <v>15</v>
      </c>
      <c r="D16" s="368" t="s">
        <v>2733</v>
      </c>
      <c r="E16" s="369" t="s">
        <v>2732</v>
      </c>
      <c r="F16" s="376">
        <v>39197</v>
      </c>
      <c r="G16" s="268" t="s">
        <v>926</v>
      </c>
      <c r="H16" s="368" t="s">
        <v>10</v>
      </c>
      <c r="I16" s="1068"/>
      <c r="J16" s="368">
        <v>1</v>
      </c>
      <c r="K16" s="371">
        <v>4</v>
      </c>
      <c r="L16" s="368">
        <v>1</v>
      </c>
      <c r="M16" s="368"/>
      <c r="N16" s="368"/>
      <c r="O16" s="368" t="s">
        <v>733</v>
      </c>
      <c r="P16" s="368"/>
      <c r="Q16" s="368"/>
    </row>
    <row r="17" spans="1:17" s="274" customFormat="1" ht="120" customHeight="1">
      <c r="A17" s="361">
        <f t="shared" ref="A17:A73" si="0">A16+1</f>
        <v>3</v>
      </c>
      <c r="B17" s="368" t="s">
        <v>2731</v>
      </c>
      <c r="C17" s="368" t="s">
        <v>15</v>
      </c>
      <c r="D17" s="368" t="s">
        <v>2730</v>
      </c>
      <c r="E17" s="369" t="s">
        <v>2729</v>
      </c>
      <c r="F17" s="376">
        <v>43816</v>
      </c>
      <c r="G17" s="268" t="s">
        <v>1244</v>
      </c>
      <c r="H17" s="368" t="s">
        <v>10</v>
      </c>
      <c r="I17" s="1068"/>
      <c r="J17" s="368">
        <v>1</v>
      </c>
      <c r="K17" s="371">
        <v>6</v>
      </c>
      <c r="L17" s="368">
        <v>1</v>
      </c>
      <c r="M17" s="368"/>
      <c r="N17" s="368"/>
      <c r="O17" s="368" t="s">
        <v>733</v>
      </c>
      <c r="P17" s="368"/>
      <c r="Q17" s="368"/>
    </row>
    <row r="18" spans="1:17" s="274" customFormat="1" ht="120" customHeight="1">
      <c r="A18" s="361">
        <f t="shared" si="0"/>
        <v>4</v>
      </c>
      <c r="B18" s="368" t="s">
        <v>2728</v>
      </c>
      <c r="C18" s="368" t="s">
        <v>15</v>
      </c>
      <c r="D18" s="368" t="s">
        <v>2727</v>
      </c>
      <c r="E18" s="369" t="s">
        <v>2726</v>
      </c>
      <c r="F18" s="376">
        <v>43747</v>
      </c>
      <c r="G18" s="268" t="s">
        <v>348</v>
      </c>
      <c r="H18" s="368" t="s">
        <v>10</v>
      </c>
      <c r="I18" s="1068"/>
      <c r="J18" s="368">
        <v>1</v>
      </c>
      <c r="K18" s="371">
        <v>10</v>
      </c>
      <c r="L18" s="368">
        <v>1</v>
      </c>
      <c r="M18" s="368"/>
      <c r="N18" s="368"/>
      <c r="O18" s="252" t="s">
        <v>2725</v>
      </c>
      <c r="P18" s="368"/>
      <c r="Q18" s="368"/>
    </row>
    <row r="19" spans="1:17" s="274" customFormat="1" ht="120" customHeight="1">
      <c r="A19" s="361">
        <f t="shared" si="0"/>
        <v>5</v>
      </c>
      <c r="B19" s="368" t="s">
        <v>2724</v>
      </c>
      <c r="C19" s="368" t="s">
        <v>15</v>
      </c>
      <c r="D19" s="368" t="s">
        <v>4349</v>
      </c>
      <c r="E19" s="369" t="s">
        <v>4350</v>
      </c>
      <c r="F19" s="376">
        <v>45579</v>
      </c>
      <c r="G19" s="252" t="s">
        <v>4355</v>
      </c>
      <c r="H19" s="368" t="s">
        <v>2723</v>
      </c>
      <c r="I19" s="1068"/>
      <c r="J19" s="368">
        <v>22</v>
      </c>
      <c r="K19" s="371">
        <v>116</v>
      </c>
      <c r="L19" s="368">
        <v>10</v>
      </c>
      <c r="M19" s="368"/>
      <c r="N19" s="368"/>
      <c r="O19" s="252" t="s">
        <v>2722</v>
      </c>
      <c r="P19" s="368"/>
      <c r="Q19" s="368"/>
    </row>
    <row r="20" spans="1:17" s="274" customFormat="1" ht="173.25" customHeight="1">
      <c r="A20" s="361">
        <f t="shared" si="0"/>
        <v>6</v>
      </c>
      <c r="B20" s="368" t="s">
        <v>2721</v>
      </c>
      <c r="C20" s="368" t="s">
        <v>15</v>
      </c>
      <c r="D20" s="368" t="s">
        <v>2720</v>
      </c>
      <c r="E20" s="369" t="s">
        <v>2719</v>
      </c>
      <c r="F20" s="376">
        <v>44357</v>
      </c>
      <c r="G20" s="268" t="s">
        <v>63</v>
      </c>
      <c r="H20" s="368" t="s">
        <v>2718</v>
      </c>
      <c r="I20" s="1068"/>
      <c r="J20" s="368">
        <v>3</v>
      </c>
      <c r="K20" s="371">
        <v>27</v>
      </c>
      <c r="L20" s="368">
        <v>2</v>
      </c>
      <c r="M20" s="368"/>
      <c r="N20" s="368"/>
      <c r="O20" s="252" t="s">
        <v>2717</v>
      </c>
      <c r="P20" s="368"/>
      <c r="Q20" s="368"/>
    </row>
    <row r="21" spans="1:17" s="274" customFormat="1" ht="172.5" customHeight="1">
      <c r="A21" s="361">
        <f t="shared" si="0"/>
        <v>7</v>
      </c>
      <c r="B21" s="368" t="s">
        <v>2716</v>
      </c>
      <c r="C21" s="368" t="s">
        <v>15</v>
      </c>
      <c r="D21" s="368" t="s">
        <v>2715</v>
      </c>
      <c r="E21" s="369" t="s">
        <v>2714</v>
      </c>
      <c r="F21" s="376">
        <v>43901</v>
      </c>
      <c r="G21" s="268" t="s">
        <v>142</v>
      </c>
      <c r="H21" s="368" t="s">
        <v>10</v>
      </c>
      <c r="I21" s="1068"/>
      <c r="J21" s="368">
        <v>7</v>
      </c>
      <c r="K21" s="371">
        <v>68</v>
      </c>
      <c r="L21" s="368">
        <v>3</v>
      </c>
      <c r="M21" s="368"/>
      <c r="N21" s="368"/>
      <c r="O21" s="252" t="s">
        <v>2713</v>
      </c>
      <c r="P21" s="368"/>
      <c r="Q21" s="368" t="s">
        <v>2712</v>
      </c>
    </row>
    <row r="22" spans="1:17" s="274" customFormat="1" ht="120" customHeight="1">
      <c r="A22" s="361">
        <f t="shared" si="0"/>
        <v>8</v>
      </c>
      <c r="B22" s="368" t="s">
        <v>2711</v>
      </c>
      <c r="C22" s="368" t="s">
        <v>15</v>
      </c>
      <c r="D22" s="368" t="s">
        <v>2710</v>
      </c>
      <c r="E22" s="369" t="s">
        <v>2709</v>
      </c>
      <c r="F22" s="376" t="s">
        <v>2708</v>
      </c>
      <c r="G22" s="268" t="s">
        <v>63</v>
      </c>
      <c r="H22" s="368" t="s">
        <v>10</v>
      </c>
      <c r="I22" s="1068"/>
      <c r="J22" s="368">
        <v>1</v>
      </c>
      <c r="K22" s="371">
        <v>7</v>
      </c>
      <c r="L22" s="368">
        <v>1</v>
      </c>
      <c r="M22" s="368"/>
      <c r="N22" s="368"/>
      <c r="O22" s="368" t="s">
        <v>733</v>
      </c>
      <c r="P22" s="368"/>
      <c r="Q22" s="368"/>
    </row>
    <row r="23" spans="1:17" s="274" customFormat="1" ht="120" customHeight="1">
      <c r="A23" s="361">
        <f t="shared" si="0"/>
        <v>9</v>
      </c>
      <c r="B23" s="368" t="s">
        <v>2707</v>
      </c>
      <c r="C23" s="368" t="s">
        <v>15</v>
      </c>
      <c r="D23" s="368" t="s">
        <v>2706</v>
      </c>
      <c r="E23" s="369" t="s">
        <v>2705</v>
      </c>
      <c r="F23" s="376">
        <v>43633</v>
      </c>
      <c r="G23" s="381" t="s">
        <v>2704</v>
      </c>
      <c r="H23" s="368" t="s">
        <v>10</v>
      </c>
      <c r="I23" s="1068"/>
      <c r="J23" s="368">
        <v>3</v>
      </c>
      <c r="K23" s="371">
        <v>26</v>
      </c>
      <c r="L23" s="368">
        <v>1</v>
      </c>
      <c r="M23" s="368"/>
      <c r="N23" s="368"/>
      <c r="O23" s="368"/>
      <c r="P23" s="368"/>
      <c r="Q23" s="368"/>
    </row>
    <row r="24" spans="1:17" s="274" customFormat="1" ht="120" customHeight="1">
      <c r="A24" s="361">
        <f t="shared" si="0"/>
        <v>10</v>
      </c>
      <c r="B24" s="368" t="s">
        <v>2703</v>
      </c>
      <c r="C24" s="368" t="s">
        <v>15</v>
      </c>
      <c r="D24" s="368" t="s">
        <v>2702</v>
      </c>
      <c r="E24" s="369" t="s">
        <v>2701</v>
      </c>
      <c r="F24" s="376">
        <v>43218</v>
      </c>
      <c r="G24" s="381" t="s">
        <v>2700</v>
      </c>
      <c r="H24" s="368" t="s">
        <v>10</v>
      </c>
      <c r="I24" s="1068"/>
      <c r="J24" s="368">
        <v>1</v>
      </c>
      <c r="K24" s="371">
        <v>6</v>
      </c>
      <c r="L24" s="368">
        <v>1</v>
      </c>
      <c r="M24" s="368"/>
      <c r="N24" s="368"/>
      <c r="O24" s="368"/>
      <c r="P24" s="368"/>
      <c r="Q24" s="368"/>
    </row>
    <row r="25" spans="1:17" s="274" customFormat="1" ht="120" customHeight="1">
      <c r="A25" s="361">
        <f t="shared" si="0"/>
        <v>11</v>
      </c>
      <c r="B25" s="368" t="s">
        <v>2699</v>
      </c>
      <c r="C25" s="368" t="s">
        <v>27</v>
      </c>
      <c r="D25" s="368" t="s">
        <v>2698</v>
      </c>
      <c r="E25" s="369" t="s">
        <v>2697</v>
      </c>
      <c r="F25" s="376">
        <v>44042</v>
      </c>
      <c r="G25" s="370"/>
      <c r="H25" s="368" t="s">
        <v>10</v>
      </c>
      <c r="I25" s="1068"/>
      <c r="J25" s="368">
        <v>1</v>
      </c>
      <c r="K25" s="371">
        <v>5</v>
      </c>
      <c r="L25" s="368">
        <v>0</v>
      </c>
      <c r="M25" s="368"/>
      <c r="N25" s="368"/>
      <c r="O25" s="252" t="s">
        <v>2696</v>
      </c>
      <c r="P25" s="368"/>
      <c r="Q25" s="368"/>
    </row>
    <row r="26" spans="1:17" s="274" customFormat="1" ht="120" customHeight="1">
      <c r="A26" s="361">
        <f t="shared" si="0"/>
        <v>12</v>
      </c>
      <c r="B26" s="368" t="s">
        <v>2695</v>
      </c>
      <c r="C26" s="368" t="s">
        <v>27</v>
      </c>
      <c r="D26" s="368" t="s">
        <v>2694</v>
      </c>
      <c r="E26" s="369" t="s">
        <v>2693</v>
      </c>
      <c r="F26" s="376">
        <v>44046</v>
      </c>
      <c r="G26" s="370"/>
      <c r="H26" s="382" t="s">
        <v>10</v>
      </c>
      <c r="I26" s="1078"/>
      <c r="J26" s="382">
        <v>1</v>
      </c>
      <c r="K26" s="371">
        <v>8</v>
      </c>
      <c r="L26" s="368">
        <v>0</v>
      </c>
      <c r="M26" s="368"/>
      <c r="N26" s="368"/>
      <c r="O26" s="252" t="s">
        <v>2483</v>
      </c>
      <c r="P26" s="368"/>
      <c r="Q26" s="368"/>
    </row>
    <row r="27" spans="1:17" s="274" customFormat="1" ht="120" customHeight="1">
      <c r="A27" s="361">
        <f t="shared" si="0"/>
        <v>13</v>
      </c>
      <c r="B27" s="368" t="s">
        <v>2692</v>
      </c>
      <c r="C27" s="368" t="s">
        <v>27</v>
      </c>
      <c r="D27" s="368" t="s">
        <v>2691</v>
      </c>
      <c r="E27" s="369" t="s">
        <v>2690</v>
      </c>
      <c r="F27" s="376">
        <v>44298</v>
      </c>
      <c r="G27" s="370"/>
      <c r="H27" s="368" t="s">
        <v>10</v>
      </c>
      <c r="I27" s="1068"/>
      <c r="J27" s="368">
        <v>1</v>
      </c>
      <c r="K27" s="371">
        <v>20</v>
      </c>
      <c r="L27" s="368">
        <v>0</v>
      </c>
      <c r="M27" s="368"/>
      <c r="N27" s="368"/>
      <c r="O27" s="368" t="s">
        <v>733</v>
      </c>
      <c r="P27" s="368"/>
      <c r="Q27" s="368"/>
    </row>
    <row r="28" spans="1:17" s="274" customFormat="1" ht="120" customHeight="1">
      <c r="A28" s="361">
        <f t="shared" si="0"/>
        <v>14</v>
      </c>
      <c r="B28" s="368" t="s">
        <v>2689</v>
      </c>
      <c r="C28" s="368" t="s">
        <v>27</v>
      </c>
      <c r="D28" s="368" t="s">
        <v>2686</v>
      </c>
      <c r="E28" s="369" t="s">
        <v>2685</v>
      </c>
      <c r="F28" s="376">
        <v>43903</v>
      </c>
      <c r="G28" s="370"/>
      <c r="H28" s="368" t="s">
        <v>10</v>
      </c>
      <c r="I28" s="1068"/>
      <c r="J28" s="368">
        <v>1</v>
      </c>
      <c r="K28" s="371">
        <v>2</v>
      </c>
      <c r="L28" s="368">
        <v>0</v>
      </c>
      <c r="M28" s="368"/>
      <c r="N28" s="368"/>
      <c r="O28" s="368" t="s">
        <v>733</v>
      </c>
      <c r="P28" s="368"/>
      <c r="Q28" s="368"/>
    </row>
    <row r="29" spans="1:17" s="274" customFormat="1" ht="120" customHeight="1">
      <c r="A29" s="361">
        <f t="shared" si="0"/>
        <v>15</v>
      </c>
      <c r="B29" s="368" t="s">
        <v>2688</v>
      </c>
      <c r="C29" s="368" t="s">
        <v>27</v>
      </c>
      <c r="D29" s="368" t="s">
        <v>2686</v>
      </c>
      <c r="E29" s="369" t="s">
        <v>2685</v>
      </c>
      <c r="F29" s="376">
        <v>43903</v>
      </c>
      <c r="G29" s="370"/>
      <c r="H29" s="368" t="s">
        <v>10</v>
      </c>
      <c r="I29" s="1068"/>
      <c r="J29" s="368">
        <v>1</v>
      </c>
      <c r="K29" s="371">
        <v>6</v>
      </c>
      <c r="L29" s="368">
        <v>0</v>
      </c>
      <c r="M29" s="368"/>
      <c r="N29" s="368"/>
      <c r="O29" s="368" t="s">
        <v>733</v>
      </c>
      <c r="P29" s="368"/>
      <c r="Q29" s="368"/>
    </row>
    <row r="30" spans="1:17" s="274" customFormat="1" ht="120" customHeight="1">
      <c r="A30" s="361">
        <f t="shared" si="0"/>
        <v>16</v>
      </c>
      <c r="B30" s="368" t="s">
        <v>2687</v>
      </c>
      <c r="C30" s="368" t="s">
        <v>27</v>
      </c>
      <c r="D30" s="368" t="s">
        <v>2686</v>
      </c>
      <c r="E30" s="369" t="s">
        <v>2685</v>
      </c>
      <c r="F30" s="376">
        <v>43903</v>
      </c>
      <c r="G30" s="370"/>
      <c r="H30" s="368" t="s">
        <v>10</v>
      </c>
      <c r="I30" s="1068"/>
      <c r="J30" s="368">
        <v>1</v>
      </c>
      <c r="K30" s="371">
        <f>6+2</f>
        <v>8</v>
      </c>
      <c r="L30" s="368">
        <v>0</v>
      </c>
      <c r="M30" s="368"/>
      <c r="N30" s="368"/>
      <c r="O30" s="252" t="s">
        <v>2684</v>
      </c>
      <c r="P30" s="368"/>
      <c r="Q30" s="368"/>
    </row>
    <row r="31" spans="1:17" s="274" customFormat="1" ht="120" customHeight="1">
      <c r="A31" s="361">
        <f t="shared" si="0"/>
        <v>17</v>
      </c>
      <c r="B31" s="368" t="s">
        <v>2683</v>
      </c>
      <c r="C31" s="368" t="s">
        <v>27</v>
      </c>
      <c r="D31" s="368" t="s">
        <v>2680</v>
      </c>
      <c r="E31" s="369" t="s">
        <v>2679</v>
      </c>
      <c r="F31" s="376">
        <v>44205</v>
      </c>
      <c r="G31" s="370"/>
      <c r="H31" s="368" t="s">
        <v>10</v>
      </c>
      <c r="I31" s="1068"/>
      <c r="J31" s="368">
        <v>1</v>
      </c>
      <c r="K31" s="371">
        <v>11</v>
      </c>
      <c r="L31" s="368">
        <v>0</v>
      </c>
      <c r="M31" s="368"/>
      <c r="N31" s="368"/>
      <c r="O31" s="252" t="s">
        <v>2682</v>
      </c>
      <c r="P31" s="368"/>
      <c r="Q31" s="368"/>
    </row>
    <row r="32" spans="1:17" s="274" customFormat="1" ht="120" customHeight="1">
      <c r="A32" s="361">
        <f t="shared" si="0"/>
        <v>18</v>
      </c>
      <c r="B32" s="252" t="s">
        <v>2681</v>
      </c>
      <c r="C32" s="368" t="s">
        <v>27</v>
      </c>
      <c r="D32" s="368" t="s">
        <v>2680</v>
      </c>
      <c r="E32" s="369" t="s">
        <v>2679</v>
      </c>
      <c r="F32" s="376">
        <v>44205</v>
      </c>
      <c r="G32" s="370"/>
      <c r="H32" s="368" t="s">
        <v>10</v>
      </c>
      <c r="I32" s="1068"/>
      <c r="J32" s="368">
        <v>1</v>
      </c>
      <c r="K32" s="371">
        <v>3</v>
      </c>
      <c r="L32" s="368">
        <v>0</v>
      </c>
      <c r="M32" s="368"/>
      <c r="N32" s="368"/>
      <c r="O32" s="252" t="s">
        <v>2678</v>
      </c>
      <c r="P32" s="368"/>
      <c r="Q32" s="368" t="s">
        <v>2545</v>
      </c>
    </row>
    <row r="33" spans="1:17" s="274" customFormat="1" ht="120" customHeight="1">
      <c r="A33" s="361">
        <f t="shared" si="0"/>
        <v>19</v>
      </c>
      <c r="B33" s="368" t="s">
        <v>2677</v>
      </c>
      <c r="C33" s="368" t="s">
        <v>27</v>
      </c>
      <c r="D33" s="368" t="s">
        <v>2676</v>
      </c>
      <c r="E33" s="369" t="s">
        <v>2675</v>
      </c>
      <c r="F33" s="376">
        <v>44216</v>
      </c>
      <c r="G33" s="370"/>
      <c r="H33" s="368" t="s">
        <v>10</v>
      </c>
      <c r="I33" s="1068"/>
      <c r="J33" s="368">
        <v>2</v>
      </c>
      <c r="K33" s="371">
        <v>4</v>
      </c>
      <c r="L33" s="368">
        <v>0</v>
      </c>
      <c r="M33" s="368"/>
      <c r="N33" s="368"/>
      <c r="O33" s="252" t="s">
        <v>2674</v>
      </c>
      <c r="P33" s="368"/>
      <c r="Q33" s="368"/>
    </row>
    <row r="34" spans="1:17" s="274" customFormat="1" ht="120" customHeight="1">
      <c r="A34" s="361">
        <f t="shared" si="0"/>
        <v>20</v>
      </c>
      <c r="B34" s="368" t="s">
        <v>2673</v>
      </c>
      <c r="C34" s="368" t="s">
        <v>2631</v>
      </c>
      <c r="D34" s="368" t="s">
        <v>2672</v>
      </c>
      <c r="E34" s="369" t="s">
        <v>2671</v>
      </c>
      <c r="F34" s="376">
        <v>45022</v>
      </c>
      <c r="G34" s="370"/>
      <c r="H34" s="368" t="s">
        <v>10</v>
      </c>
      <c r="I34" s="1068"/>
      <c r="J34" s="369" t="s">
        <v>1109</v>
      </c>
      <c r="K34" s="371">
        <v>30</v>
      </c>
      <c r="L34" s="368">
        <v>0</v>
      </c>
      <c r="M34" s="368"/>
      <c r="N34" s="368"/>
      <c r="O34" s="252" t="s">
        <v>2670</v>
      </c>
      <c r="P34" s="368"/>
      <c r="Q34" s="368"/>
    </row>
    <row r="35" spans="1:17" s="274" customFormat="1" ht="120" customHeight="1">
      <c r="A35" s="361">
        <f t="shared" si="0"/>
        <v>21</v>
      </c>
      <c r="B35" s="368" t="s">
        <v>2669</v>
      </c>
      <c r="C35" s="368" t="s">
        <v>27</v>
      </c>
      <c r="D35" s="368" t="s">
        <v>2668</v>
      </c>
      <c r="E35" s="369" t="s">
        <v>2667</v>
      </c>
      <c r="F35" s="376">
        <v>44302</v>
      </c>
      <c r="G35" s="370"/>
      <c r="H35" s="368" t="s">
        <v>10</v>
      </c>
      <c r="I35" s="1068"/>
      <c r="J35" s="368">
        <v>1</v>
      </c>
      <c r="K35" s="371">
        <v>4</v>
      </c>
      <c r="L35" s="368">
        <v>0</v>
      </c>
      <c r="M35" s="368"/>
      <c r="N35" s="368"/>
      <c r="O35" s="368" t="s">
        <v>733</v>
      </c>
      <c r="P35" s="368"/>
      <c r="Q35" s="368"/>
    </row>
    <row r="36" spans="1:17" s="274" customFormat="1" ht="120" customHeight="1">
      <c r="A36" s="361">
        <f t="shared" si="0"/>
        <v>22</v>
      </c>
      <c r="B36" s="368" t="s">
        <v>2666</v>
      </c>
      <c r="C36" s="368" t="s">
        <v>27</v>
      </c>
      <c r="D36" s="368" t="s">
        <v>2665</v>
      </c>
      <c r="E36" s="369" t="s">
        <v>2664</v>
      </c>
      <c r="F36" s="376">
        <v>44305</v>
      </c>
      <c r="G36" s="370"/>
      <c r="H36" s="368" t="s">
        <v>10</v>
      </c>
      <c r="I36" s="1068"/>
      <c r="J36" s="368">
        <v>1</v>
      </c>
      <c r="K36" s="371">
        <v>4</v>
      </c>
      <c r="L36" s="368">
        <v>0</v>
      </c>
      <c r="M36" s="368"/>
      <c r="N36" s="368"/>
      <c r="O36" s="252" t="s">
        <v>2663</v>
      </c>
      <c r="P36" s="368"/>
      <c r="Q36" s="368"/>
    </row>
    <row r="37" spans="1:17" s="274" customFormat="1" ht="120" customHeight="1">
      <c r="A37" s="361">
        <f t="shared" si="0"/>
        <v>23</v>
      </c>
      <c r="B37" s="368" t="s">
        <v>2662</v>
      </c>
      <c r="C37" s="368" t="s">
        <v>27</v>
      </c>
      <c r="D37" s="368" t="s">
        <v>2661</v>
      </c>
      <c r="E37" s="369" t="s">
        <v>2660</v>
      </c>
      <c r="F37" s="376">
        <v>44368</v>
      </c>
      <c r="G37" s="370"/>
      <c r="H37" s="368" t="s">
        <v>10</v>
      </c>
      <c r="I37" s="1068"/>
      <c r="J37" s="368">
        <v>4</v>
      </c>
      <c r="K37" s="371">
        <v>19</v>
      </c>
      <c r="L37" s="368">
        <v>0</v>
      </c>
      <c r="M37" s="368"/>
      <c r="N37" s="368"/>
      <c r="O37" s="252" t="s">
        <v>2659</v>
      </c>
      <c r="P37" s="368"/>
      <c r="Q37" s="368"/>
    </row>
    <row r="38" spans="1:17" s="274" customFormat="1" ht="120" customHeight="1">
      <c r="A38" s="361">
        <f t="shared" si="0"/>
        <v>24</v>
      </c>
      <c r="B38" s="368" t="s">
        <v>2658</v>
      </c>
      <c r="C38" s="368" t="s">
        <v>27</v>
      </c>
      <c r="D38" s="368" t="s">
        <v>2657</v>
      </c>
      <c r="E38" s="369" t="s">
        <v>2656</v>
      </c>
      <c r="F38" s="376">
        <v>44415</v>
      </c>
      <c r="G38" s="370"/>
      <c r="H38" s="368" t="s">
        <v>10</v>
      </c>
      <c r="I38" s="1068"/>
      <c r="J38" s="368">
        <v>1</v>
      </c>
      <c r="K38" s="371">
        <v>6</v>
      </c>
      <c r="L38" s="368">
        <v>0</v>
      </c>
      <c r="M38" s="368"/>
      <c r="N38" s="368"/>
      <c r="O38" s="252" t="s">
        <v>2655</v>
      </c>
      <c r="P38" s="368"/>
      <c r="Q38" s="368"/>
    </row>
    <row r="39" spans="1:17" s="274" customFormat="1" ht="120" customHeight="1">
      <c r="A39" s="361">
        <f t="shared" si="0"/>
        <v>25</v>
      </c>
      <c r="B39" s="368" t="s">
        <v>2654</v>
      </c>
      <c r="C39" s="368" t="s">
        <v>27</v>
      </c>
      <c r="D39" s="368" t="s">
        <v>2650</v>
      </c>
      <c r="E39" s="369" t="s">
        <v>2649</v>
      </c>
      <c r="F39" s="376">
        <v>44495</v>
      </c>
      <c r="G39" s="370"/>
      <c r="H39" s="368" t="s">
        <v>10</v>
      </c>
      <c r="I39" s="1068"/>
      <c r="J39" s="368">
        <v>8</v>
      </c>
      <c r="K39" s="371">
        <v>32</v>
      </c>
      <c r="L39" s="368">
        <v>0</v>
      </c>
      <c r="M39" s="368"/>
      <c r="N39" s="368"/>
      <c r="O39" s="252" t="s">
        <v>2653</v>
      </c>
      <c r="P39" s="368"/>
      <c r="Q39" s="368" t="s">
        <v>2652</v>
      </c>
    </row>
    <row r="40" spans="1:17" s="274" customFormat="1" ht="120" customHeight="1">
      <c r="A40" s="361">
        <f t="shared" si="0"/>
        <v>26</v>
      </c>
      <c r="B40" s="368" t="s">
        <v>2651</v>
      </c>
      <c r="C40" s="368" t="s">
        <v>27</v>
      </c>
      <c r="D40" s="368" t="s">
        <v>2650</v>
      </c>
      <c r="E40" s="369" t="s">
        <v>2649</v>
      </c>
      <c r="F40" s="376">
        <v>44495</v>
      </c>
      <c r="G40" s="370"/>
      <c r="H40" s="368" t="s">
        <v>10</v>
      </c>
      <c r="I40" s="1068"/>
      <c r="J40" s="368">
        <v>1</v>
      </c>
      <c r="K40" s="371">
        <v>15</v>
      </c>
      <c r="L40" s="368">
        <v>0</v>
      </c>
      <c r="M40" s="368"/>
      <c r="N40" s="368"/>
      <c r="O40" s="368" t="s">
        <v>733</v>
      </c>
      <c r="P40" s="368"/>
      <c r="Q40" s="368"/>
    </row>
    <row r="41" spans="1:17" s="274" customFormat="1" ht="120" customHeight="1">
      <c r="A41" s="361">
        <f t="shared" si="0"/>
        <v>27</v>
      </c>
      <c r="B41" s="368" t="s">
        <v>2648</v>
      </c>
      <c r="C41" s="368" t="s">
        <v>27</v>
      </c>
      <c r="D41" s="368" t="s">
        <v>2647</v>
      </c>
      <c r="E41" s="369" t="s">
        <v>2646</v>
      </c>
      <c r="F41" s="376">
        <v>44242</v>
      </c>
      <c r="G41" s="370"/>
      <c r="H41" s="368" t="s">
        <v>10</v>
      </c>
      <c r="I41" s="1068"/>
      <c r="J41" s="368">
        <v>1</v>
      </c>
      <c r="K41" s="371">
        <v>4</v>
      </c>
      <c r="L41" s="368">
        <v>0</v>
      </c>
      <c r="M41" s="368"/>
      <c r="N41" s="368"/>
      <c r="O41" s="252" t="s">
        <v>2645</v>
      </c>
      <c r="P41" s="368"/>
      <c r="Q41" s="368"/>
    </row>
    <row r="42" spans="1:17" s="274" customFormat="1" ht="120" customHeight="1">
      <c r="A42" s="361">
        <f t="shared" si="0"/>
        <v>28</v>
      </c>
      <c r="B42" s="368" t="s">
        <v>2644</v>
      </c>
      <c r="C42" s="368" t="s">
        <v>27</v>
      </c>
      <c r="D42" s="368" t="s">
        <v>2643</v>
      </c>
      <c r="E42" s="369" t="s">
        <v>2642</v>
      </c>
      <c r="F42" s="376">
        <v>44672</v>
      </c>
      <c r="G42" s="370"/>
      <c r="H42" s="368" t="s">
        <v>10</v>
      </c>
      <c r="I42" s="1068"/>
      <c r="J42" s="368">
        <v>1</v>
      </c>
      <c r="K42" s="371">
        <v>14</v>
      </c>
      <c r="L42" s="368">
        <v>0</v>
      </c>
      <c r="M42" s="368"/>
      <c r="N42" s="368"/>
      <c r="O42" s="368" t="s">
        <v>733</v>
      </c>
      <c r="P42" s="368"/>
      <c r="Q42" s="368"/>
    </row>
    <row r="43" spans="1:17" s="274" customFormat="1" ht="120" customHeight="1">
      <c r="A43" s="361">
        <f t="shared" si="0"/>
        <v>29</v>
      </c>
      <c r="B43" s="368" t="s">
        <v>2641</v>
      </c>
      <c r="C43" s="368" t="s">
        <v>27</v>
      </c>
      <c r="D43" s="368" t="s">
        <v>2640</v>
      </c>
      <c r="E43" s="369" t="s">
        <v>1444</v>
      </c>
      <c r="F43" s="376">
        <v>44507</v>
      </c>
      <c r="G43" s="370"/>
      <c r="H43" s="368" t="s">
        <v>10</v>
      </c>
      <c r="I43" s="1068"/>
      <c r="J43" s="368">
        <v>1</v>
      </c>
      <c r="K43" s="371">
        <v>11</v>
      </c>
      <c r="L43" s="368">
        <v>0</v>
      </c>
      <c r="M43" s="368"/>
      <c r="N43" s="368"/>
      <c r="O43" s="368" t="s">
        <v>733</v>
      </c>
      <c r="P43" s="368"/>
      <c r="Q43" s="368"/>
    </row>
    <row r="44" spans="1:17" s="274" customFormat="1" ht="120" customHeight="1">
      <c r="A44" s="361">
        <f t="shared" si="0"/>
        <v>30</v>
      </c>
      <c r="B44" s="368" t="s">
        <v>2639</v>
      </c>
      <c r="C44" s="368" t="s">
        <v>27</v>
      </c>
      <c r="D44" s="368" t="s">
        <v>2638</v>
      </c>
      <c r="E44" s="369" t="s">
        <v>2637</v>
      </c>
      <c r="F44" s="376">
        <v>44581</v>
      </c>
      <c r="G44" s="370"/>
      <c r="H44" s="368" t="s">
        <v>10</v>
      </c>
      <c r="I44" s="1068"/>
      <c r="J44" s="368">
        <v>1</v>
      </c>
      <c r="K44" s="371">
        <v>4</v>
      </c>
      <c r="L44" s="368">
        <v>0</v>
      </c>
      <c r="M44" s="368"/>
      <c r="N44" s="368"/>
      <c r="O44" s="368" t="s">
        <v>733</v>
      </c>
      <c r="P44" s="368"/>
      <c r="Q44" s="368"/>
    </row>
    <row r="45" spans="1:17" s="274" customFormat="1" ht="120" customHeight="1">
      <c r="A45" s="361">
        <f t="shared" si="0"/>
        <v>31</v>
      </c>
      <c r="B45" s="252" t="s">
        <v>2636</v>
      </c>
      <c r="C45" s="368" t="s">
        <v>27</v>
      </c>
      <c r="D45" s="252" t="s">
        <v>2635</v>
      </c>
      <c r="E45" s="266" t="s">
        <v>2634</v>
      </c>
      <c r="F45" s="376">
        <v>44740</v>
      </c>
      <c r="G45" s="383"/>
      <c r="H45" s="368" t="s">
        <v>10</v>
      </c>
      <c r="I45" s="1068"/>
      <c r="J45" s="368">
        <v>1</v>
      </c>
      <c r="K45" s="371">
        <v>4</v>
      </c>
      <c r="L45" s="368">
        <v>0</v>
      </c>
      <c r="M45" s="368"/>
      <c r="N45" s="368"/>
      <c r="O45" s="252" t="s">
        <v>2633</v>
      </c>
      <c r="P45" s="368"/>
      <c r="Q45" s="368"/>
    </row>
    <row r="46" spans="1:17" s="274" customFormat="1" ht="120" customHeight="1">
      <c r="A46" s="361">
        <f t="shared" si="0"/>
        <v>32</v>
      </c>
      <c r="B46" s="252" t="s">
        <v>2627</v>
      </c>
      <c r="C46" s="252" t="s">
        <v>2626</v>
      </c>
      <c r="D46" s="252" t="s">
        <v>2625</v>
      </c>
      <c r="E46" s="266" t="s">
        <v>2624</v>
      </c>
      <c r="F46" s="267">
        <v>44693</v>
      </c>
      <c r="G46" s="384"/>
      <c r="H46" s="252" t="s">
        <v>10</v>
      </c>
      <c r="I46" s="787"/>
      <c r="J46" s="252">
        <v>1</v>
      </c>
      <c r="K46" s="374">
        <v>4</v>
      </c>
      <c r="L46" s="252">
        <v>0</v>
      </c>
      <c r="M46" s="252"/>
      <c r="N46" s="252"/>
      <c r="O46" s="252" t="s">
        <v>2623</v>
      </c>
      <c r="P46" s="252"/>
      <c r="Q46" s="252" t="s">
        <v>2545</v>
      </c>
    </row>
    <row r="47" spans="1:17" s="274" customFormat="1" ht="120" customHeight="1">
      <c r="A47" s="361">
        <f t="shared" si="0"/>
        <v>33</v>
      </c>
      <c r="B47" s="368" t="s">
        <v>2622</v>
      </c>
      <c r="C47" s="368" t="s">
        <v>27</v>
      </c>
      <c r="D47" s="368" t="s">
        <v>2621</v>
      </c>
      <c r="E47" s="369" t="s">
        <v>2620</v>
      </c>
      <c r="F47" s="376">
        <v>44785</v>
      </c>
      <c r="G47" s="368" t="s">
        <v>2619</v>
      </c>
      <c r="H47" s="368" t="s">
        <v>10</v>
      </c>
      <c r="I47" s="1068"/>
      <c r="J47" s="368">
        <v>2</v>
      </c>
      <c r="K47" s="371">
        <v>16</v>
      </c>
      <c r="L47" s="368">
        <v>0</v>
      </c>
      <c r="M47" s="368"/>
      <c r="N47" s="368"/>
      <c r="O47" s="252" t="s">
        <v>2618</v>
      </c>
      <c r="P47" s="368"/>
      <c r="Q47" s="368"/>
    </row>
    <row r="48" spans="1:17" s="245" customFormat="1" ht="120" customHeight="1">
      <c r="A48" s="361">
        <f t="shared" si="0"/>
        <v>34</v>
      </c>
      <c r="B48" s="252" t="s">
        <v>2617</v>
      </c>
      <c r="C48" s="252" t="s">
        <v>27</v>
      </c>
      <c r="D48" s="252" t="s">
        <v>2616</v>
      </c>
      <c r="E48" s="266" t="s">
        <v>2615</v>
      </c>
      <c r="F48" s="376">
        <v>44810</v>
      </c>
      <c r="G48" s="372"/>
      <c r="H48" s="368" t="s">
        <v>10</v>
      </c>
      <c r="I48" s="1068"/>
      <c r="J48" s="252">
        <v>1</v>
      </c>
      <c r="K48" s="252">
        <v>8</v>
      </c>
      <c r="L48" s="252">
        <v>0</v>
      </c>
      <c r="M48" s="252"/>
      <c r="N48" s="252"/>
      <c r="O48" s="252" t="s">
        <v>2614</v>
      </c>
      <c r="P48" s="375"/>
      <c r="Q48" s="368"/>
    </row>
    <row r="49" spans="1:17" s="274" customFormat="1" ht="120" customHeight="1">
      <c r="A49" s="361">
        <f t="shared" si="0"/>
        <v>35</v>
      </c>
      <c r="B49" s="368" t="s">
        <v>2613</v>
      </c>
      <c r="C49" s="368" t="s">
        <v>27</v>
      </c>
      <c r="D49" s="368" t="s">
        <v>2612</v>
      </c>
      <c r="E49" s="369" t="s">
        <v>2611</v>
      </c>
      <c r="F49" s="376">
        <v>44090</v>
      </c>
      <c r="G49" s="368"/>
      <c r="H49" s="368" t="s">
        <v>10</v>
      </c>
      <c r="I49" s="1068"/>
      <c r="J49" s="368">
        <v>4</v>
      </c>
      <c r="K49" s="368">
        <v>16</v>
      </c>
      <c r="L49" s="368">
        <v>0</v>
      </c>
      <c r="M49" s="368">
        <v>2022</v>
      </c>
      <c r="N49" s="368"/>
      <c r="O49" s="368"/>
      <c r="P49" s="368"/>
      <c r="Q49" s="368"/>
    </row>
    <row r="50" spans="1:17" s="274" customFormat="1" ht="124.5" customHeight="1">
      <c r="A50" s="361">
        <f t="shared" si="0"/>
        <v>36</v>
      </c>
      <c r="B50" s="368" t="s">
        <v>2610</v>
      </c>
      <c r="C50" s="368" t="s">
        <v>179</v>
      </c>
      <c r="D50" s="368" t="s">
        <v>2609</v>
      </c>
      <c r="E50" s="369" t="s">
        <v>2608</v>
      </c>
      <c r="F50" s="376">
        <v>36935</v>
      </c>
      <c r="G50" s="370" t="s">
        <v>136</v>
      </c>
      <c r="H50" s="368" t="s">
        <v>10</v>
      </c>
      <c r="I50" s="1068"/>
      <c r="J50" s="368">
        <v>3</v>
      </c>
      <c r="K50" s="371">
        <v>15</v>
      </c>
      <c r="L50" s="368">
        <v>2</v>
      </c>
      <c r="M50" s="368"/>
      <c r="N50" s="368"/>
      <c r="O50" s="252" t="s">
        <v>2607</v>
      </c>
      <c r="P50" s="368"/>
      <c r="Q50" s="368"/>
    </row>
    <row r="51" spans="1:17" s="274" customFormat="1" ht="157.5">
      <c r="A51" s="361">
        <f t="shared" si="0"/>
        <v>37</v>
      </c>
      <c r="B51" s="368" t="s">
        <v>2606</v>
      </c>
      <c r="C51" s="368" t="s">
        <v>179</v>
      </c>
      <c r="D51" s="368" t="s">
        <v>2605</v>
      </c>
      <c r="E51" s="369" t="s">
        <v>2604</v>
      </c>
      <c r="F51" s="376">
        <v>39433</v>
      </c>
      <c r="G51" s="268" t="s">
        <v>2603</v>
      </c>
      <c r="H51" s="368" t="s">
        <v>10</v>
      </c>
      <c r="I51" s="1068"/>
      <c r="J51" s="369" t="s">
        <v>1436</v>
      </c>
      <c r="K51" s="371">
        <v>79</v>
      </c>
      <c r="L51" s="368">
        <v>4</v>
      </c>
      <c r="M51" s="368"/>
      <c r="N51" s="368"/>
      <c r="O51" s="252" t="s">
        <v>2602</v>
      </c>
      <c r="P51" s="368"/>
      <c r="Q51" s="368"/>
    </row>
    <row r="52" spans="1:17" s="274" customFormat="1" ht="120" customHeight="1">
      <c r="A52" s="361">
        <f t="shared" si="0"/>
        <v>38</v>
      </c>
      <c r="B52" s="368" t="s">
        <v>2601</v>
      </c>
      <c r="C52" s="368" t="s">
        <v>179</v>
      </c>
      <c r="D52" s="368" t="s">
        <v>2600</v>
      </c>
      <c r="E52" s="369" t="s">
        <v>2599</v>
      </c>
      <c r="F52" s="376">
        <v>42079</v>
      </c>
      <c r="G52" s="252" t="s">
        <v>4356</v>
      </c>
      <c r="H52" s="368" t="s">
        <v>2598</v>
      </c>
      <c r="I52" s="1068"/>
      <c r="J52" s="369" t="s">
        <v>2597</v>
      </c>
      <c r="K52" s="371">
        <v>259</v>
      </c>
      <c r="L52" s="368">
        <v>6</v>
      </c>
      <c r="M52" s="368"/>
      <c r="N52" s="368"/>
      <c r="O52" s="252" t="s">
        <v>2596</v>
      </c>
      <c r="P52" s="368"/>
      <c r="Q52" s="368"/>
    </row>
    <row r="53" spans="1:17" s="274" customFormat="1" ht="120" customHeight="1">
      <c r="A53" s="361">
        <f t="shared" si="0"/>
        <v>39</v>
      </c>
      <c r="B53" s="368" t="s">
        <v>2595</v>
      </c>
      <c r="C53" s="368" t="s">
        <v>179</v>
      </c>
      <c r="D53" s="368" t="s">
        <v>2594</v>
      </c>
      <c r="E53" s="369" t="s">
        <v>2593</v>
      </c>
      <c r="F53" s="376">
        <v>41267</v>
      </c>
      <c r="G53" s="252" t="s">
        <v>125</v>
      </c>
      <c r="H53" s="368" t="s">
        <v>2592</v>
      </c>
      <c r="I53" s="1068"/>
      <c r="J53" s="368">
        <v>15</v>
      </c>
      <c r="K53" s="371">
        <v>29</v>
      </c>
      <c r="L53" s="368">
        <v>30</v>
      </c>
      <c r="M53" s="368"/>
      <c r="N53" s="368"/>
      <c r="O53" s="252" t="s">
        <v>2591</v>
      </c>
      <c r="P53" s="368"/>
      <c r="Q53" s="368"/>
    </row>
    <row r="54" spans="1:17" s="274" customFormat="1" ht="170.25" customHeight="1">
      <c r="A54" s="361">
        <f t="shared" si="0"/>
        <v>40</v>
      </c>
      <c r="B54" s="368" t="s">
        <v>4150</v>
      </c>
      <c r="C54" s="368" t="s">
        <v>179</v>
      </c>
      <c r="D54" s="368" t="s">
        <v>2590</v>
      </c>
      <c r="E54" s="369" t="s">
        <v>2527</v>
      </c>
      <c r="F54" s="376">
        <v>42781</v>
      </c>
      <c r="G54" s="252" t="s">
        <v>4356</v>
      </c>
      <c r="H54" s="375" t="s">
        <v>2589</v>
      </c>
      <c r="I54" s="1079"/>
      <c r="J54" s="369" t="s">
        <v>240</v>
      </c>
      <c r="K54" s="371">
        <f>57+28</f>
        <v>85</v>
      </c>
      <c r="L54" s="368">
        <v>3</v>
      </c>
      <c r="M54" s="368"/>
      <c r="N54" s="368"/>
      <c r="O54" s="252" t="s">
        <v>2588</v>
      </c>
      <c r="P54" s="368"/>
      <c r="Q54" s="368"/>
    </row>
    <row r="55" spans="1:17" s="274" customFormat="1" ht="156" customHeight="1">
      <c r="A55" s="361">
        <f t="shared" si="0"/>
        <v>41</v>
      </c>
      <c r="B55" s="368" t="s">
        <v>2587</v>
      </c>
      <c r="C55" s="368" t="s">
        <v>179</v>
      </c>
      <c r="D55" s="368" t="s">
        <v>2586</v>
      </c>
      <c r="E55" s="369" t="s">
        <v>2585</v>
      </c>
      <c r="F55" s="376">
        <v>39610</v>
      </c>
      <c r="G55" s="268" t="s">
        <v>2584</v>
      </c>
      <c r="H55" s="368" t="s">
        <v>2583</v>
      </c>
      <c r="I55" s="1068"/>
      <c r="J55" s="368">
        <v>36</v>
      </c>
      <c r="K55" s="371">
        <v>72</v>
      </c>
      <c r="L55" s="368">
        <v>12</v>
      </c>
      <c r="M55" s="368"/>
      <c r="N55" s="368"/>
      <c r="O55" s="252" t="s">
        <v>2582</v>
      </c>
      <c r="P55" s="368"/>
      <c r="Q55" s="368"/>
    </row>
    <row r="56" spans="1:17" s="274" customFormat="1" ht="129.75" customHeight="1">
      <c r="A56" s="361">
        <f t="shared" si="0"/>
        <v>42</v>
      </c>
      <c r="B56" s="368" t="s">
        <v>2581</v>
      </c>
      <c r="C56" s="368" t="s">
        <v>179</v>
      </c>
      <c r="D56" s="368" t="s">
        <v>2580</v>
      </c>
      <c r="E56" s="369" t="s">
        <v>2579</v>
      </c>
      <c r="F56" s="376">
        <v>43256</v>
      </c>
      <c r="G56" s="268" t="s">
        <v>1244</v>
      </c>
      <c r="H56" s="368" t="s">
        <v>10</v>
      </c>
      <c r="I56" s="1068"/>
      <c r="J56" s="369" t="s">
        <v>965</v>
      </c>
      <c r="K56" s="371">
        <v>12</v>
      </c>
      <c r="L56" s="368">
        <v>5</v>
      </c>
      <c r="M56" s="368"/>
      <c r="N56" s="368"/>
      <c r="O56" s="252" t="s">
        <v>2578</v>
      </c>
      <c r="P56" s="368"/>
      <c r="Q56" s="368" t="s">
        <v>2577</v>
      </c>
    </row>
    <row r="57" spans="1:17" s="274" customFormat="1" ht="163.5" customHeight="1">
      <c r="A57" s="361">
        <f t="shared" si="0"/>
        <v>43</v>
      </c>
      <c r="B57" s="368" t="s">
        <v>2576</v>
      </c>
      <c r="C57" s="368" t="s">
        <v>179</v>
      </c>
      <c r="D57" s="368" t="s">
        <v>2575</v>
      </c>
      <c r="E57" s="369" t="s">
        <v>2574</v>
      </c>
      <c r="F57" s="376">
        <v>40715</v>
      </c>
      <c r="G57" s="268" t="s">
        <v>869</v>
      </c>
      <c r="H57" s="252" t="s">
        <v>2573</v>
      </c>
      <c r="I57" s="787"/>
      <c r="J57" s="368">
        <v>27</v>
      </c>
      <c r="K57" s="371">
        <v>64</v>
      </c>
      <c r="L57" s="368">
        <v>7</v>
      </c>
      <c r="M57" s="368"/>
      <c r="N57" s="368"/>
      <c r="O57" s="252" t="s">
        <v>2572</v>
      </c>
      <c r="P57" s="368"/>
      <c r="Q57" s="368"/>
    </row>
    <row r="58" spans="1:17" s="274" customFormat="1" ht="120" customHeight="1">
      <c r="A58" s="361">
        <f t="shared" si="0"/>
        <v>44</v>
      </c>
      <c r="B58" s="368" t="s">
        <v>2571</v>
      </c>
      <c r="C58" s="368" t="s">
        <v>179</v>
      </c>
      <c r="D58" s="368" t="s">
        <v>2570</v>
      </c>
      <c r="E58" s="369" t="s">
        <v>2569</v>
      </c>
      <c r="F58" s="376">
        <v>45288</v>
      </c>
      <c r="G58" s="252" t="s">
        <v>4357</v>
      </c>
      <c r="H58" s="368" t="s">
        <v>2568</v>
      </c>
      <c r="I58" s="1068"/>
      <c r="J58" s="368">
        <v>146</v>
      </c>
      <c r="K58" s="371">
        <v>240</v>
      </c>
      <c r="L58" s="368">
        <v>123</v>
      </c>
      <c r="M58" s="368"/>
      <c r="N58" s="368"/>
      <c r="O58" s="252" t="s">
        <v>2567</v>
      </c>
      <c r="P58" s="368"/>
      <c r="Q58" s="368"/>
    </row>
    <row r="59" spans="1:17" s="274" customFormat="1" ht="156" customHeight="1">
      <c r="A59" s="361">
        <f t="shared" si="0"/>
        <v>45</v>
      </c>
      <c r="B59" s="368" t="s">
        <v>2566</v>
      </c>
      <c r="C59" s="368" t="s">
        <v>179</v>
      </c>
      <c r="D59" s="368" t="s">
        <v>2565</v>
      </c>
      <c r="E59" s="369" t="s">
        <v>2564</v>
      </c>
      <c r="F59" s="376">
        <v>40283</v>
      </c>
      <c r="G59" s="268" t="s">
        <v>1244</v>
      </c>
      <c r="H59" s="368" t="s">
        <v>10</v>
      </c>
      <c r="I59" s="1068"/>
      <c r="J59" s="369" t="s">
        <v>2563</v>
      </c>
      <c r="K59" s="371">
        <v>130</v>
      </c>
      <c r="L59" s="368">
        <v>317</v>
      </c>
      <c r="M59" s="368"/>
      <c r="N59" s="368"/>
      <c r="O59" s="252" t="s">
        <v>2562</v>
      </c>
      <c r="P59" s="368"/>
      <c r="Q59" s="368"/>
    </row>
    <row r="60" spans="1:17" s="274" customFormat="1" ht="152.25" customHeight="1">
      <c r="A60" s="361">
        <f t="shared" si="0"/>
        <v>46</v>
      </c>
      <c r="B60" s="368" t="s">
        <v>2561</v>
      </c>
      <c r="C60" s="368" t="s">
        <v>179</v>
      </c>
      <c r="D60" s="368" t="s">
        <v>2560</v>
      </c>
      <c r="E60" s="369" t="s">
        <v>2559</v>
      </c>
      <c r="F60" s="376">
        <v>43361</v>
      </c>
      <c r="G60" s="252" t="s">
        <v>125</v>
      </c>
      <c r="H60" s="368" t="s">
        <v>2558</v>
      </c>
      <c r="I60" s="1068"/>
      <c r="J60" s="368">
        <v>18</v>
      </c>
      <c r="K60" s="371">
        <v>34</v>
      </c>
      <c r="L60" s="368">
        <v>10</v>
      </c>
      <c r="M60" s="368"/>
      <c r="N60" s="368"/>
      <c r="O60" s="252" t="s">
        <v>2557</v>
      </c>
      <c r="P60" s="368"/>
      <c r="Q60" s="368"/>
    </row>
    <row r="61" spans="1:17" s="274" customFormat="1" ht="96" customHeight="1">
      <c r="A61" s="361">
        <f t="shared" si="0"/>
        <v>47</v>
      </c>
      <c r="B61" s="252" t="s">
        <v>2556</v>
      </c>
      <c r="C61" s="368" t="s">
        <v>179</v>
      </c>
      <c r="D61" s="252" t="s">
        <v>2550</v>
      </c>
      <c r="E61" s="266" t="s">
        <v>2555</v>
      </c>
      <c r="F61" s="376">
        <v>42934</v>
      </c>
      <c r="G61" s="268" t="s">
        <v>63</v>
      </c>
      <c r="H61" s="368" t="s">
        <v>2554</v>
      </c>
      <c r="I61" s="1068"/>
      <c r="J61" s="368">
        <v>58</v>
      </c>
      <c r="K61" s="371">
        <v>108</v>
      </c>
      <c r="L61" s="368">
        <v>4</v>
      </c>
      <c r="M61" s="368"/>
      <c r="N61" s="368"/>
      <c r="O61" s="252" t="s">
        <v>2553</v>
      </c>
      <c r="P61" s="368"/>
      <c r="Q61" s="368" t="s">
        <v>2552</v>
      </c>
    </row>
    <row r="62" spans="1:17" s="274" customFormat="1" ht="151.5" customHeight="1">
      <c r="A62" s="361">
        <f t="shared" si="0"/>
        <v>48</v>
      </c>
      <c r="B62" s="368" t="s">
        <v>2551</v>
      </c>
      <c r="C62" s="368" t="s">
        <v>179</v>
      </c>
      <c r="D62" s="252" t="s">
        <v>2550</v>
      </c>
      <c r="E62" s="266" t="s">
        <v>2555</v>
      </c>
      <c r="F62" s="376">
        <v>42934</v>
      </c>
      <c r="G62" s="268" t="s">
        <v>63</v>
      </c>
      <c r="H62" s="368" t="s">
        <v>10</v>
      </c>
      <c r="I62" s="1068"/>
      <c r="J62" s="368">
        <v>4</v>
      </c>
      <c r="K62" s="368">
        <v>8</v>
      </c>
      <c r="L62" s="368">
        <v>15</v>
      </c>
      <c r="M62" s="368">
        <v>2023</v>
      </c>
      <c r="N62" s="368" t="s">
        <v>10</v>
      </c>
      <c r="O62" s="368"/>
      <c r="P62" s="368"/>
      <c r="Q62" s="368"/>
    </row>
    <row r="63" spans="1:17" s="274" customFormat="1" ht="120" customHeight="1">
      <c r="A63" s="361">
        <f t="shared" si="0"/>
        <v>49</v>
      </c>
      <c r="B63" s="252" t="s">
        <v>2549</v>
      </c>
      <c r="C63" s="368" t="s">
        <v>179</v>
      </c>
      <c r="D63" s="252" t="s">
        <v>2548</v>
      </c>
      <c r="E63" s="266" t="s">
        <v>2547</v>
      </c>
      <c r="F63" s="376">
        <v>44309</v>
      </c>
      <c r="G63" s="268" t="s">
        <v>63</v>
      </c>
      <c r="H63" s="368" t="s">
        <v>10</v>
      </c>
      <c r="I63" s="1068"/>
      <c r="J63" s="368">
        <v>4</v>
      </c>
      <c r="K63" s="371">
        <f>4*2</f>
        <v>8</v>
      </c>
      <c r="L63" s="368">
        <v>3</v>
      </c>
      <c r="M63" s="368"/>
      <c r="N63" s="368"/>
      <c r="O63" s="252" t="s">
        <v>2546</v>
      </c>
      <c r="P63" s="368"/>
      <c r="Q63" s="368" t="s">
        <v>2545</v>
      </c>
    </row>
    <row r="64" spans="1:17" s="274" customFormat="1" ht="252">
      <c r="A64" s="361">
        <f t="shared" si="0"/>
        <v>50</v>
      </c>
      <c r="B64" s="368" t="s">
        <v>2544</v>
      </c>
      <c r="C64" s="368" t="s">
        <v>2543</v>
      </c>
      <c r="D64" s="368" t="s">
        <v>2542</v>
      </c>
      <c r="E64" s="369" t="s">
        <v>2541</v>
      </c>
      <c r="F64" s="376">
        <v>43546</v>
      </c>
      <c r="G64" s="252" t="s">
        <v>4358</v>
      </c>
      <c r="H64" s="252" t="s">
        <v>2540</v>
      </c>
      <c r="I64" s="787"/>
      <c r="J64" s="368">
        <v>15</v>
      </c>
      <c r="K64" s="371">
        <v>45</v>
      </c>
      <c r="L64" s="368">
        <v>3</v>
      </c>
      <c r="M64" s="368"/>
      <c r="N64" s="368"/>
      <c r="O64" s="252"/>
      <c r="P64" s="368"/>
      <c r="Q64" s="368"/>
    </row>
    <row r="65" spans="1:17" s="274" customFormat="1" ht="120" customHeight="1">
      <c r="A65" s="361">
        <f t="shared" si="0"/>
        <v>51</v>
      </c>
      <c r="B65" s="368" t="s">
        <v>2539</v>
      </c>
      <c r="C65" s="368" t="s">
        <v>15</v>
      </c>
      <c r="D65" s="368" t="s">
        <v>2538</v>
      </c>
      <c r="E65" s="369" t="s">
        <v>2537</v>
      </c>
      <c r="F65" s="376">
        <v>44894</v>
      </c>
      <c r="G65" s="368" t="s">
        <v>63</v>
      </c>
      <c r="H65" s="368" t="s">
        <v>10</v>
      </c>
      <c r="I65" s="1068"/>
      <c r="J65" s="368">
        <v>6</v>
      </c>
      <c r="K65" s="368">
        <v>30</v>
      </c>
      <c r="L65" s="368">
        <v>1</v>
      </c>
      <c r="M65" s="368">
        <v>2022</v>
      </c>
      <c r="N65" s="368"/>
      <c r="O65" s="368"/>
      <c r="P65" s="368"/>
      <c r="Q65" s="368"/>
    </row>
    <row r="66" spans="1:17" s="274" customFormat="1" ht="184.5" customHeight="1">
      <c r="A66" s="361">
        <f t="shared" si="0"/>
        <v>52</v>
      </c>
      <c r="B66" s="368" t="s">
        <v>2536</v>
      </c>
      <c r="C66" s="368" t="s">
        <v>15</v>
      </c>
      <c r="D66" s="368" t="s">
        <v>2535</v>
      </c>
      <c r="E66" s="369" t="s">
        <v>2534</v>
      </c>
      <c r="F66" s="376">
        <v>44610</v>
      </c>
      <c r="G66" s="252" t="s">
        <v>4359</v>
      </c>
      <c r="H66" s="368" t="s">
        <v>10</v>
      </c>
      <c r="I66" s="1068"/>
      <c r="J66" s="368">
        <v>4</v>
      </c>
      <c r="K66" s="371">
        <v>25</v>
      </c>
      <c r="L66" s="368">
        <v>1</v>
      </c>
      <c r="M66" s="368">
        <v>2019</v>
      </c>
      <c r="N66" s="368"/>
      <c r="O66" s="252" t="s">
        <v>2533</v>
      </c>
      <c r="P66" s="368"/>
      <c r="Q66" s="368"/>
    </row>
    <row r="67" spans="1:17" s="274" customFormat="1" ht="63">
      <c r="A67" s="361">
        <f t="shared" si="0"/>
        <v>53</v>
      </c>
      <c r="B67" s="368" t="s">
        <v>2529</v>
      </c>
      <c r="C67" s="368" t="s">
        <v>179</v>
      </c>
      <c r="D67" s="368" t="s">
        <v>2528</v>
      </c>
      <c r="E67" s="369" t="s">
        <v>2527</v>
      </c>
      <c r="F67" s="376">
        <v>42781</v>
      </c>
      <c r="G67" s="252" t="s">
        <v>4360</v>
      </c>
      <c r="H67" s="369" t="s">
        <v>10</v>
      </c>
      <c r="I67" s="1080"/>
      <c r="J67" s="368">
        <v>6</v>
      </c>
      <c r="K67" s="368">
        <v>12</v>
      </c>
      <c r="L67" s="368">
        <v>3</v>
      </c>
      <c r="M67" s="368">
        <v>2023</v>
      </c>
      <c r="N67" s="368"/>
      <c r="O67" s="368"/>
      <c r="P67" s="368"/>
      <c r="Q67" s="368" t="s">
        <v>2526</v>
      </c>
    </row>
    <row r="68" spans="1:17" s="274" customFormat="1" ht="120" customHeight="1">
      <c r="A68" s="361">
        <f t="shared" si="0"/>
        <v>54</v>
      </c>
      <c r="B68" s="368" t="s">
        <v>2525</v>
      </c>
      <c r="C68" s="368" t="s">
        <v>179</v>
      </c>
      <c r="D68" s="368" t="s">
        <v>2524</v>
      </c>
      <c r="E68" s="369" t="s">
        <v>2523</v>
      </c>
      <c r="F68" s="376">
        <v>44460</v>
      </c>
      <c r="G68" s="368" t="s">
        <v>1750</v>
      </c>
      <c r="H68" s="368" t="s">
        <v>10</v>
      </c>
      <c r="I68" s="1068"/>
      <c r="J68" s="368">
        <v>65</v>
      </c>
      <c r="K68" s="368">
        <v>170</v>
      </c>
      <c r="L68" s="368">
        <v>25</v>
      </c>
      <c r="M68" s="368">
        <v>2023</v>
      </c>
      <c r="N68" s="368"/>
      <c r="O68" s="368"/>
      <c r="P68" s="368"/>
      <c r="Q68" s="368" t="s">
        <v>2522</v>
      </c>
    </row>
    <row r="69" spans="1:17" s="274" customFormat="1" ht="120" customHeight="1">
      <c r="A69" s="361">
        <f t="shared" si="0"/>
        <v>55</v>
      </c>
      <c r="B69" s="368" t="s">
        <v>2521</v>
      </c>
      <c r="C69" s="368" t="s">
        <v>15</v>
      </c>
      <c r="D69" s="368" t="s">
        <v>2520</v>
      </c>
      <c r="E69" s="369" t="s">
        <v>2519</v>
      </c>
      <c r="F69" s="376" t="s">
        <v>4351</v>
      </c>
      <c r="G69" s="268" t="s">
        <v>383</v>
      </c>
      <c r="H69" s="368" t="s">
        <v>10</v>
      </c>
      <c r="I69" s="1068"/>
      <c r="J69" s="369" t="s">
        <v>1008</v>
      </c>
      <c r="K69" s="368">
        <v>72</v>
      </c>
      <c r="L69" s="368">
        <v>4</v>
      </c>
      <c r="M69" s="368"/>
      <c r="N69" s="368"/>
      <c r="O69" s="252" t="s">
        <v>2518</v>
      </c>
      <c r="P69" s="368"/>
      <c r="Q69" s="368" t="s">
        <v>2517</v>
      </c>
    </row>
    <row r="70" spans="1:17" s="274" customFormat="1" ht="63">
      <c r="A70" s="361">
        <f t="shared" si="0"/>
        <v>56</v>
      </c>
      <c r="B70" s="368" t="s">
        <v>2516</v>
      </c>
      <c r="C70" s="368" t="s">
        <v>15</v>
      </c>
      <c r="D70" s="368" t="s">
        <v>2515</v>
      </c>
      <c r="E70" s="369" t="s">
        <v>2514</v>
      </c>
      <c r="F70" s="376">
        <v>45462</v>
      </c>
      <c r="G70" s="368"/>
      <c r="H70" s="368" t="s">
        <v>10</v>
      </c>
      <c r="I70" s="1068"/>
      <c r="J70" s="369" t="s">
        <v>975</v>
      </c>
      <c r="K70" s="368">
        <v>6</v>
      </c>
      <c r="L70" s="368"/>
      <c r="M70" s="368"/>
      <c r="N70" s="368"/>
      <c r="O70" s="252"/>
      <c r="P70" s="368"/>
      <c r="Q70" s="368"/>
    </row>
    <row r="71" spans="1:17" s="274" customFormat="1" ht="47.25">
      <c r="A71" s="361">
        <f t="shared" si="0"/>
        <v>57</v>
      </c>
      <c r="B71" s="368" t="s">
        <v>2513</v>
      </c>
      <c r="C71" s="368" t="s">
        <v>15</v>
      </c>
      <c r="D71" s="368" t="s">
        <v>2512</v>
      </c>
      <c r="E71" s="369" t="s">
        <v>2511</v>
      </c>
      <c r="F71" s="368" t="s">
        <v>2510</v>
      </c>
      <c r="G71" s="252" t="s">
        <v>4361</v>
      </c>
      <c r="H71" s="368"/>
      <c r="I71" s="1068"/>
      <c r="J71" s="369" t="s">
        <v>975</v>
      </c>
      <c r="K71" s="368">
        <v>6</v>
      </c>
      <c r="L71" s="368"/>
      <c r="M71" s="368"/>
      <c r="N71" s="368"/>
      <c r="O71" s="252"/>
      <c r="P71" s="368"/>
      <c r="Q71" s="368"/>
    </row>
    <row r="72" spans="1:17" s="274" customFormat="1" ht="120" customHeight="1">
      <c r="A72" s="361">
        <f t="shared" si="0"/>
        <v>58</v>
      </c>
      <c r="B72" s="368" t="s">
        <v>2509</v>
      </c>
      <c r="C72" s="368" t="s">
        <v>179</v>
      </c>
      <c r="D72" s="368" t="s">
        <v>2508</v>
      </c>
      <c r="E72" s="368">
        <v>5047126520</v>
      </c>
      <c r="F72" s="376">
        <v>40766</v>
      </c>
      <c r="G72" s="252" t="s">
        <v>4362</v>
      </c>
      <c r="H72" s="368"/>
      <c r="I72" s="1068"/>
      <c r="J72" s="369" t="s">
        <v>975</v>
      </c>
      <c r="K72" s="368">
        <v>6</v>
      </c>
      <c r="L72" s="368"/>
      <c r="M72" s="368"/>
      <c r="N72" s="368"/>
      <c r="O72" s="252"/>
      <c r="P72" s="368"/>
      <c r="Q72" s="368"/>
    </row>
    <row r="73" spans="1:17" s="274" customFormat="1" ht="62.25" customHeight="1">
      <c r="A73" s="361">
        <f t="shared" si="0"/>
        <v>59</v>
      </c>
      <c r="B73" s="368" t="s">
        <v>2507</v>
      </c>
      <c r="C73" s="368" t="s">
        <v>27</v>
      </c>
      <c r="D73" s="368" t="s">
        <v>2506</v>
      </c>
      <c r="E73" s="385">
        <v>780615155351</v>
      </c>
      <c r="F73" s="376">
        <v>44361</v>
      </c>
      <c r="G73" s="386"/>
      <c r="H73" s="368"/>
      <c r="I73" s="1068"/>
      <c r="J73" s="369" t="s">
        <v>966</v>
      </c>
      <c r="K73" s="368">
        <v>8</v>
      </c>
      <c r="L73" s="368"/>
      <c r="M73" s="368"/>
      <c r="N73" s="368"/>
      <c r="O73" s="252"/>
      <c r="P73" s="368"/>
      <c r="Q73" s="368"/>
    </row>
    <row r="74" spans="1:17" s="274" customFormat="1" ht="32.25" customHeight="1">
      <c r="A74" s="361"/>
      <c r="B74" s="1182" t="s">
        <v>16</v>
      </c>
      <c r="C74" s="1182"/>
      <c r="D74" s="1182"/>
      <c r="E74" s="1182"/>
      <c r="F74" s="1182"/>
      <c r="G74" s="1182"/>
      <c r="H74" s="1182"/>
      <c r="I74" s="1183"/>
      <c r="J74" s="1182"/>
      <c r="K74" s="1182"/>
      <c r="L74" s="1182"/>
      <c r="M74" s="1182"/>
      <c r="N74" s="1182"/>
      <c r="O74" s="1182"/>
      <c r="P74" s="1182"/>
      <c r="Q74" s="1182"/>
    </row>
    <row r="75" spans="1:17" s="274" customFormat="1" ht="120" customHeight="1">
      <c r="A75" s="361">
        <v>1</v>
      </c>
      <c r="B75" s="368" t="s">
        <v>2505</v>
      </c>
      <c r="C75" s="368" t="s">
        <v>179</v>
      </c>
      <c r="D75" s="368" t="s">
        <v>2504</v>
      </c>
      <c r="E75" s="369" t="s">
        <v>2503</v>
      </c>
      <c r="F75" s="268" t="s">
        <v>2502</v>
      </c>
      <c r="G75" s="370"/>
      <c r="H75" s="368"/>
      <c r="I75" s="1068"/>
      <c r="J75" s="368" t="s">
        <v>733</v>
      </c>
      <c r="K75" s="371" t="s">
        <v>733</v>
      </c>
      <c r="L75" s="368" t="s">
        <v>733</v>
      </c>
      <c r="M75" s="368"/>
      <c r="N75" s="368"/>
      <c r="O75" s="252" t="s">
        <v>2501</v>
      </c>
      <c r="P75" s="368"/>
      <c r="Q75" s="368" t="s">
        <v>2500</v>
      </c>
    </row>
    <row r="76" spans="1:17" s="274" customFormat="1" ht="120" customHeight="1">
      <c r="A76" s="361">
        <f>A75+1</f>
        <v>2</v>
      </c>
      <c r="B76" s="252" t="s">
        <v>2499</v>
      </c>
      <c r="C76" s="274" t="s">
        <v>15</v>
      </c>
      <c r="D76" s="252" t="s">
        <v>2498</v>
      </c>
      <c r="E76" s="266"/>
      <c r="F76" s="372" t="s">
        <v>2497</v>
      </c>
      <c r="G76" s="373"/>
      <c r="H76" s="252" t="s">
        <v>2496</v>
      </c>
      <c r="I76" s="787"/>
      <c r="J76" s="252" t="s">
        <v>2495</v>
      </c>
      <c r="K76" s="374" t="s">
        <v>2495</v>
      </c>
      <c r="L76" s="252"/>
      <c r="M76" s="252"/>
      <c r="N76" s="252"/>
      <c r="O76" s="252"/>
      <c r="P76" s="375"/>
      <c r="Q76" s="368" t="s">
        <v>1134</v>
      </c>
    </row>
    <row r="77" spans="1:17" s="274" customFormat="1" ht="70.5" customHeight="1">
      <c r="A77" s="361">
        <f t="shared" ref="A77:A83" si="1">A76+1</f>
        <v>3</v>
      </c>
      <c r="B77" s="252" t="s">
        <v>2494</v>
      </c>
      <c r="C77" s="252" t="s">
        <v>4161</v>
      </c>
      <c r="D77" s="252" t="s">
        <v>2493</v>
      </c>
      <c r="E77" s="266" t="s">
        <v>2492</v>
      </c>
      <c r="F77" s="376" t="s">
        <v>2491</v>
      </c>
      <c r="G77" s="372"/>
      <c r="H77" s="368"/>
      <c r="I77" s="1068"/>
      <c r="J77" s="252" t="s">
        <v>2490</v>
      </c>
      <c r="K77" s="374" t="s">
        <v>2489</v>
      </c>
      <c r="L77" s="252"/>
      <c r="M77" s="252"/>
      <c r="N77" s="252"/>
      <c r="O77" s="252" t="s">
        <v>2488</v>
      </c>
      <c r="P77" s="375"/>
      <c r="Q77" s="368"/>
    </row>
    <row r="78" spans="1:17" s="274" customFormat="1" ht="120" customHeight="1">
      <c r="A78" s="361">
        <f t="shared" si="1"/>
        <v>4</v>
      </c>
      <c r="B78" s="368" t="s">
        <v>2487</v>
      </c>
      <c r="C78" s="368" t="s">
        <v>4161</v>
      </c>
      <c r="D78" s="368" t="s">
        <v>2486</v>
      </c>
      <c r="E78" s="369" t="s">
        <v>2485</v>
      </c>
      <c r="F78" s="376" t="s">
        <v>2484</v>
      </c>
      <c r="G78" s="268" t="s">
        <v>1244</v>
      </c>
      <c r="H78" s="368" t="s">
        <v>10</v>
      </c>
      <c r="I78" s="1068"/>
      <c r="J78" s="368">
        <v>1</v>
      </c>
      <c r="K78" s="371">
        <v>9</v>
      </c>
      <c r="L78" s="368">
        <v>1</v>
      </c>
      <c r="M78" s="368"/>
      <c r="N78" s="368"/>
      <c r="O78" s="368" t="s">
        <v>2483</v>
      </c>
      <c r="P78" s="368"/>
      <c r="Q78" s="368"/>
    </row>
    <row r="79" spans="1:17" s="274" customFormat="1" ht="120" customHeight="1">
      <c r="A79" s="361">
        <f t="shared" si="1"/>
        <v>5</v>
      </c>
      <c r="B79" s="368" t="s">
        <v>2482</v>
      </c>
      <c r="C79" s="368" t="s">
        <v>4161</v>
      </c>
      <c r="D79" s="368" t="s">
        <v>2481</v>
      </c>
      <c r="E79" s="369" t="s">
        <v>2480</v>
      </c>
      <c r="F79" s="376" t="s">
        <v>2479</v>
      </c>
      <c r="G79" s="370"/>
      <c r="H79" s="377" t="s">
        <v>10</v>
      </c>
      <c r="I79" s="377"/>
      <c r="J79" s="377">
        <v>1</v>
      </c>
      <c r="K79" s="371">
        <v>4</v>
      </c>
      <c r="L79" s="368">
        <v>0</v>
      </c>
      <c r="M79" s="368"/>
      <c r="N79" s="368"/>
      <c r="O79" s="252" t="s">
        <v>2478</v>
      </c>
      <c r="P79" s="368"/>
      <c r="Q79" s="368"/>
    </row>
    <row r="80" spans="1:17" s="274" customFormat="1" ht="120" customHeight="1">
      <c r="A80" s="361">
        <f t="shared" si="1"/>
        <v>6</v>
      </c>
      <c r="B80" s="368" t="s">
        <v>2477</v>
      </c>
      <c r="C80" s="368" t="s">
        <v>4161</v>
      </c>
      <c r="D80" s="368" t="s">
        <v>2476</v>
      </c>
      <c r="E80" s="369" t="s">
        <v>2475</v>
      </c>
      <c r="F80" s="376" t="s">
        <v>2474</v>
      </c>
      <c r="G80" s="370"/>
      <c r="H80" s="368" t="s">
        <v>10</v>
      </c>
      <c r="I80" s="1068"/>
      <c r="J80" s="368">
        <v>1</v>
      </c>
      <c r="K80" s="371">
        <v>4</v>
      </c>
      <c r="L80" s="368">
        <v>0</v>
      </c>
      <c r="M80" s="368"/>
      <c r="N80" s="368"/>
      <c r="O80" s="252" t="s">
        <v>2473</v>
      </c>
      <c r="P80" s="368"/>
      <c r="Q80" s="368"/>
    </row>
    <row r="81" spans="1:17" s="274" customFormat="1" ht="120" customHeight="1">
      <c r="A81" s="361">
        <f t="shared" si="1"/>
        <v>7</v>
      </c>
      <c r="B81" s="368" t="s">
        <v>2741</v>
      </c>
      <c r="C81" s="368" t="s">
        <v>27</v>
      </c>
      <c r="D81" s="368" t="s">
        <v>2740</v>
      </c>
      <c r="E81" s="369" t="s">
        <v>2739</v>
      </c>
      <c r="F81" s="376" t="s">
        <v>4352</v>
      </c>
      <c r="G81" s="368" t="s">
        <v>926</v>
      </c>
      <c r="H81" s="368" t="s">
        <v>10</v>
      </c>
      <c r="I81" s="1068"/>
      <c r="J81" s="368">
        <v>1</v>
      </c>
      <c r="K81" s="371">
        <v>6</v>
      </c>
      <c r="L81" s="368">
        <v>1</v>
      </c>
      <c r="M81" s="368"/>
      <c r="N81" s="368"/>
      <c r="O81" s="252" t="s">
        <v>2738</v>
      </c>
      <c r="P81" s="368"/>
      <c r="Q81" s="368"/>
    </row>
    <row r="82" spans="1:17" s="274" customFormat="1" ht="120" customHeight="1">
      <c r="A82" s="361">
        <f t="shared" si="1"/>
        <v>8</v>
      </c>
      <c r="B82" s="368" t="s">
        <v>2632</v>
      </c>
      <c r="C82" s="368" t="s">
        <v>2631</v>
      </c>
      <c r="D82" s="368" t="s">
        <v>2630</v>
      </c>
      <c r="E82" s="369" t="s">
        <v>2629</v>
      </c>
      <c r="F82" s="376" t="s">
        <v>4353</v>
      </c>
      <c r="G82" s="370"/>
      <c r="H82" s="368" t="s">
        <v>10</v>
      </c>
      <c r="I82" s="1068"/>
      <c r="J82" s="368">
        <v>1</v>
      </c>
      <c r="K82" s="371">
        <v>9</v>
      </c>
      <c r="L82" s="368">
        <v>0</v>
      </c>
      <c r="M82" s="368"/>
      <c r="N82" s="368"/>
      <c r="O82" s="252" t="s">
        <v>2628</v>
      </c>
      <c r="P82" s="368"/>
      <c r="Q82" s="376"/>
    </row>
    <row r="83" spans="1:17" s="274" customFormat="1" ht="120" customHeight="1">
      <c r="A83" s="361">
        <f t="shared" si="1"/>
        <v>9</v>
      </c>
      <c r="B83" s="378" t="s">
        <v>2532</v>
      </c>
      <c r="C83" s="378" t="s">
        <v>15</v>
      </c>
      <c r="D83" s="378" t="s">
        <v>2531</v>
      </c>
      <c r="E83" s="379" t="s">
        <v>2530</v>
      </c>
      <c r="F83" s="387" t="s">
        <v>4354</v>
      </c>
      <c r="G83" s="378" t="s">
        <v>63</v>
      </c>
      <c r="H83" s="378" t="s">
        <v>10</v>
      </c>
      <c r="I83" s="531"/>
      <c r="J83" s="378">
        <v>10</v>
      </c>
      <c r="K83" s="380">
        <v>25</v>
      </c>
      <c r="L83" s="378">
        <v>1</v>
      </c>
      <c r="M83" s="378"/>
      <c r="N83" s="378"/>
      <c r="O83" s="378"/>
      <c r="P83" s="378"/>
      <c r="Q83" s="378"/>
    </row>
    <row r="84" spans="1:17">
      <c r="A84" s="75"/>
      <c r="H84" s="74"/>
      <c r="I84" s="74"/>
      <c r="J84" s="74"/>
    </row>
    <row r="85" spans="1:17">
      <c r="H85" s="74"/>
      <c r="I85" s="74"/>
      <c r="J85" s="74"/>
    </row>
    <row r="86" spans="1:17">
      <c r="H86" s="74"/>
      <c r="I86" s="74"/>
      <c r="J86" s="74"/>
    </row>
    <row r="87" spans="1:17">
      <c r="H87" s="74"/>
      <c r="I87" s="74"/>
      <c r="J87" s="74"/>
    </row>
    <row r="88" spans="1:17">
      <c r="H88" s="74"/>
      <c r="I88" s="74"/>
      <c r="J88" s="74"/>
    </row>
    <row r="89" spans="1:17">
      <c r="H89" s="74"/>
      <c r="I89" s="74"/>
      <c r="J89" s="74"/>
    </row>
    <row r="90" spans="1:17">
      <c r="H90" s="74"/>
      <c r="I90" s="74"/>
      <c r="J90" s="74"/>
    </row>
    <row r="91" spans="1:17">
      <c r="H91" s="74"/>
      <c r="I91" s="74"/>
      <c r="J91" s="74"/>
    </row>
    <row r="92" spans="1:17">
      <c r="H92" s="74"/>
      <c r="I92" s="74"/>
      <c r="J92" s="74"/>
    </row>
    <row r="93" spans="1:17">
      <c r="H93" s="74"/>
      <c r="I93" s="74"/>
      <c r="J93" s="74"/>
    </row>
    <row r="94" spans="1:17">
      <c r="H94" s="74"/>
      <c r="I94" s="74"/>
      <c r="J94" s="74"/>
    </row>
    <row r="95" spans="1:17">
      <c r="H95" s="74"/>
      <c r="I95" s="74"/>
      <c r="J95" s="74"/>
    </row>
    <row r="96" spans="1:17">
      <c r="H96" s="74"/>
      <c r="I96" s="74"/>
      <c r="J96" s="74"/>
    </row>
    <row r="97" spans="8:10">
      <c r="H97" s="74"/>
      <c r="I97" s="74"/>
      <c r="J97" s="74"/>
    </row>
    <row r="98" spans="8:10">
      <c r="H98" s="74"/>
      <c r="I98" s="74"/>
      <c r="J98" s="74"/>
    </row>
    <row r="99" spans="8:10">
      <c r="H99" s="74"/>
      <c r="I99" s="74"/>
      <c r="J99" s="74"/>
    </row>
    <row r="100" spans="8:10">
      <c r="H100" s="74"/>
      <c r="I100" s="74"/>
      <c r="J100" s="74"/>
    </row>
    <row r="101" spans="8:10">
      <c r="H101" s="74"/>
      <c r="I101" s="74"/>
      <c r="J101" s="74"/>
    </row>
    <row r="102" spans="8:10">
      <c r="H102" s="74"/>
      <c r="I102" s="74"/>
      <c r="J102" s="74"/>
    </row>
    <row r="103" spans="8:10">
      <c r="H103" s="74"/>
      <c r="I103" s="74"/>
      <c r="J103" s="74"/>
    </row>
    <row r="104" spans="8:10">
      <c r="H104" s="74"/>
      <c r="I104" s="74"/>
      <c r="J104" s="74"/>
    </row>
    <row r="105" spans="8:10">
      <c r="H105" s="74"/>
      <c r="I105" s="74"/>
      <c r="J105" s="74"/>
    </row>
    <row r="106" spans="8:10">
      <c r="H106" s="74"/>
      <c r="I106" s="74"/>
      <c r="J106" s="74"/>
    </row>
    <row r="107" spans="8:10">
      <c r="H107" s="74"/>
      <c r="I107" s="74"/>
      <c r="J107" s="74"/>
    </row>
    <row r="108" spans="8:10">
      <c r="H108" s="74"/>
      <c r="I108" s="74"/>
      <c r="J108" s="74"/>
    </row>
    <row r="109" spans="8:10">
      <c r="H109" s="74"/>
      <c r="I109" s="74"/>
      <c r="J109" s="74"/>
    </row>
    <row r="110" spans="8:10">
      <c r="H110" s="74"/>
      <c r="I110" s="74"/>
      <c r="J110" s="74"/>
    </row>
    <row r="111" spans="8:10">
      <c r="H111" s="74"/>
      <c r="I111" s="74"/>
      <c r="J111" s="74"/>
    </row>
    <row r="112" spans="8:10">
      <c r="H112" s="74"/>
      <c r="I112" s="74"/>
      <c r="J112" s="74"/>
    </row>
    <row r="113" spans="8:10">
      <c r="H113" s="74"/>
      <c r="I113" s="74"/>
      <c r="J113" s="74"/>
    </row>
    <row r="114" spans="8:10">
      <c r="H114" s="74"/>
      <c r="I114" s="74"/>
      <c r="J114" s="74"/>
    </row>
    <row r="115" spans="8:10">
      <c r="H115" s="74"/>
      <c r="I115" s="74"/>
      <c r="J115" s="74"/>
    </row>
    <row r="116" spans="8:10">
      <c r="H116" s="74"/>
      <c r="I116" s="74"/>
      <c r="J116" s="74"/>
    </row>
    <row r="117" spans="8:10">
      <c r="H117" s="74"/>
      <c r="I117" s="74"/>
      <c r="J117" s="74"/>
    </row>
    <row r="118" spans="8:10">
      <c r="H118" s="74"/>
      <c r="I118" s="74"/>
      <c r="J118" s="74"/>
    </row>
    <row r="119" spans="8:10">
      <c r="H119" s="74"/>
      <c r="I119" s="74"/>
      <c r="J119" s="74"/>
    </row>
    <row r="120" spans="8:10">
      <c r="H120" s="74"/>
      <c r="I120" s="74"/>
      <c r="J120" s="74"/>
    </row>
    <row r="121" spans="8:10">
      <c r="H121" s="74"/>
      <c r="I121" s="74"/>
      <c r="J121" s="74"/>
    </row>
    <row r="122" spans="8:10">
      <c r="H122" s="74"/>
      <c r="I122" s="74"/>
      <c r="J122" s="74"/>
    </row>
    <row r="123" spans="8:10">
      <c r="H123" s="74"/>
      <c r="I123" s="74"/>
      <c r="J123" s="74"/>
    </row>
    <row r="124" spans="8:10">
      <c r="H124" s="74"/>
      <c r="I124" s="74"/>
      <c r="J124" s="74"/>
    </row>
    <row r="125" spans="8:10">
      <c r="H125" s="74"/>
      <c r="I125" s="74"/>
      <c r="J125" s="74"/>
    </row>
    <row r="126" spans="8:10">
      <c r="H126" s="74"/>
      <c r="I126" s="74"/>
      <c r="J126" s="74"/>
    </row>
    <row r="127" spans="8:10">
      <c r="H127" s="74"/>
      <c r="I127" s="74"/>
      <c r="J127" s="74"/>
    </row>
    <row r="128" spans="8:10">
      <c r="H128" s="74"/>
      <c r="I128" s="74"/>
      <c r="J128" s="74"/>
    </row>
    <row r="129" spans="8:10">
      <c r="H129" s="74"/>
      <c r="I129" s="74"/>
      <c r="J129" s="74"/>
    </row>
    <row r="130" spans="8:10">
      <c r="H130" s="74"/>
      <c r="I130" s="74"/>
      <c r="J130" s="74"/>
    </row>
    <row r="131" spans="8:10">
      <c r="H131" s="74"/>
      <c r="I131" s="74"/>
      <c r="J131" s="74"/>
    </row>
    <row r="132" spans="8:10">
      <c r="H132" s="74"/>
      <c r="I132" s="74"/>
      <c r="J132" s="74"/>
    </row>
    <row r="133" spans="8:10">
      <c r="H133" s="74"/>
      <c r="I133" s="74"/>
      <c r="J133" s="74"/>
    </row>
    <row r="134" spans="8:10">
      <c r="H134" s="74"/>
      <c r="I134" s="74"/>
      <c r="J134" s="74"/>
    </row>
    <row r="135" spans="8:10">
      <c r="H135" s="74"/>
      <c r="I135" s="74"/>
      <c r="J135" s="74"/>
    </row>
    <row r="136" spans="8:10">
      <c r="H136" s="74"/>
      <c r="I136" s="74"/>
      <c r="J136" s="74"/>
    </row>
    <row r="137" spans="8:10">
      <c r="H137" s="74"/>
      <c r="I137" s="74"/>
      <c r="J137" s="74"/>
    </row>
    <row r="138" spans="8:10">
      <c r="H138" s="74"/>
      <c r="I138" s="74"/>
      <c r="J138" s="74"/>
    </row>
    <row r="139" spans="8:10">
      <c r="H139" s="74"/>
      <c r="I139" s="74"/>
      <c r="J139" s="74"/>
    </row>
    <row r="140" spans="8:10">
      <c r="H140" s="74"/>
      <c r="I140" s="74"/>
      <c r="J140" s="74"/>
    </row>
    <row r="141" spans="8:10">
      <c r="H141" s="74"/>
      <c r="I141" s="74"/>
      <c r="J141" s="74"/>
    </row>
    <row r="142" spans="8:10">
      <c r="H142" s="74"/>
      <c r="I142" s="74"/>
      <c r="J142" s="74"/>
    </row>
    <row r="143" spans="8:10">
      <c r="H143" s="74"/>
      <c r="I143" s="74"/>
      <c r="J143" s="74"/>
    </row>
    <row r="144" spans="8:10">
      <c r="H144" s="74"/>
      <c r="I144" s="74"/>
      <c r="J144" s="74"/>
    </row>
    <row r="145" spans="8:10">
      <c r="H145" s="74"/>
      <c r="I145" s="74"/>
      <c r="J145" s="74"/>
    </row>
    <row r="146" spans="8:10">
      <c r="H146" s="74"/>
      <c r="I146" s="74"/>
      <c r="J146" s="74"/>
    </row>
    <row r="147" spans="8:10">
      <c r="H147" s="74"/>
      <c r="I147" s="74"/>
      <c r="J147" s="74"/>
    </row>
    <row r="148" spans="8:10">
      <c r="H148" s="74"/>
      <c r="I148" s="74"/>
      <c r="J148" s="74"/>
    </row>
    <row r="149" spans="8:10">
      <c r="H149" s="74"/>
      <c r="I149" s="74"/>
      <c r="J149" s="74"/>
    </row>
    <row r="150" spans="8:10">
      <c r="H150" s="74"/>
      <c r="I150" s="74"/>
      <c r="J150" s="74"/>
    </row>
    <row r="151" spans="8:10">
      <c r="H151" s="74"/>
      <c r="I151" s="74"/>
      <c r="J151" s="74"/>
    </row>
    <row r="152" spans="8:10">
      <c r="H152" s="74"/>
      <c r="I152" s="74"/>
      <c r="J152" s="74"/>
    </row>
    <row r="153" spans="8:10">
      <c r="H153" s="74"/>
      <c r="I153" s="74"/>
      <c r="J153" s="74"/>
    </row>
    <row r="154" spans="8:10">
      <c r="H154" s="74"/>
      <c r="I154" s="74"/>
      <c r="J154" s="74"/>
    </row>
    <row r="155" spans="8:10">
      <c r="H155" s="74"/>
      <c r="I155" s="74"/>
      <c r="J155" s="74"/>
    </row>
    <row r="156" spans="8:10">
      <c r="H156" s="74"/>
      <c r="I156" s="74"/>
      <c r="J156" s="74"/>
    </row>
    <row r="157" spans="8:10">
      <c r="H157" s="74"/>
      <c r="I157" s="74"/>
      <c r="J157" s="74"/>
    </row>
    <row r="158" spans="8:10">
      <c r="H158" s="74"/>
      <c r="I158" s="74"/>
      <c r="J158" s="74"/>
    </row>
    <row r="159" spans="8:10">
      <c r="H159" s="74"/>
      <c r="I159" s="74"/>
      <c r="J159" s="74"/>
    </row>
    <row r="160" spans="8:10">
      <c r="H160" s="74"/>
      <c r="I160" s="74"/>
      <c r="J160" s="74"/>
    </row>
    <row r="161" spans="8:10">
      <c r="H161" s="74"/>
      <c r="I161" s="74"/>
      <c r="J161" s="74"/>
    </row>
    <row r="162" spans="8:10">
      <c r="H162" s="74"/>
      <c r="I162" s="74"/>
      <c r="J162" s="74"/>
    </row>
    <row r="163" spans="8:10">
      <c r="H163" s="74"/>
      <c r="I163" s="74"/>
      <c r="J163" s="74"/>
    </row>
    <row r="164" spans="8:10">
      <c r="H164" s="74"/>
      <c r="I164" s="74"/>
      <c r="J164" s="74"/>
    </row>
    <row r="165" spans="8:10">
      <c r="H165" s="74"/>
      <c r="I165" s="74"/>
      <c r="J165" s="74"/>
    </row>
    <row r="166" spans="8:10">
      <c r="H166" s="74"/>
      <c r="I166" s="74"/>
      <c r="J166" s="74"/>
    </row>
    <row r="167" spans="8:10">
      <c r="H167" s="74"/>
      <c r="I167" s="74"/>
      <c r="J167" s="74"/>
    </row>
    <row r="168" spans="8:10">
      <c r="H168" s="74"/>
      <c r="I168" s="74"/>
      <c r="J168" s="74"/>
    </row>
    <row r="169" spans="8:10">
      <c r="H169" s="74"/>
      <c r="I169" s="74"/>
      <c r="J169" s="74"/>
    </row>
    <row r="170" spans="8:10">
      <c r="H170" s="74"/>
      <c r="I170" s="74"/>
      <c r="J170" s="74"/>
    </row>
    <row r="171" spans="8:10">
      <c r="H171" s="74"/>
      <c r="I171" s="74"/>
      <c r="J171" s="74"/>
    </row>
    <row r="172" spans="8:10">
      <c r="H172" s="74"/>
      <c r="I172" s="74"/>
      <c r="J172" s="74"/>
    </row>
    <row r="173" spans="8:10">
      <c r="H173" s="74"/>
      <c r="I173" s="74"/>
      <c r="J173" s="74"/>
    </row>
    <row r="174" spans="8:10">
      <c r="H174" s="74"/>
      <c r="I174" s="74"/>
      <c r="J174" s="74"/>
    </row>
    <row r="175" spans="8:10">
      <c r="H175" s="74"/>
      <c r="I175" s="74"/>
      <c r="J175" s="74"/>
    </row>
    <row r="176" spans="8:10">
      <c r="H176" s="74"/>
      <c r="I176" s="74"/>
      <c r="J176" s="74"/>
    </row>
    <row r="177" spans="8:10">
      <c r="H177" s="74"/>
      <c r="I177" s="74"/>
      <c r="J177" s="74"/>
    </row>
    <row r="178" spans="8:10">
      <c r="H178" s="74"/>
      <c r="I178" s="74"/>
      <c r="J178" s="74"/>
    </row>
    <row r="179" spans="8:10">
      <c r="H179" s="74"/>
      <c r="I179" s="74"/>
      <c r="J179" s="74"/>
    </row>
    <row r="180" spans="8:10">
      <c r="H180" s="74"/>
      <c r="I180" s="74"/>
      <c r="J180" s="74"/>
    </row>
    <row r="181" spans="8:10">
      <c r="H181" s="74"/>
      <c r="I181" s="74"/>
      <c r="J181" s="74"/>
    </row>
    <row r="182" spans="8:10">
      <c r="H182" s="74"/>
      <c r="I182" s="74"/>
      <c r="J182" s="74"/>
    </row>
    <row r="183" spans="8:10">
      <c r="H183" s="74"/>
      <c r="I183" s="74"/>
      <c r="J183" s="74"/>
    </row>
    <row r="184" spans="8:10">
      <c r="H184" s="74"/>
      <c r="I184" s="74"/>
      <c r="J184" s="74"/>
    </row>
    <row r="185" spans="8:10">
      <c r="H185" s="74"/>
      <c r="I185" s="74"/>
      <c r="J185" s="74"/>
    </row>
    <row r="186" spans="8:10">
      <c r="H186" s="74"/>
      <c r="I186" s="74"/>
      <c r="J186" s="74"/>
    </row>
    <row r="187" spans="8:10">
      <c r="H187" s="74"/>
      <c r="I187" s="74"/>
      <c r="J187" s="74"/>
    </row>
    <row r="188" spans="8:10">
      <c r="H188" s="74"/>
      <c r="I188" s="74"/>
      <c r="J188" s="74"/>
    </row>
    <row r="189" spans="8:10">
      <c r="H189" s="74"/>
      <c r="I189" s="74"/>
      <c r="J189" s="74"/>
    </row>
    <row r="190" spans="8:10">
      <c r="H190" s="74"/>
      <c r="I190" s="74"/>
      <c r="J190" s="74"/>
    </row>
    <row r="191" spans="8:10">
      <c r="H191" s="74"/>
      <c r="I191" s="74"/>
      <c r="J191" s="74"/>
    </row>
    <row r="192" spans="8:10">
      <c r="H192" s="74"/>
      <c r="I192" s="74"/>
      <c r="J192" s="74"/>
    </row>
    <row r="193" spans="8:10">
      <c r="H193" s="74"/>
      <c r="I193" s="74"/>
      <c r="J193" s="74"/>
    </row>
    <row r="194" spans="8:10">
      <c r="H194" s="74"/>
      <c r="I194" s="74"/>
      <c r="J194" s="74"/>
    </row>
    <row r="195" spans="8:10">
      <c r="H195" s="74"/>
      <c r="I195" s="74"/>
      <c r="J195" s="74"/>
    </row>
    <row r="196" spans="8:10">
      <c r="H196" s="74"/>
      <c r="I196" s="74"/>
      <c r="J196" s="74"/>
    </row>
    <row r="197" spans="8:10">
      <c r="H197" s="74"/>
      <c r="I197" s="74"/>
      <c r="J197" s="74"/>
    </row>
    <row r="198" spans="8:10">
      <c r="H198" s="74"/>
      <c r="I198" s="74"/>
      <c r="J198" s="74"/>
    </row>
    <row r="199" spans="8:10">
      <c r="H199" s="74"/>
      <c r="I199" s="74"/>
      <c r="J199" s="74"/>
    </row>
    <row r="200" spans="8:10">
      <c r="H200" s="74"/>
      <c r="I200" s="74"/>
      <c r="J200" s="74"/>
    </row>
    <row r="201" spans="8:10">
      <c r="H201" s="74"/>
      <c r="I201" s="74"/>
      <c r="J201" s="74"/>
    </row>
    <row r="202" spans="8:10">
      <c r="H202" s="74"/>
      <c r="I202" s="74"/>
      <c r="J202" s="74"/>
    </row>
    <row r="203" spans="8:10">
      <c r="H203" s="74"/>
      <c r="I203" s="74"/>
      <c r="J203" s="74"/>
    </row>
    <row r="204" spans="8:10">
      <c r="H204" s="74"/>
      <c r="I204" s="74"/>
      <c r="J204" s="74"/>
    </row>
    <row r="205" spans="8:10">
      <c r="H205" s="74"/>
      <c r="I205" s="74"/>
      <c r="J205" s="74"/>
    </row>
    <row r="206" spans="8:10">
      <c r="H206" s="74"/>
      <c r="I206" s="74"/>
      <c r="J206" s="74"/>
    </row>
    <row r="207" spans="8:10">
      <c r="H207" s="74"/>
      <c r="I207" s="74"/>
      <c r="J207" s="74"/>
    </row>
    <row r="208" spans="8:10">
      <c r="H208" s="74"/>
      <c r="I208" s="74"/>
      <c r="J208" s="74"/>
    </row>
    <row r="209" spans="8:10">
      <c r="H209" s="74"/>
      <c r="I209" s="74"/>
      <c r="J209" s="74"/>
    </row>
    <row r="210" spans="8:10">
      <c r="H210" s="74"/>
      <c r="I210" s="74"/>
      <c r="J210" s="74"/>
    </row>
    <row r="211" spans="8:10">
      <c r="H211" s="74"/>
      <c r="I211" s="74"/>
      <c r="J211" s="74"/>
    </row>
    <row r="212" spans="8:10">
      <c r="H212" s="74"/>
      <c r="I212" s="74"/>
      <c r="J212" s="74"/>
    </row>
    <row r="213" spans="8:10">
      <c r="H213" s="74"/>
      <c r="I213" s="74"/>
      <c r="J213" s="74"/>
    </row>
    <row r="214" spans="8:10">
      <c r="H214" s="74"/>
      <c r="I214" s="74"/>
      <c r="J214" s="74"/>
    </row>
    <row r="215" spans="8:10">
      <c r="H215" s="74"/>
      <c r="I215" s="74"/>
      <c r="J215" s="74"/>
    </row>
    <row r="216" spans="8:10">
      <c r="H216" s="74"/>
      <c r="I216" s="74"/>
      <c r="J216" s="74"/>
    </row>
    <row r="217" spans="8:10">
      <c r="H217" s="74"/>
      <c r="I217" s="74"/>
      <c r="J217" s="74"/>
    </row>
    <row r="218" spans="8:10">
      <c r="H218" s="74"/>
      <c r="I218" s="74"/>
      <c r="J218" s="74"/>
    </row>
    <row r="219" spans="8:10">
      <c r="H219" s="74"/>
      <c r="I219" s="74"/>
      <c r="J219" s="74"/>
    </row>
    <row r="220" spans="8:10">
      <c r="H220" s="74"/>
      <c r="I220" s="74"/>
      <c r="J220" s="74"/>
    </row>
    <row r="221" spans="8:10">
      <c r="H221" s="74"/>
      <c r="I221" s="74"/>
      <c r="J221" s="74"/>
    </row>
    <row r="222" spans="8:10">
      <c r="H222" s="74"/>
      <c r="I222" s="74"/>
      <c r="J222" s="74"/>
    </row>
    <row r="223" spans="8:10">
      <c r="H223" s="74"/>
      <c r="I223" s="74"/>
      <c r="J223" s="74"/>
    </row>
    <row r="224" spans="8:10">
      <c r="H224" s="74"/>
      <c r="I224" s="74"/>
      <c r="J224" s="74"/>
    </row>
    <row r="225" spans="8:10">
      <c r="H225" s="74"/>
      <c r="I225" s="74"/>
      <c r="J225" s="74"/>
    </row>
    <row r="226" spans="8:10">
      <c r="H226" s="74"/>
      <c r="I226" s="74"/>
      <c r="J226" s="74"/>
    </row>
    <row r="227" spans="8:10">
      <c r="H227" s="74"/>
      <c r="I227" s="74"/>
      <c r="J227" s="74"/>
    </row>
    <row r="228" spans="8:10">
      <c r="H228" s="74"/>
      <c r="I228" s="74"/>
      <c r="J228" s="74"/>
    </row>
    <row r="229" spans="8:10">
      <c r="H229" s="74"/>
      <c r="I229" s="74"/>
      <c r="J229" s="74"/>
    </row>
    <row r="230" spans="8:10">
      <c r="H230" s="74"/>
      <c r="I230" s="74"/>
      <c r="J230" s="74"/>
    </row>
    <row r="231" spans="8:10">
      <c r="H231" s="74"/>
      <c r="I231" s="74"/>
      <c r="J231" s="74"/>
    </row>
    <row r="232" spans="8:10">
      <c r="H232" s="74"/>
      <c r="I232" s="74"/>
      <c r="J232" s="74"/>
    </row>
    <row r="233" spans="8:10">
      <c r="H233" s="74"/>
      <c r="I233" s="74"/>
      <c r="J233" s="74"/>
    </row>
    <row r="234" spans="8:10">
      <c r="H234" s="74"/>
      <c r="I234" s="74"/>
      <c r="J234" s="74"/>
    </row>
    <row r="235" spans="8:10">
      <c r="H235" s="74"/>
      <c r="I235" s="74"/>
      <c r="J235" s="74"/>
    </row>
    <row r="236" spans="8:10">
      <c r="H236" s="74"/>
      <c r="I236" s="74"/>
      <c r="J236" s="74"/>
    </row>
    <row r="237" spans="8:10">
      <c r="H237" s="74"/>
      <c r="I237" s="74"/>
      <c r="J237" s="74"/>
    </row>
    <row r="238" spans="8:10">
      <c r="H238" s="74"/>
      <c r="I238" s="74"/>
      <c r="J238" s="74"/>
    </row>
    <row r="239" spans="8:10">
      <c r="H239" s="74"/>
      <c r="I239" s="74"/>
      <c r="J239" s="74"/>
    </row>
    <row r="240" spans="8:10">
      <c r="H240" s="74"/>
      <c r="I240" s="74"/>
      <c r="J240" s="74"/>
    </row>
    <row r="241" spans="8:10">
      <c r="H241" s="74"/>
      <c r="I241" s="74"/>
      <c r="J241" s="74"/>
    </row>
    <row r="242" spans="8:10">
      <c r="H242" s="74"/>
      <c r="I242" s="74"/>
      <c r="J242" s="74"/>
    </row>
    <row r="243" spans="8:10">
      <c r="H243" s="74"/>
      <c r="I243" s="74"/>
      <c r="J243" s="74"/>
    </row>
    <row r="244" spans="8:10">
      <c r="H244" s="74"/>
      <c r="I244" s="74"/>
      <c r="J244" s="74"/>
    </row>
    <row r="245" spans="8:10">
      <c r="H245" s="74"/>
      <c r="I245" s="74"/>
      <c r="J245" s="74"/>
    </row>
    <row r="246" spans="8:10">
      <c r="H246" s="74"/>
      <c r="I246" s="74"/>
      <c r="J246" s="74"/>
    </row>
    <row r="247" spans="8:10">
      <c r="H247" s="74"/>
      <c r="I247" s="74"/>
      <c r="J247" s="74"/>
    </row>
    <row r="248" spans="8:10">
      <c r="H248" s="74"/>
      <c r="I248" s="74"/>
      <c r="J248" s="74"/>
    </row>
    <row r="249" spans="8:10">
      <c r="H249" s="74"/>
      <c r="I249" s="74"/>
      <c r="J249" s="74"/>
    </row>
    <row r="250" spans="8:10">
      <c r="H250" s="74"/>
      <c r="I250" s="74"/>
      <c r="J250" s="74"/>
    </row>
    <row r="251" spans="8:10">
      <c r="H251" s="74"/>
      <c r="I251" s="74"/>
      <c r="J251" s="74"/>
    </row>
    <row r="252" spans="8:10">
      <c r="H252" s="74"/>
      <c r="I252" s="74"/>
      <c r="J252" s="74"/>
    </row>
    <row r="253" spans="8:10">
      <c r="H253" s="74"/>
      <c r="I253" s="74"/>
      <c r="J253" s="74"/>
    </row>
    <row r="254" spans="8:10">
      <c r="H254" s="74"/>
      <c r="I254" s="74"/>
      <c r="J254" s="74"/>
    </row>
    <row r="255" spans="8:10">
      <c r="H255" s="74"/>
      <c r="I255" s="74"/>
      <c r="J255" s="74"/>
    </row>
    <row r="256" spans="8:10">
      <c r="H256" s="74"/>
      <c r="I256" s="74"/>
      <c r="J256" s="74"/>
    </row>
    <row r="257" spans="8:10">
      <c r="H257" s="74"/>
      <c r="I257" s="74"/>
      <c r="J257" s="74"/>
    </row>
    <row r="258" spans="8:10">
      <c r="H258" s="74"/>
      <c r="I258" s="74"/>
      <c r="J258" s="74"/>
    </row>
    <row r="259" spans="8:10">
      <c r="H259" s="74"/>
      <c r="I259" s="74"/>
      <c r="J259" s="74"/>
    </row>
    <row r="260" spans="8:10">
      <c r="H260" s="74"/>
      <c r="I260" s="74"/>
      <c r="J260" s="74"/>
    </row>
    <row r="261" spans="8:10">
      <c r="H261" s="74"/>
      <c r="I261" s="74"/>
      <c r="J261" s="74"/>
    </row>
    <row r="262" spans="8:10">
      <c r="H262" s="74"/>
      <c r="I262" s="74"/>
      <c r="J262" s="74"/>
    </row>
    <row r="263" spans="8:10">
      <c r="H263" s="74"/>
      <c r="I263" s="74"/>
      <c r="J263" s="74"/>
    </row>
    <row r="264" spans="8:10">
      <c r="H264" s="74"/>
      <c r="I264" s="74"/>
      <c r="J264" s="74"/>
    </row>
    <row r="265" spans="8:10">
      <c r="H265" s="74"/>
      <c r="I265" s="74"/>
      <c r="J265" s="74"/>
    </row>
    <row r="266" spans="8:10">
      <c r="H266" s="74"/>
      <c r="I266" s="74"/>
      <c r="J266" s="74"/>
    </row>
    <row r="267" spans="8:10">
      <c r="H267" s="74"/>
      <c r="I267" s="74"/>
      <c r="J267" s="74"/>
    </row>
    <row r="268" spans="8:10">
      <c r="H268" s="74"/>
      <c r="I268" s="74"/>
      <c r="J268" s="74"/>
    </row>
    <row r="269" spans="8:10">
      <c r="H269" s="74"/>
      <c r="I269" s="74"/>
      <c r="J269" s="74"/>
    </row>
    <row r="270" spans="8:10">
      <c r="H270" s="74"/>
      <c r="I270" s="74"/>
      <c r="J270" s="74"/>
    </row>
    <row r="271" spans="8:10">
      <c r="H271" s="74"/>
      <c r="I271" s="74"/>
      <c r="J271" s="74"/>
    </row>
    <row r="272" spans="8:10">
      <c r="H272" s="74"/>
      <c r="I272" s="74"/>
      <c r="J272" s="74"/>
    </row>
    <row r="273" spans="8:10">
      <c r="H273" s="74"/>
      <c r="I273" s="74"/>
      <c r="J273" s="74"/>
    </row>
    <row r="274" spans="8:10">
      <c r="H274" s="74"/>
      <c r="I274" s="74"/>
      <c r="J274" s="74"/>
    </row>
    <row r="275" spans="8:10">
      <c r="H275" s="74"/>
      <c r="I275" s="74"/>
      <c r="J275" s="74"/>
    </row>
    <row r="276" spans="8:10">
      <c r="H276" s="74"/>
      <c r="I276" s="74"/>
      <c r="J276" s="74"/>
    </row>
    <row r="277" spans="8:10">
      <c r="H277" s="74"/>
      <c r="I277" s="74"/>
      <c r="J277" s="74"/>
    </row>
    <row r="278" spans="8:10">
      <c r="H278" s="74"/>
      <c r="I278" s="74"/>
      <c r="J278" s="74"/>
    </row>
    <row r="279" spans="8:10">
      <c r="H279" s="74"/>
      <c r="I279" s="74"/>
      <c r="J279" s="74"/>
    </row>
    <row r="280" spans="8:10">
      <c r="H280" s="74"/>
      <c r="I280" s="74"/>
      <c r="J280" s="74"/>
    </row>
    <row r="281" spans="8:10">
      <c r="H281" s="74"/>
      <c r="I281" s="74"/>
      <c r="J281" s="74"/>
    </row>
    <row r="282" spans="8:10">
      <c r="H282" s="74"/>
      <c r="I282" s="74"/>
      <c r="J282" s="74"/>
    </row>
    <row r="283" spans="8:10">
      <c r="H283" s="74"/>
      <c r="I283" s="74"/>
      <c r="J283" s="74"/>
    </row>
    <row r="284" spans="8:10">
      <c r="H284" s="74"/>
      <c r="I284" s="74"/>
      <c r="J284" s="74"/>
    </row>
    <row r="285" spans="8:10">
      <c r="H285" s="74"/>
      <c r="I285" s="74"/>
      <c r="J285" s="74"/>
    </row>
    <row r="286" spans="8:10">
      <c r="H286" s="74"/>
      <c r="I286" s="74"/>
      <c r="J286" s="74"/>
    </row>
    <row r="287" spans="8:10">
      <c r="H287" s="74"/>
      <c r="I287" s="74"/>
      <c r="J287" s="74"/>
    </row>
    <row r="288" spans="8:10">
      <c r="H288" s="74"/>
      <c r="I288" s="74"/>
      <c r="J288" s="74"/>
    </row>
    <row r="289" spans="8:10">
      <c r="H289" s="74"/>
      <c r="I289" s="74"/>
      <c r="J289" s="74"/>
    </row>
    <row r="290" spans="8:10">
      <c r="H290" s="74"/>
      <c r="I290" s="74"/>
      <c r="J290" s="74"/>
    </row>
    <row r="291" spans="8:10">
      <c r="H291" s="74"/>
      <c r="I291" s="74"/>
      <c r="J291" s="74"/>
    </row>
    <row r="292" spans="8:10">
      <c r="H292" s="74"/>
      <c r="I292" s="74"/>
      <c r="J292" s="74"/>
    </row>
    <row r="293" spans="8:10">
      <c r="H293" s="74"/>
      <c r="I293" s="74"/>
      <c r="J293" s="74"/>
    </row>
    <row r="294" spans="8:10">
      <c r="H294" s="74"/>
      <c r="I294" s="74"/>
      <c r="J294" s="74"/>
    </row>
    <row r="295" spans="8:10">
      <c r="H295" s="74"/>
      <c r="I295" s="74"/>
      <c r="J295" s="74"/>
    </row>
    <row r="296" spans="8:10">
      <c r="H296" s="74"/>
      <c r="I296" s="74"/>
      <c r="J296" s="74"/>
    </row>
    <row r="297" spans="8:10">
      <c r="H297" s="74"/>
      <c r="I297" s="74"/>
      <c r="J297" s="74"/>
    </row>
    <row r="298" spans="8:10">
      <c r="H298" s="74"/>
      <c r="I298" s="74"/>
      <c r="J298" s="74"/>
    </row>
    <row r="299" spans="8:10">
      <c r="H299" s="74"/>
      <c r="I299" s="74"/>
      <c r="J299" s="74"/>
    </row>
    <row r="300" spans="8:10">
      <c r="H300" s="74"/>
      <c r="I300" s="74"/>
      <c r="J300" s="74"/>
    </row>
    <row r="301" spans="8:10">
      <c r="H301" s="74"/>
      <c r="I301" s="74"/>
      <c r="J301" s="74"/>
    </row>
    <row r="302" spans="8:10">
      <c r="H302" s="74"/>
      <c r="I302" s="74"/>
      <c r="J302" s="74"/>
    </row>
    <row r="303" spans="8:10">
      <c r="H303" s="74"/>
      <c r="I303" s="74"/>
      <c r="J303" s="74"/>
    </row>
    <row r="304" spans="8:10">
      <c r="H304" s="74"/>
      <c r="I304" s="74"/>
      <c r="J304" s="74"/>
    </row>
    <row r="305" spans="8:10">
      <c r="H305" s="74"/>
      <c r="I305" s="74"/>
      <c r="J305" s="74"/>
    </row>
    <row r="306" spans="8:10">
      <c r="H306" s="74"/>
      <c r="I306" s="74"/>
      <c r="J306" s="74"/>
    </row>
    <row r="307" spans="8:10">
      <c r="H307" s="74"/>
      <c r="I307" s="74"/>
      <c r="J307" s="74"/>
    </row>
    <row r="308" spans="8:10">
      <c r="H308" s="74"/>
      <c r="I308" s="74"/>
      <c r="J308" s="74"/>
    </row>
    <row r="309" spans="8:10">
      <c r="H309" s="74"/>
      <c r="I309" s="74"/>
      <c r="J309" s="74"/>
    </row>
    <row r="310" spans="8:10">
      <c r="H310" s="74"/>
      <c r="I310" s="74"/>
      <c r="J310" s="74"/>
    </row>
    <row r="311" spans="8:10">
      <c r="H311" s="74"/>
      <c r="I311" s="74"/>
      <c r="J311" s="74"/>
    </row>
    <row r="312" spans="8:10">
      <c r="H312" s="74"/>
      <c r="I312" s="74"/>
      <c r="J312" s="74"/>
    </row>
    <row r="313" spans="8:10">
      <c r="H313" s="74"/>
      <c r="I313" s="74"/>
      <c r="J313" s="74"/>
    </row>
    <row r="314" spans="8:10">
      <c r="H314" s="74"/>
      <c r="I314" s="74"/>
      <c r="J314" s="74"/>
    </row>
    <row r="315" spans="8:10">
      <c r="H315" s="74"/>
      <c r="I315" s="74"/>
      <c r="J315" s="74"/>
    </row>
    <row r="316" spans="8:10">
      <c r="H316" s="74"/>
      <c r="I316" s="74"/>
      <c r="J316" s="74"/>
    </row>
    <row r="317" spans="8:10">
      <c r="H317" s="74"/>
      <c r="I317" s="74"/>
      <c r="J317" s="74"/>
    </row>
    <row r="318" spans="8:10">
      <c r="H318" s="74"/>
      <c r="I318" s="74"/>
      <c r="J318" s="74"/>
    </row>
    <row r="319" spans="8:10">
      <c r="H319" s="74"/>
      <c r="I319" s="74"/>
      <c r="J319" s="74"/>
    </row>
    <row r="320" spans="8:10">
      <c r="H320" s="74"/>
      <c r="I320" s="74"/>
      <c r="J320" s="74"/>
    </row>
    <row r="321" spans="8:10">
      <c r="H321" s="74"/>
      <c r="I321" s="74"/>
      <c r="J321" s="74"/>
    </row>
    <row r="322" spans="8:10">
      <c r="H322" s="74"/>
      <c r="I322" s="74"/>
      <c r="J322" s="74"/>
    </row>
    <row r="323" spans="8:10">
      <c r="H323" s="74"/>
      <c r="I323" s="74"/>
      <c r="J323" s="74"/>
    </row>
    <row r="324" spans="8:10">
      <c r="H324" s="74"/>
      <c r="I324" s="74"/>
      <c r="J324" s="74"/>
    </row>
    <row r="325" spans="8:10">
      <c r="H325" s="74"/>
      <c r="I325" s="74"/>
      <c r="J325" s="74"/>
    </row>
    <row r="326" spans="8:10">
      <c r="H326" s="74"/>
      <c r="I326" s="74"/>
      <c r="J326" s="74"/>
    </row>
    <row r="327" spans="8:10">
      <c r="H327" s="74"/>
      <c r="I327" s="74"/>
      <c r="J327" s="74"/>
    </row>
    <row r="328" spans="8:10">
      <c r="H328" s="74"/>
      <c r="I328" s="74"/>
      <c r="J328" s="74"/>
    </row>
    <row r="329" spans="8:10">
      <c r="H329" s="74"/>
      <c r="I329" s="74"/>
      <c r="J329" s="74"/>
    </row>
    <row r="330" spans="8:10">
      <c r="H330" s="74"/>
      <c r="I330" s="74"/>
      <c r="J330" s="74"/>
    </row>
    <row r="331" spans="8:10">
      <c r="H331" s="74"/>
      <c r="I331" s="74"/>
      <c r="J331" s="74"/>
    </row>
    <row r="332" spans="8:10">
      <c r="H332" s="74"/>
      <c r="I332" s="74"/>
      <c r="J332" s="74"/>
    </row>
    <row r="333" spans="8:10">
      <c r="H333" s="74"/>
      <c r="I333" s="74"/>
      <c r="J333" s="74"/>
    </row>
    <row r="334" spans="8:10">
      <c r="H334" s="74"/>
      <c r="I334" s="74"/>
      <c r="J334" s="74"/>
    </row>
    <row r="335" spans="8:10">
      <c r="H335" s="74"/>
      <c r="I335" s="74"/>
      <c r="J335" s="74"/>
    </row>
    <row r="336" spans="8:10">
      <c r="H336" s="74"/>
      <c r="I336" s="74"/>
      <c r="J336" s="74"/>
    </row>
    <row r="337" spans="8:10">
      <c r="H337" s="74"/>
      <c r="I337" s="74"/>
      <c r="J337" s="74"/>
    </row>
    <row r="338" spans="8:10">
      <c r="H338" s="74"/>
      <c r="I338" s="74"/>
      <c r="J338" s="74"/>
    </row>
    <row r="339" spans="8:10">
      <c r="H339" s="74"/>
      <c r="I339" s="74"/>
      <c r="J339" s="74"/>
    </row>
    <row r="340" spans="8:10">
      <c r="H340" s="74"/>
      <c r="I340" s="74"/>
      <c r="J340" s="74"/>
    </row>
    <row r="341" spans="8:10">
      <c r="H341" s="74"/>
      <c r="I341" s="74"/>
      <c r="J341" s="74"/>
    </row>
    <row r="342" spans="8:10">
      <c r="H342" s="74"/>
      <c r="I342" s="74"/>
      <c r="J342" s="74"/>
    </row>
    <row r="343" spans="8:10">
      <c r="H343" s="74"/>
      <c r="I343" s="74"/>
      <c r="J343" s="74"/>
    </row>
    <row r="344" spans="8:10">
      <c r="H344" s="74"/>
      <c r="I344" s="74"/>
      <c r="J344" s="74"/>
    </row>
    <row r="345" spans="8:10">
      <c r="H345" s="74"/>
      <c r="I345" s="74"/>
      <c r="J345" s="74"/>
    </row>
    <row r="346" spans="8:10">
      <c r="H346" s="74"/>
      <c r="I346" s="74"/>
      <c r="J346" s="74"/>
    </row>
    <row r="347" spans="8:10">
      <c r="H347" s="74"/>
      <c r="I347" s="74"/>
      <c r="J347" s="74"/>
    </row>
    <row r="348" spans="8:10">
      <c r="H348" s="74"/>
      <c r="I348" s="74"/>
      <c r="J348" s="74"/>
    </row>
    <row r="349" spans="8:10">
      <c r="H349" s="74"/>
      <c r="I349" s="74"/>
      <c r="J349" s="74"/>
    </row>
    <row r="350" spans="8:10">
      <c r="H350" s="74"/>
      <c r="I350" s="74"/>
      <c r="J350" s="74"/>
    </row>
    <row r="351" spans="8:10">
      <c r="H351" s="74"/>
      <c r="I351" s="74"/>
      <c r="J351" s="74"/>
    </row>
    <row r="352" spans="8:10">
      <c r="H352" s="74"/>
      <c r="I352" s="74"/>
      <c r="J352" s="74"/>
    </row>
    <row r="353" spans="8:10">
      <c r="H353" s="74"/>
      <c r="I353" s="74"/>
      <c r="J353" s="74"/>
    </row>
    <row r="354" spans="8:10">
      <c r="H354" s="74"/>
      <c r="I354" s="74"/>
      <c r="J354" s="74"/>
    </row>
    <row r="355" spans="8:10">
      <c r="H355" s="74"/>
      <c r="I355" s="74"/>
      <c r="J355" s="74"/>
    </row>
    <row r="356" spans="8:10">
      <c r="H356" s="74"/>
      <c r="I356" s="74"/>
      <c r="J356" s="74"/>
    </row>
    <row r="357" spans="8:10">
      <c r="H357" s="74"/>
      <c r="I357" s="74"/>
      <c r="J357" s="74"/>
    </row>
    <row r="358" spans="8:10">
      <c r="H358" s="74"/>
      <c r="I358" s="74"/>
      <c r="J358" s="74"/>
    </row>
    <row r="359" spans="8:10">
      <c r="H359" s="74"/>
      <c r="I359" s="74"/>
      <c r="J359" s="74"/>
    </row>
    <row r="360" spans="8:10">
      <c r="H360" s="74"/>
      <c r="I360" s="74"/>
      <c r="J360" s="74"/>
    </row>
    <row r="361" spans="8:10">
      <c r="H361" s="74"/>
      <c r="I361" s="74"/>
      <c r="J361" s="74"/>
    </row>
    <row r="362" spans="8:10">
      <c r="H362" s="74"/>
      <c r="I362" s="74"/>
      <c r="J362" s="74"/>
    </row>
    <row r="363" spans="8:10">
      <c r="H363" s="74"/>
      <c r="I363" s="74"/>
      <c r="J363" s="74"/>
    </row>
    <row r="364" spans="8:10">
      <c r="H364" s="74"/>
      <c r="I364" s="74"/>
      <c r="J364" s="74"/>
    </row>
    <row r="365" spans="8:10">
      <c r="H365" s="74"/>
      <c r="I365" s="74"/>
      <c r="J365" s="74"/>
    </row>
    <row r="366" spans="8:10">
      <c r="H366" s="74"/>
      <c r="I366" s="74"/>
      <c r="J366" s="74"/>
    </row>
    <row r="367" spans="8:10">
      <c r="H367" s="74"/>
      <c r="I367" s="74"/>
      <c r="J367" s="74"/>
    </row>
    <row r="368" spans="8:10">
      <c r="H368" s="74"/>
      <c r="I368" s="74"/>
      <c r="J368" s="74"/>
    </row>
    <row r="369" spans="8:10">
      <c r="H369" s="74"/>
      <c r="I369" s="74"/>
      <c r="J369" s="74"/>
    </row>
    <row r="370" spans="8:10">
      <c r="H370" s="74"/>
      <c r="I370" s="74"/>
      <c r="J370" s="74"/>
    </row>
    <row r="371" spans="8:10">
      <c r="H371" s="74"/>
      <c r="I371" s="74"/>
      <c r="J371" s="74"/>
    </row>
    <row r="372" spans="8:10">
      <c r="H372" s="74"/>
      <c r="I372" s="74"/>
      <c r="J372" s="74"/>
    </row>
    <row r="373" spans="8:10">
      <c r="H373" s="74"/>
      <c r="I373" s="74"/>
      <c r="J373" s="74"/>
    </row>
    <row r="374" spans="8:10">
      <c r="H374" s="74"/>
      <c r="I374" s="74"/>
      <c r="J374" s="74"/>
    </row>
    <row r="375" spans="8:10">
      <c r="H375" s="74"/>
      <c r="I375" s="74"/>
      <c r="J375" s="74"/>
    </row>
    <row r="376" spans="8:10">
      <c r="H376" s="74"/>
      <c r="I376" s="74"/>
      <c r="J376" s="74"/>
    </row>
    <row r="377" spans="8:10">
      <c r="H377" s="74"/>
      <c r="I377" s="74"/>
      <c r="J377" s="74"/>
    </row>
    <row r="378" spans="8:10">
      <c r="H378" s="74"/>
      <c r="I378" s="74"/>
      <c r="J378" s="74"/>
    </row>
    <row r="379" spans="8:10">
      <c r="H379" s="74"/>
      <c r="I379" s="74"/>
      <c r="J379" s="74"/>
    </row>
    <row r="380" spans="8:10">
      <c r="H380" s="74"/>
      <c r="I380" s="74"/>
      <c r="J380" s="74"/>
    </row>
    <row r="381" spans="8:10">
      <c r="H381" s="74"/>
      <c r="I381" s="74"/>
      <c r="J381" s="74"/>
    </row>
    <row r="382" spans="8:10">
      <c r="H382" s="74"/>
      <c r="I382" s="74"/>
      <c r="J382" s="74"/>
    </row>
    <row r="383" spans="8:10">
      <c r="H383" s="74"/>
      <c r="I383" s="74"/>
      <c r="J383" s="74"/>
    </row>
    <row r="384" spans="8:10">
      <c r="H384" s="74"/>
      <c r="I384" s="74"/>
      <c r="J384" s="74"/>
    </row>
    <row r="385" spans="8:10">
      <c r="H385" s="74"/>
      <c r="I385" s="74"/>
      <c r="J385" s="74"/>
    </row>
    <row r="386" spans="8:10">
      <c r="H386" s="74"/>
      <c r="I386" s="74"/>
      <c r="J386" s="74"/>
    </row>
    <row r="387" spans="8:10">
      <c r="H387" s="74"/>
      <c r="I387" s="74"/>
      <c r="J387" s="74"/>
    </row>
    <row r="388" spans="8:10">
      <c r="H388" s="74"/>
      <c r="I388" s="74"/>
      <c r="J388" s="74"/>
    </row>
    <row r="389" spans="8:10">
      <c r="H389" s="74"/>
      <c r="I389" s="74"/>
      <c r="J389" s="74"/>
    </row>
    <row r="390" spans="8:10">
      <c r="H390" s="74"/>
      <c r="I390" s="74"/>
      <c r="J390" s="74"/>
    </row>
    <row r="391" spans="8:10">
      <c r="H391" s="74"/>
      <c r="I391" s="74"/>
      <c r="J391" s="74"/>
    </row>
    <row r="392" spans="8:10">
      <c r="H392" s="74"/>
      <c r="I392" s="74"/>
      <c r="J392" s="74"/>
    </row>
    <row r="393" spans="8:10">
      <c r="H393" s="74"/>
      <c r="I393" s="74"/>
      <c r="J393" s="74"/>
    </row>
    <row r="394" spans="8:10">
      <c r="H394" s="74"/>
      <c r="I394" s="74"/>
      <c r="J394" s="74"/>
    </row>
    <row r="395" spans="8:10">
      <c r="H395" s="74"/>
      <c r="I395" s="74"/>
      <c r="J395" s="74"/>
    </row>
    <row r="396" spans="8:10">
      <c r="H396" s="74"/>
      <c r="I396" s="74"/>
      <c r="J396" s="74"/>
    </row>
    <row r="397" spans="8:10">
      <c r="H397" s="74"/>
      <c r="I397" s="74"/>
      <c r="J397" s="74"/>
    </row>
    <row r="398" spans="8:10">
      <c r="H398" s="74"/>
      <c r="I398" s="74"/>
      <c r="J398" s="74"/>
    </row>
    <row r="399" spans="8:10">
      <c r="H399" s="74"/>
      <c r="I399" s="74"/>
      <c r="J399" s="74"/>
    </row>
    <row r="400" spans="8:10">
      <c r="H400" s="74"/>
      <c r="I400" s="74"/>
      <c r="J400" s="74"/>
    </row>
    <row r="401" spans="8:10">
      <c r="H401" s="74"/>
      <c r="I401" s="74"/>
      <c r="J401" s="74"/>
    </row>
    <row r="402" spans="8:10">
      <c r="H402" s="74"/>
      <c r="I402" s="74"/>
      <c r="J402" s="74"/>
    </row>
    <row r="403" spans="8:10">
      <c r="H403" s="74"/>
      <c r="I403" s="74"/>
      <c r="J403" s="74"/>
    </row>
    <row r="404" spans="8:10">
      <c r="H404" s="74"/>
      <c r="I404" s="74"/>
      <c r="J404" s="74"/>
    </row>
  </sheetData>
  <autoFilter ref="A14:Q83"/>
  <mergeCells count="6">
    <mergeCell ref="B74:Q74"/>
    <mergeCell ref="A1:O1"/>
    <mergeCell ref="B10:Q10"/>
    <mergeCell ref="B12:Q12"/>
    <mergeCell ref="B13:Q13"/>
    <mergeCell ref="E8:F8"/>
  </mergeCells>
  <hyperlinks>
    <hyperlink ref="F76" r:id="rId1"/>
  </hyperlinks>
  <pageMargins left="0.7" right="0.7" top="0.75" bottom="0.75" header="0.3" footer="0.3"/>
  <pageSetup paperSize="9" scale="37" fitToHeight="0" orientation="landscape"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Листы</vt:lpstr>
      </vt:variant>
      <vt:variant>
        <vt:i4>21</vt:i4>
      </vt:variant>
    </vt:vector>
  </HeadingPairs>
  <TitlesOfParts>
    <vt:vector size="21" baseType="lpstr">
      <vt:lpstr>Сводная на 30.06.2024</vt:lpstr>
      <vt:lpstr>Свод на 1.07 2025</vt:lpstr>
      <vt:lpstr>27.11.24</vt:lpstr>
      <vt:lpstr>Петрозаводский</vt:lpstr>
      <vt:lpstr>Костомукша</vt:lpstr>
      <vt:lpstr>Беломорский </vt:lpstr>
      <vt:lpstr>Калевальский </vt:lpstr>
      <vt:lpstr>Кемский</vt:lpstr>
      <vt:lpstr>Кондопожский</vt:lpstr>
      <vt:lpstr>Лахденпохский</vt:lpstr>
      <vt:lpstr>Лоухский</vt:lpstr>
      <vt:lpstr>Медвежьегорский</vt:lpstr>
      <vt:lpstr>Муезерский</vt:lpstr>
      <vt:lpstr>Олонецкий</vt:lpstr>
      <vt:lpstr>Питкярантский</vt:lpstr>
      <vt:lpstr>Прионежский</vt:lpstr>
      <vt:lpstr>Пряжинский </vt:lpstr>
      <vt:lpstr>Пудожский</vt:lpstr>
      <vt:lpstr>Сегежский</vt:lpstr>
      <vt:lpstr>Суоярвский</vt:lpstr>
      <vt:lpstr>Сортавальский</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06-09-16T00:00:00Z</dcterms:created>
  <dcterms:modified xsi:type="dcterms:W3CDTF">2026-01-27T13:51:17Z</dcterms:modified>
</cp:coreProperties>
</file>